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5"/>
  </p:notes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  <p:sldId id="263" r:id="rId9"/>
    <p:sldId id="264" r:id="rId10"/>
    <p:sldId id="265" r:id="rId11"/>
    <p:sldId id="266" r:id="rId12"/>
    <p:sldId id="267" r:id="rId13"/>
    <p:sldId id="268" r:id="rId14"/>
    <p:sldId id="269" r:id="rId15"/>
    <p:sldId id="270" r:id="rId16"/>
    <p:sldId id="271" r:id="rId17"/>
    <p:sldId id="272" r:id="rId18"/>
    <p:sldId id="273" r:id="rId19"/>
    <p:sldId id="274" r:id="rId20"/>
    <p:sldId id="275" r:id="rId21"/>
    <p:sldId id="276" r:id="rId22"/>
    <p:sldId id="277" r:id="rId23"/>
    <p:sldId id="278" r:id="rId24"/>
    <p:sldId id="279" r:id="rId25"/>
    <p:sldId id="280" r:id="rId26"/>
    <p:sldId id="281" r:id="rId27"/>
    <p:sldId id="282" r:id="rId28"/>
    <p:sldId id="283" r:id="rId29"/>
    <p:sldId id="284" r:id="rId30"/>
    <p:sldId id="285" r:id="rId31"/>
    <p:sldId id="304" r:id="rId32"/>
    <p:sldId id="305" r:id="rId33"/>
    <p:sldId id="306" r:id="rId34"/>
  </p:sldIdLst>
  <p:sldSz cx="12192000" cy="6858000"/>
  <p:notesSz cx="6858000" cy="9144000"/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34B7E0"/>
    <a:srgbClr val="61C6E5"/>
    <a:srgbClr val="F6F3EE"/>
    <a:srgbClr val="BFE2EB"/>
    <a:srgbClr val="63ADB1"/>
    <a:srgbClr val="83C5ED"/>
    <a:srgbClr val="2EB7E2"/>
    <a:srgbClr val="DCEFF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6083" autoAdjust="0"/>
    <p:restoredTop sz="94660"/>
  </p:normalViewPr>
  <p:slideViewPr>
    <p:cSldViewPr>
      <p:cViewPr varScale="1">
        <p:scale>
          <a:sx n="68" d="100"/>
          <a:sy n="68" d="100"/>
        </p:scale>
        <p:origin x="774" y="66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C57158B-BC16-46C1-9831-1E3AB01430CF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9C8DA6ED-4B70-4C91-BC00-EEC449F5039C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18654269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矩形 6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rgbClr val="F6F3E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800"/>
          </a:p>
        </p:txBody>
      </p:sp>
    </p:spTree>
    <p:extLst>
      <p:ext uri="{BB962C8B-B14F-4D97-AF65-F5344CB8AC3E}">
        <p14:creationId xmlns:p14="http://schemas.microsoft.com/office/powerpoint/2010/main" val="128988468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609600" y="1600201"/>
            <a:ext cx="10972800" cy="452596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94595296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垂直排列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8839200" y="274639"/>
            <a:ext cx="2743200" cy="5851525"/>
          </a:xfrm>
          <a:prstGeom prst="rect">
            <a:avLst/>
          </a:prstGeom>
        </p:spPr>
        <p:txBody>
          <a:bodyPr vert="eaVert"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609600" y="274639"/>
            <a:ext cx="8026400" cy="5851525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462743942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Icon sets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323529" y="123478"/>
            <a:ext cx="11573197" cy="72424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5400" b="0" baseline="0">
                <a:solidFill>
                  <a:schemeClr val="tx1">
                    <a:lumMod val="85000"/>
                    <a:lumOff val="15000"/>
                  </a:schemeClr>
                </a:solidFill>
                <a:latin typeface="+mj-lt"/>
                <a:cs typeface="Arial" pitchFamily="34" charset="0"/>
              </a:defRPr>
            </a:lvl1pPr>
          </a:lstStyle>
          <a:p>
            <a:pPr lvl="0"/>
            <a:r>
              <a:rPr lang="en-US" altLang="ko-KR" dirty="0"/>
              <a:t>Icon Sets Layout</a:t>
            </a:r>
          </a:p>
        </p:txBody>
      </p:sp>
      <p:sp>
        <p:nvSpPr>
          <p:cNvPr id="3" name="Rounded Rectangle 2"/>
          <p:cNvSpPr/>
          <p:nvPr userDrawn="1"/>
        </p:nvSpPr>
        <p:spPr>
          <a:xfrm>
            <a:off x="354010" y="1131591"/>
            <a:ext cx="3560767" cy="5402561"/>
          </a:xfrm>
          <a:prstGeom prst="roundRect">
            <a:avLst>
              <a:gd name="adj" fmla="val 3968"/>
            </a:avLst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/>
          </a:p>
        </p:txBody>
      </p:sp>
      <p:sp>
        <p:nvSpPr>
          <p:cNvPr id="4" name="Rounded Rectangle 3"/>
          <p:cNvSpPr/>
          <p:nvPr userDrawn="1"/>
        </p:nvSpPr>
        <p:spPr>
          <a:xfrm>
            <a:off x="531933" y="1347500"/>
            <a:ext cx="153868" cy="5015200"/>
          </a:xfrm>
          <a:prstGeom prst="roundRect">
            <a:avLst>
              <a:gd name="adj" fmla="val 50000"/>
            </a:avLst>
          </a:prstGeom>
          <a:solidFill>
            <a:schemeClr val="bg1">
              <a:alpha val="4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>
              <a:solidFill>
                <a:schemeClr val="bg1"/>
              </a:solidFill>
            </a:endParaRPr>
          </a:p>
        </p:txBody>
      </p:sp>
      <p:sp>
        <p:nvSpPr>
          <p:cNvPr id="5" name="Half Frame 4"/>
          <p:cNvSpPr/>
          <p:nvPr userDrawn="1"/>
        </p:nvSpPr>
        <p:spPr>
          <a:xfrm rot="5400000">
            <a:off x="3057177" y="1276653"/>
            <a:ext cx="685849" cy="685148"/>
          </a:xfrm>
          <a:prstGeom prst="halfFrame">
            <a:avLst>
              <a:gd name="adj1" fmla="val 23728"/>
              <a:gd name="adj2" fmla="val 24642"/>
            </a:avLst>
          </a:prstGeom>
          <a:solidFill>
            <a:schemeClr val="bg1">
              <a:alpha val="2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>
              <a:solidFill>
                <a:schemeClr val="tx1">
                  <a:lumMod val="85000"/>
                  <a:lumOff val="15000"/>
                </a:schemeClr>
              </a:solidFill>
            </a:endParaRPr>
          </a:p>
        </p:txBody>
      </p:sp>
      <p:sp>
        <p:nvSpPr>
          <p:cNvPr id="58" name="TextBox 57">
            <a:extLst>
              <a:ext uri="{FF2B5EF4-FFF2-40B4-BE49-F238E27FC236}">
                <a16:creationId xmlns:a16="http://schemas.microsoft.com/office/drawing/2014/main" id="{5644E8BB-F13A-4AE0-889E-633DE4143787}"/>
              </a:ext>
            </a:extLst>
          </p:cNvPr>
          <p:cNvSpPr txBox="1"/>
          <p:nvPr userDrawn="1"/>
        </p:nvSpPr>
        <p:spPr>
          <a:xfrm>
            <a:off x="711704" y="1637214"/>
            <a:ext cx="2232248" cy="52322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You can Resize without losing quality</a:t>
            </a:r>
            <a:endParaRPr lang="ko-KR" altLang="en-US" sz="1400" b="1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59" name="TextBox 58">
            <a:extLst>
              <a:ext uri="{FF2B5EF4-FFF2-40B4-BE49-F238E27FC236}">
                <a16:creationId xmlns:a16="http://schemas.microsoft.com/office/drawing/2014/main" id="{F2CE2B8B-ED32-491A-95B2-D28904BC432C}"/>
              </a:ext>
            </a:extLst>
          </p:cNvPr>
          <p:cNvSpPr txBox="1"/>
          <p:nvPr userDrawn="1"/>
        </p:nvSpPr>
        <p:spPr>
          <a:xfrm>
            <a:off x="711704" y="2127463"/>
            <a:ext cx="2232248" cy="738664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You can Change Fill Color &amp;</a:t>
            </a:r>
          </a:p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Line Color</a:t>
            </a:r>
            <a:endParaRPr lang="ko-KR" altLang="en-US" sz="1400" b="1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60" name="TextBox 59">
            <a:extLst>
              <a:ext uri="{FF2B5EF4-FFF2-40B4-BE49-F238E27FC236}">
                <a16:creationId xmlns:a16="http://schemas.microsoft.com/office/drawing/2014/main" id="{962A52DF-2523-4479-BFA3-B5ACE9887E1C}"/>
              </a:ext>
            </a:extLst>
          </p:cNvPr>
          <p:cNvSpPr txBox="1"/>
          <p:nvPr userDrawn="1"/>
        </p:nvSpPr>
        <p:spPr>
          <a:xfrm>
            <a:off x="721229" y="5808438"/>
            <a:ext cx="2232000" cy="307777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www.freeppt7.com</a:t>
            </a:r>
            <a:endParaRPr lang="ko-KR" altLang="en-US" sz="1400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61" name="TextBox 60">
            <a:extLst>
              <a:ext uri="{FF2B5EF4-FFF2-40B4-BE49-F238E27FC236}">
                <a16:creationId xmlns:a16="http://schemas.microsoft.com/office/drawing/2014/main" id="{BAAC314F-E96A-4408-95DE-A70E9ED054AF}"/>
              </a:ext>
            </a:extLst>
          </p:cNvPr>
          <p:cNvSpPr txBox="1"/>
          <p:nvPr userDrawn="1"/>
        </p:nvSpPr>
        <p:spPr>
          <a:xfrm>
            <a:off x="721229" y="4450324"/>
            <a:ext cx="2717296" cy="1384995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2800" b="1" dirty="0">
                <a:solidFill>
                  <a:schemeClr val="bg1"/>
                </a:solidFill>
                <a:latin typeface="+mn-lt"/>
                <a:ea typeface="+mn-ea"/>
                <a:cs typeface="Arial" pitchFamily="34" charset="0"/>
              </a:rPr>
              <a:t>FREE </a:t>
            </a:r>
          </a:p>
          <a:p>
            <a:r>
              <a:rPr lang="en-US" altLang="ko-KR" sz="2800" b="1" dirty="0">
                <a:solidFill>
                  <a:schemeClr val="bg1"/>
                </a:solidFill>
                <a:latin typeface="+mn-lt"/>
                <a:ea typeface="+mn-ea"/>
                <a:cs typeface="Arial" pitchFamily="34" charset="0"/>
              </a:rPr>
              <a:t>PPT TEMPLATES</a:t>
            </a:r>
          </a:p>
        </p:txBody>
      </p:sp>
    </p:spTree>
    <p:extLst>
      <p:ext uri="{BB962C8B-B14F-4D97-AF65-F5344CB8AC3E}">
        <p14:creationId xmlns:p14="http://schemas.microsoft.com/office/powerpoint/2010/main" val="133253680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矩形 6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rgbClr val="F6F3E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800"/>
          </a:p>
        </p:txBody>
      </p:sp>
      <p:grpSp>
        <p:nvGrpSpPr>
          <p:cNvPr id="3" name="组合 2"/>
          <p:cNvGrpSpPr/>
          <p:nvPr userDrawn="1"/>
        </p:nvGrpSpPr>
        <p:grpSpPr>
          <a:xfrm>
            <a:off x="-1" y="588692"/>
            <a:ext cx="4035695" cy="449319"/>
            <a:chOff x="-1" y="588691"/>
            <a:chExt cx="3026771" cy="449319"/>
          </a:xfrm>
        </p:grpSpPr>
        <p:sp>
          <p:nvSpPr>
            <p:cNvPr id="4" name="矩形 1"/>
            <p:cNvSpPr/>
            <p:nvPr/>
          </p:nvSpPr>
          <p:spPr>
            <a:xfrm>
              <a:off x="-1" y="588691"/>
              <a:ext cx="3026771" cy="449319"/>
            </a:xfrm>
            <a:custGeom>
              <a:avLst/>
              <a:gdLst>
                <a:gd name="connsiteX0" fmla="*/ 0 w 2411760"/>
                <a:gd name="connsiteY0" fmla="*/ 0 h 484751"/>
                <a:gd name="connsiteX1" fmla="*/ 2411760 w 2411760"/>
                <a:gd name="connsiteY1" fmla="*/ 0 h 484751"/>
                <a:gd name="connsiteX2" fmla="*/ 2411760 w 2411760"/>
                <a:gd name="connsiteY2" fmla="*/ 484751 h 484751"/>
                <a:gd name="connsiteX3" fmla="*/ 0 w 2411760"/>
                <a:gd name="connsiteY3" fmla="*/ 484751 h 484751"/>
                <a:gd name="connsiteX4" fmla="*/ 0 w 2411760"/>
                <a:gd name="connsiteY4" fmla="*/ 0 h 484751"/>
                <a:gd name="connsiteX0" fmla="*/ 0 w 2849910"/>
                <a:gd name="connsiteY0" fmla="*/ 0 h 484751"/>
                <a:gd name="connsiteX1" fmla="*/ 2411760 w 2849910"/>
                <a:gd name="connsiteY1" fmla="*/ 0 h 484751"/>
                <a:gd name="connsiteX2" fmla="*/ 2849910 w 2849910"/>
                <a:gd name="connsiteY2" fmla="*/ 484751 h 484751"/>
                <a:gd name="connsiteX3" fmla="*/ 0 w 2849910"/>
                <a:gd name="connsiteY3" fmla="*/ 484751 h 484751"/>
                <a:gd name="connsiteX4" fmla="*/ 0 w 2849910"/>
                <a:gd name="connsiteY4" fmla="*/ 0 h 484751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849910" h="484751">
                  <a:moveTo>
                    <a:pt x="0" y="0"/>
                  </a:moveTo>
                  <a:lnTo>
                    <a:pt x="2411760" y="0"/>
                  </a:lnTo>
                  <a:lnTo>
                    <a:pt x="2849910" y="484751"/>
                  </a:lnTo>
                  <a:lnTo>
                    <a:pt x="0" y="48475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 sz="1800">
                <a:solidFill>
                  <a:schemeClr val="bg1"/>
                </a:solidFill>
              </a:endParaRPr>
            </a:p>
          </p:txBody>
        </p:sp>
        <p:sp>
          <p:nvSpPr>
            <p:cNvPr id="5" name="矩形 4"/>
            <p:cNvSpPr/>
            <p:nvPr/>
          </p:nvSpPr>
          <p:spPr>
            <a:xfrm>
              <a:off x="240819" y="658342"/>
              <a:ext cx="1715854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altLang="zh-CN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  <p:sp>
        <p:nvSpPr>
          <p:cNvPr id="6" name="矩形 5"/>
          <p:cNvSpPr/>
          <p:nvPr userDrawn="1"/>
        </p:nvSpPr>
        <p:spPr>
          <a:xfrm>
            <a:off x="0" y="6021288"/>
            <a:ext cx="12192000" cy="83671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800"/>
          </a:p>
        </p:txBody>
      </p:sp>
      <p:sp>
        <p:nvSpPr>
          <p:cNvPr id="8" name="TextBox 7"/>
          <p:cNvSpPr txBox="1"/>
          <p:nvPr userDrawn="1"/>
        </p:nvSpPr>
        <p:spPr>
          <a:xfrm>
            <a:off x="9781423" y="6379593"/>
            <a:ext cx="1931284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900" spc="80" dirty="0">
                <a:ln w="3175">
                  <a:noFill/>
                </a:ln>
                <a:solidFill>
                  <a:schemeClr val="tx1">
                    <a:lumMod val="50000"/>
                    <a:lumOff val="50000"/>
                  </a:schemeClr>
                </a:solidFill>
                <a:effectLst/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www.freeppt7.com</a:t>
            </a:r>
            <a:endParaRPr lang="zh-CN" altLang="en-US" sz="900" spc="80" dirty="0">
              <a:ln w="3175">
                <a:noFill/>
              </a:ln>
              <a:solidFill>
                <a:schemeClr val="tx1">
                  <a:lumMod val="50000"/>
                  <a:lumOff val="50000"/>
                </a:schemeClr>
              </a:solidFill>
              <a:effectLst/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7505100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963084" y="4406901"/>
            <a:ext cx="103632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963084" y="2906713"/>
            <a:ext cx="10363200" cy="1500187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737600" y="635186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269784561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609600" y="1600201"/>
            <a:ext cx="5384800" cy="4525963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202660" y="1600200"/>
            <a:ext cx="5384800" cy="4525963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>
          <a:xfrm>
            <a:off x="8737600" y="6356350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233311989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609600" y="1535113"/>
            <a:ext cx="5386917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09600" y="2174875"/>
            <a:ext cx="5386917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6193368" y="1535113"/>
            <a:ext cx="5389033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6193368" y="2174875"/>
            <a:ext cx="5389033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5923508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74839991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2537517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1" y="273050"/>
            <a:ext cx="4011084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4766733" y="273051"/>
            <a:ext cx="6815667" cy="5853113"/>
          </a:xfrm>
          <a:prstGeom prst="rect">
            <a:avLst/>
          </a:prstGeo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609601" y="1435101"/>
            <a:ext cx="4011084" cy="4691063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58932890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2389717" y="4800600"/>
            <a:ext cx="73152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2389717" y="612775"/>
            <a:ext cx="7315200" cy="41148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2389717" y="5367338"/>
            <a:ext cx="7315200" cy="8048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20/6/27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65125799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矩形 2"/>
          <p:cNvSpPr/>
          <p:nvPr userDrawn="1"/>
        </p:nvSpPr>
        <p:spPr>
          <a:xfrm>
            <a:off x="0" y="6021288"/>
            <a:ext cx="12192000" cy="83671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800"/>
          </a:p>
        </p:txBody>
      </p:sp>
      <p:sp>
        <p:nvSpPr>
          <p:cNvPr id="2" name="TextBox 1"/>
          <p:cNvSpPr txBox="1"/>
          <p:nvPr userDrawn="1"/>
        </p:nvSpPr>
        <p:spPr>
          <a:xfrm>
            <a:off x="9781423" y="6379593"/>
            <a:ext cx="1931284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900" spc="80" dirty="0">
                <a:ln w="3175">
                  <a:noFill/>
                </a:ln>
                <a:solidFill>
                  <a:schemeClr val="tx1">
                    <a:lumMod val="50000"/>
                    <a:lumOff val="50000"/>
                  </a:schemeClr>
                </a:solidFill>
                <a:effectLst/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www.rapidppt.com</a:t>
            </a:r>
            <a:endParaRPr lang="zh-CN" altLang="en-US" sz="900" spc="80" dirty="0">
              <a:ln w="3175">
                <a:noFill/>
              </a:ln>
              <a:solidFill>
                <a:schemeClr val="tx1">
                  <a:lumMod val="50000"/>
                  <a:lumOff val="50000"/>
                </a:schemeClr>
              </a:solidFill>
              <a:effectLst/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8394715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hyperlink" Target="https://www.freeppt7.com/" TargetMode="Externa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3" Type="http://schemas.microsoft.com/office/2007/relationships/hdphoto" Target="../media/hdphoto2.wdp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5" Type="http://schemas.microsoft.com/office/2007/relationships/hdphoto" Target="../media/hdphoto3.wdp"/><Relationship Id="rId4" Type="http://schemas.openxmlformats.org/officeDocument/2006/relationships/image" Target="../media/image6.jpe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g"/><Relationship Id="rId2" Type="http://schemas.openxmlformats.org/officeDocument/2006/relationships/image" Target="../media/image7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2.pn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3" Type="http://schemas.microsoft.com/office/2007/relationships/hdphoto" Target="../media/hdphoto4.wdp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hyperlink" Target="https://www.freeppt7.com/" TargetMode="External"/><Relationship Id="rId1" Type="http://schemas.openxmlformats.org/officeDocument/2006/relationships/slideLayout" Target="../slideLayouts/slideLayout1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pn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1" name="组合 30"/>
          <p:cNvGrpSpPr/>
          <p:nvPr/>
        </p:nvGrpSpPr>
        <p:grpSpPr>
          <a:xfrm>
            <a:off x="5128098" y="709900"/>
            <a:ext cx="2015652" cy="2015652"/>
            <a:chOff x="3604098" y="709900"/>
            <a:chExt cx="2015652" cy="2015652"/>
          </a:xfrm>
        </p:grpSpPr>
        <p:sp>
          <p:nvSpPr>
            <p:cNvPr id="14" name="椭圆 13"/>
            <p:cNvSpPr/>
            <p:nvPr/>
          </p:nvSpPr>
          <p:spPr>
            <a:xfrm>
              <a:off x="3604098" y="709900"/>
              <a:ext cx="2015652" cy="2015652"/>
            </a:xfrm>
            <a:prstGeom prst="ellipse">
              <a:avLst/>
            </a:prstGeom>
            <a:solidFill>
              <a:schemeClr val="bg1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140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96805" y="1003671"/>
              <a:ext cx="1176925" cy="120032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7200" dirty="0">
                  <a:solidFill>
                    <a:schemeClr val="bg1"/>
                  </a:solidFill>
                  <a:latin typeface="Edwardian Script ITC" pitchFamily="66" charset="0"/>
                </a:rPr>
                <a:t>logo</a:t>
              </a:r>
              <a:endParaRPr lang="zh-CN" altLang="en-US" sz="7200" dirty="0">
                <a:solidFill>
                  <a:schemeClr val="bg1"/>
                </a:solidFill>
                <a:latin typeface="Edwardian Script ITC" pitchFamily="66" charset="0"/>
              </a:endParaRPr>
            </a:p>
          </p:txBody>
        </p:sp>
      </p:grpSp>
      <p:sp>
        <p:nvSpPr>
          <p:cNvPr id="9" name="圆角矩形 8"/>
          <p:cNvSpPr/>
          <p:nvPr/>
        </p:nvSpPr>
        <p:spPr>
          <a:xfrm>
            <a:off x="2103476" y="1726310"/>
            <a:ext cx="8064896" cy="4427621"/>
          </a:xfrm>
          <a:custGeom>
            <a:avLst/>
            <a:gdLst/>
            <a:ahLst/>
            <a:cxnLst/>
            <a:rect l="l" t="t" r="r" b="b"/>
            <a:pathLst>
              <a:path w="8064896" h="4427621">
                <a:moveTo>
                  <a:pt x="309092" y="0"/>
                </a:moveTo>
                <a:lnTo>
                  <a:pt x="2862274" y="0"/>
                </a:lnTo>
                <a:cubicBezTo>
                  <a:pt x="2862274" y="646269"/>
                  <a:pt x="3386179" y="1170174"/>
                  <a:pt x="4032448" y="1170174"/>
                </a:cubicBezTo>
                <a:cubicBezTo>
                  <a:pt x="4678717" y="1170174"/>
                  <a:pt x="5202622" y="646269"/>
                  <a:pt x="5202622" y="0"/>
                </a:cubicBezTo>
                <a:lnTo>
                  <a:pt x="7755804" y="0"/>
                </a:lnTo>
                <a:cubicBezTo>
                  <a:pt x="7926511" y="0"/>
                  <a:pt x="8064896" y="138385"/>
                  <a:pt x="8064896" y="309092"/>
                </a:cubicBezTo>
                <a:lnTo>
                  <a:pt x="8064896" y="4118529"/>
                </a:lnTo>
                <a:cubicBezTo>
                  <a:pt x="8064896" y="4289236"/>
                  <a:pt x="7926511" y="4427621"/>
                  <a:pt x="7755804" y="4427621"/>
                </a:cubicBezTo>
                <a:lnTo>
                  <a:pt x="309092" y="4427621"/>
                </a:lnTo>
                <a:cubicBezTo>
                  <a:pt x="138385" y="4427621"/>
                  <a:pt x="0" y="4289236"/>
                  <a:pt x="0" y="4118529"/>
                </a:cubicBezTo>
                <a:lnTo>
                  <a:pt x="0" y="309092"/>
                </a:lnTo>
                <a:cubicBezTo>
                  <a:pt x="0" y="138385"/>
                  <a:pt x="138385" y="0"/>
                  <a:pt x="309092" y="0"/>
                </a:cubicBezTo>
                <a:close/>
              </a:path>
            </a:pathLst>
          </a:cu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4" name="TextBox 3"/>
          <p:cNvSpPr txBox="1"/>
          <p:nvPr/>
        </p:nvSpPr>
        <p:spPr>
          <a:xfrm>
            <a:off x="3299289" y="3104523"/>
            <a:ext cx="5987216" cy="1015663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defPPr>
              <a:defRPr lang="en-US"/>
            </a:defPPr>
            <a:lvl1pPr fontAlgn="auto">
              <a:spcBef>
                <a:spcPts val="0"/>
              </a:spcBef>
              <a:spcAft>
                <a:spcPts val="0"/>
              </a:spcAft>
              <a:defRPr sz="4400">
                <a:ln w="12700">
                  <a:solidFill>
                    <a:schemeClr val="bg1"/>
                  </a:solidFill>
                </a:ln>
                <a:gradFill>
                  <a:gsLst>
                    <a:gs pos="0">
                      <a:srgbClr val="FFC000"/>
                    </a:gs>
                    <a:gs pos="21001">
                      <a:srgbClr val="FF8F8F"/>
                    </a:gs>
                    <a:gs pos="39000">
                      <a:schemeClr val="bg1"/>
                    </a:gs>
                    <a:gs pos="52000">
                      <a:srgbClr val="FFFF00"/>
                    </a:gs>
                    <a:gs pos="73000">
                      <a:srgbClr val="EE3F17"/>
                    </a:gs>
                    <a:gs pos="88000">
                      <a:srgbClr val="580000"/>
                    </a:gs>
                    <a:gs pos="100000">
                      <a:srgbClr val="510153"/>
                    </a:gs>
                  </a:gsLst>
                  <a:lin ang="5400000" scaled="0"/>
                </a:gradFill>
                <a:effectLst>
                  <a:glow rad="50800">
                    <a:schemeClr val="tx1">
                      <a:alpha val="32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叶根友刀锋黑草" pitchFamily="2" charset="-122"/>
                <a:ea typeface="叶根友刀锋黑草" pitchFamily="2" charset="-122"/>
              </a:defRPr>
            </a:lvl1pPr>
            <a:lvl2pPr marL="742950" indent="-28575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2pPr>
            <a:lvl3pPr marL="1143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3pPr>
            <a:lvl4pPr marL="1600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4pPr>
            <a:lvl5pPr marL="20574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9pPr>
          </a:lstStyle>
          <a:p>
            <a:r>
              <a:rPr lang="en-US" altLang="zh-CN" sz="6000" dirty="0">
                <a:ln w="6350">
                  <a:noFill/>
                </a:ln>
                <a:solidFill>
                  <a:schemeClr val="tx1"/>
                </a:solidFill>
                <a:effectLst/>
                <a:latin typeface="Arial Black" pitchFamily="34" charset="0"/>
              </a:rPr>
              <a:t>POWERPOINT</a:t>
            </a:r>
            <a:endParaRPr lang="zh-CN" altLang="en-US" sz="6000" dirty="0">
              <a:ln w="6350">
                <a:noFill/>
              </a:ln>
              <a:solidFill>
                <a:schemeClr val="tx1"/>
              </a:solidFill>
              <a:effectLst/>
              <a:latin typeface="Arial Black" pitchFamily="34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3791744" y="4118538"/>
            <a:ext cx="518457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2000" dirty="0">
                <a:latin typeface="微软雅黑" pitchFamily="34" charset="-122"/>
                <a:ea typeface="微软雅黑" pitchFamily="34" charset="-122"/>
              </a:rPr>
              <a:t>Insert the Subtitle of Your Presentation</a:t>
            </a:r>
          </a:p>
        </p:txBody>
      </p:sp>
      <p:sp>
        <p:nvSpPr>
          <p:cNvPr id="24" name="圆角矩形 23"/>
          <p:cNvSpPr/>
          <p:nvPr/>
        </p:nvSpPr>
        <p:spPr>
          <a:xfrm>
            <a:off x="2982220" y="2210268"/>
            <a:ext cx="1271020" cy="61975"/>
          </a:xfrm>
          <a:prstGeom prst="roundRect">
            <a:avLst>
              <a:gd name="adj" fmla="val 50000"/>
            </a:avLst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圆角矩形 25"/>
          <p:cNvSpPr/>
          <p:nvPr/>
        </p:nvSpPr>
        <p:spPr>
          <a:xfrm>
            <a:off x="8045287" y="2210268"/>
            <a:ext cx="1271020" cy="61975"/>
          </a:xfrm>
          <a:prstGeom prst="roundRect">
            <a:avLst>
              <a:gd name="adj" fmla="val 50000"/>
            </a:avLst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2103476" y="4966651"/>
            <a:ext cx="8064896" cy="1210587"/>
            <a:chOff x="579476" y="4966650"/>
            <a:chExt cx="8064896" cy="1210587"/>
          </a:xfrm>
        </p:grpSpPr>
        <p:sp>
          <p:nvSpPr>
            <p:cNvPr id="16" name="矩形 15"/>
            <p:cNvSpPr/>
            <p:nvPr/>
          </p:nvSpPr>
          <p:spPr>
            <a:xfrm>
              <a:off x="579476" y="4966650"/>
              <a:ext cx="8064896" cy="1210587"/>
            </a:xfrm>
            <a:custGeom>
              <a:avLst/>
              <a:gdLst/>
              <a:ahLst/>
              <a:cxnLst/>
              <a:rect l="l" t="t" r="r" b="b"/>
              <a:pathLst>
                <a:path w="8064896" h="1512168">
                  <a:moveTo>
                    <a:pt x="0" y="0"/>
                  </a:moveTo>
                  <a:lnTo>
                    <a:pt x="8064896" y="0"/>
                  </a:lnTo>
                  <a:lnTo>
                    <a:pt x="8064896" y="1203076"/>
                  </a:lnTo>
                  <a:cubicBezTo>
                    <a:pt x="8064896" y="1373783"/>
                    <a:pt x="7926511" y="1512168"/>
                    <a:pt x="7755804" y="1512168"/>
                  </a:cubicBezTo>
                  <a:lnTo>
                    <a:pt x="309092" y="1512168"/>
                  </a:lnTo>
                  <a:cubicBezTo>
                    <a:pt x="138385" y="1512168"/>
                    <a:pt x="0" y="1373783"/>
                    <a:pt x="0" y="1203076"/>
                  </a:cubicBezTo>
                  <a:close/>
                </a:path>
              </a:pathLst>
            </a:cu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3825619" y="5298258"/>
              <a:ext cx="1538468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zh-CN"/>
              </a:defPPr>
              <a:lvl1pPr>
                <a:defRPr sz="1300">
                  <a:latin typeface="微软雅黑" pitchFamily="34" charset="-122"/>
                  <a:ea typeface="微软雅黑" pitchFamily="34" charset="-122"/>
                </a:defRPr>
              </a:lvl1pPr>
            </a:lstStyle>
            <a:p>
              <a:r>
                <a:rPr lang="en-US" altLang="zh-CN" sz="1100" dirty="0"/>
                <a:t>Tell: 127-8744-5959</a:t>
              </a:r>
              <a:endParaRPr lang="zh-CN" altLang="en-US" sz="1100" dirty="0"/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612313" y="5543592"/>
              <a:ext cx="2327831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zh-CN"/>
              </a:defPPr>
              <a:lvl1pPr>
                <a:defRPr sz="1300">
                  <a:latin typeface="微软雅黑" pitchFamily="34" charset="-122"/>
                  <a:ea typeface="微软雅黑" pitchFamily="34" charset="-122"/>
                </a:defRPr>
              </a:lvl1pPr>
            </a:lstStyle>
            <a:p>
              <a:r>
                <a:rPr lang="en-US" altLang="zh-CN" sz="1100" dirty="0" err="1"/>
                <a:t>Emaill:yourname@gmail.com</a:t>
              </a:r>
              <a:endParaRPr lang="zh-CN" altLang="en-US" sz="1100" dirty="0"/>
            </a:p>
          </p:txBody>
        </p:sp>
        <p:cxnSp>
          <p:nvCxnSpPr>
            <p:cNvPr id="33" name="直接连接符 32"/>
            <p:cNvCxnSpPr/>
            <p:nvPr/>
          </p:nvCxnSpPr>
          <p:spPr>
            <a:xfrm>
              <a:off x="4560554" y="5336381"/>
              <a:ext cx="0" cy="448469"/>
            </a:xfrm>
            <a:prstGeom prst="line">
              <a:avLst/>
            </a:prstGeom>
            <a:solidFill>
              <a:schemeClr val="accent5">
                <a:lumMod val="60000"/>
                <a:lumOff val="40000"/>
              </a:schemeClr>
            </a:solidFill>
            <a:ln w="19050">
              <a:solidFill>
                <a:srgbClr val="63ADB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sp>
        <p:nvSpPr>
          <p:cNvPr id="2" name="矩形 1"/>
          <p:cNvSpPr/>
          <p:nvPr/>
        </p:nvSpPr>
        <p:spPr>
          <a:xfrm>
            <a:off x="3143672" y="0"/>
            <a:ext cx="936104" cy="220400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0" name="矩形 19"/>
          <p:cNvSpPr/>
          <p:nvPr/>
        </p:nvSpPr>
        <p:spPr>
          <a:xfrm>
            <a:off x="8212978" y="0"/>
            <a:ext cx="936104" cy="220400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9" name="TextBox 3">
            <a:hlinkClick r:id="rId2"/>
            <a:extLst>
              <a:ext uri="{FF2B5EF4-FFF2-40B4-BE49-F238E27FC236}">
                <a16:creationId xmlns:a16="http://schemas.microsoft.com/office/drawing/2014/main" id="{C90080F5-E69D-441F-8885-6AC11D5EC343}"/>
              </a:ext>
            </a:extLst>
          </p:cNvPr>
          <p:cNvSpPr txBox="1"/>
          <p:nvPr/>
        </p:nvSpPr>
        <p:spPr>
          <a:xfrm>
            <a:off x="3551117" y="5860505"/>
            <a:ext cx="5169613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1100" dirty="0">
                <a:cs typeface="Arial" pitchFamily="34" charset="0"/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www.freeppt7.com</a:t>
            </a:r>
            <a:endParaRPr lang="ko-KR" altLang="en-US" sz="1100" dirty="0"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446669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8" presetClass="entr" presetSubtype="0" ac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8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" presetID="12" presetClass="entr" presetSubtype="8" fill="hold" grpId="0" nodeType="withEffect">
                                  <p:stCondLst>
                                    <p:cond delay="105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4" dur="5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15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5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1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19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23" presetClass="entr" presetSubtype="16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8" presetClass="emph" presetSubtype="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animRot by="21600000">
                                      <p:cBhvr>
                                        <p:cTn id="2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27" presetID="12" presetClass="entr" presetSubtype="1" fill="hold" nodeType="withEffect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500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down)">
                                      <p:cBhvr>
                                        <p:cTn id="30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6" presetClass="entr" presetSubtype="21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6" presetClass="entr" presetSubtype="21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6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4" fill="hold" grpId="0" nodeType="withEffect">
                                  <p:stCondLst>
                                    <p:cond delay="225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22" presetClass="entr" presetSubtype="4" fill="hold" grpId="0" nodeType="withEffect">
                                  <p:stCondLst>
                                    <p:cond delay="225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4" grpId="0"/>
      <p:bldP spid="5" grpId="0"/>
      <p:bldP spid="24" grpId="0" animBg="1"/>
      <p:bldP spid="26" grpId="0" animBg="1"/>
      <p:bldP spid="2" grpId="0" animBg="1"/>
      <p:bldP spid="20" grpId="0" animBg="1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745932" y="2219478"/>
            <a:ext cx="5646725" cy="2318309"/>
            <a:chOff x="1553227" y="1803748"/>
            <a:chExt cx="4698501" cy="1929008"/>
          </a:xfrm>
        </p:grpSpPr>
        <p:sp>
          <p:nvSpPr>
            <p:cNvPr id="3" name="任意多边形 2"/>
            <p:cNvSpPr/>
            <p:nvPr/>
          </p:nvSpPr>
          <p:spPr>
            <a:xfrm>
              <a:off x="1703540" y="2133601"/>
              <a:ext cx="4546948" cy="1436318"/>
            </a:xfrm>
            <a:custGeom>
              <a:avLst/>
              <a:gdLst>
                <a:gd name="connsiteX0" fmla="*/ 0 w 4546948"/>
                <a:gd name="connsiteY0" fmla="*/ 1365337 h 1390389"/>
                <a:gd name="connsiteX1" fmla="*/ 388307 w 4546948"/>
                <a:gd name="connsiteY1" fmla="*/ 826718 h 1390389"/>
                <a:gd name="connsiteX2" fmla="*/ 801665 w 4546948"/>
                <a:gd name="connsiteY2" fmla="*/ 663879 h 1390389"/>
                <a:gd name="connsiteX3" fmla="*/ 1202498 w 4546948"/>
                <a:gd name="connsiteY3" fmla="*/ 225468 h 1390389"/>
                <a:gd name="connsiteX4" fmla="*/ 1640909 w 4546948"/>
                <a:gd name="connsiteY4" fmla="*/ 212942 h 1390389"/>
                <a:gd name="connsiteX5" fmla="*/ 2041742 w 4546948"/>
                <a:gd name="connsiteY5" fmla="*/ 0 h 1390389"/>
                <a:gd name="connsiteX6" fmla="*/ 2455101 w 4546948"/>
                <a:gd name="connsiteY6" fmla="*/ 137786 h 1390389"/>
                <a:gd name="connsiteX7" fmla="*/ 2880986 w 4546948"/>
                <a:gd name="connsiteY7" fmla="*/ 62630 h 1390389"/>
                <a:gd name="connsiteX8" fmla="*/ 3294345 w 4546948"/>
                <a:gd name="connsiteY8" fmla="*/ 250520 h 1390389"/>
                <a:gd name="connsiteX9" fmla="*/ 3707704 w 4546948"/>
                <a:gd name="connsiteY9" fmla="*/ 237994 h 1390389"/>
                <a:gd name="connsiteX10" fmla="*/ 4146115 w 4546948"/>
                <a:gd name="connsiteY10" fmla="*/ 713983 h 1390389"/>
                <a:gd name="connsiteX11" fmla="*/ 4546948 w 4546948"/>
                <a:gd name="connsiteY11" fmla="*/ 538619 h 1390389"/>
                <a:gd name="connsiteX12" fmla="*/ 4546948 w 4546948"/>
                <a:gd name="connsiteY12" fmla="*/ 1390389 h 1390389"/>
                <a:gd name="connsiteX13" fmla="*/ 0 w 4546948"/>
                <a:gd name="connsiteY13" fmla="*/ 1365337 h 139038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</a:cxnLst>
              <a:rect l="l" t="t" r="r" b="b"/>
              <a:pathLst>
                <a:path w="4546948" h="1390389">
                  <a:moveTo>
                    <a:pt x="0" y="1365337"/>
                  </a:moveTo>
                  <a:lnTo>
                    <a:pt x="388307" y="826718"/>
                  </a:lnTo>
                  <a:lnTo>
                    <a:pt x="801665" y="663879"/>
                  </a:lnTo>
                  <a:lnTo>
                    <a:pt x="1202498" y="225468"/>
                  </a:lnTo>
                  <a:lnTo>
                    <a:pt x="1640909" y="212942"/>
                  </a:lnTo>
                  <a:lnTo>
                    <a:pt x="2041742" y="0"/>
                  </a:lnTo>
                  <a:lnTo>
                    <a:pt x="2455101" y="137786"/>
                  </a:lnTo>
                  <a:lnTo>
                    <a:pt x="2880986" y="62630"/>
                  </a:lnTo>
                  <a:lnTo>
                    <a:pt x="3294345" y="250520"/>
                  </a:lnTo>
                  <a:lnTo>
                    <a:pt x="3707704" y="237994"/>
                  </a:lnTo>
                  <a:lnTo>
                    <a:pt x="4146115" y="713983"/>
                  </a:lnTo>
                  <a:lnTo>
                    <a:pt x="4546948" y="538619"/>
                  </a:lnTo>
                  <a:lnTo>
                    <a:pt x="4546948" y="1390389"/>
                  </a:lnTo>
                  <a:lnTo>
                    <a:pt x="0" y="1365337"/>
                  </a:lnTo>
                  <a:close/>
                </a:path>
              </a:pathLst>
            </a:custGeom>
            <a:solidFill>
              <a:srgbClr val="55777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" name="任意多边形 3"/>
            <p:cNvSpPr/>
            <p:nvPr/>
          </p:nvSpPr>
          <p:spPr>
            <a:xfrm>
              <a:off x="1691014" y="2392471"/>
              <a:ext cx="4559474" cy="1177447"/>
            </a:xfrm>
            <a:custGeom>
              <a:avLst/>
              <a:gdLst>
                <a:gd name="connsiteX0" fmla="*/ 0 w 4584526"/>
                <a:gd name="connsiteY0" fmla="*/ 1164921 h 1177447"/>
                <a:gd name="connsiteX1" fmla="*/ 814191 w 4584526"/>
                <a:gd name="connsiteY1" fmla="*/ 463463 h 1177447"/>
                <a:gd name="connsiteX2" fmla="*/ 1227550 w 4584526"/>
                <a:gd name="connsiteY2" fmla="*/ 363255 h 1177447"/>
                <a:gd name="connsiteX3" fmla="*/ 1628383 w 4584526"/>
                <a:gd name="connsiteY3" fmla="*/ 438411 h 1177447"/>
                <a:gd name="connsiteX4" fmla="*/ 2041742 w 4584526"/>
                <a:gd name="connsiteY4" fmla="*/ 0 h 1177447"/>
                <a:gd name="connsiteX5" fmla="*/ 2442575 w 4584526"/>
                <a:gd name="connsiteY5" fmla="*/ 0 h 1177447"/>
                <a:gd name="connsiteX6" fmla="*/ 2868460 w 4584526"/>
                <a:gd name="connsiteY6" fmla="*/ 338203 h 1177447"/>
                <a:gd name="connsiteX7" fmla="*/ 3269293 w 4584526"/>
                <a:gd name="connsiteY7" fmla="*/ 187891 h 1177447"/>
                <a:gd name="connsiteX8" fmla="*/ 3757808 w 4584526"/>
                <a:gd name="connsiteY8" fmla="*/ 713984 h 1177447"/>
                <a:gd name="connsiteX9" fmla="*/ 4146115 w 4584526"/>
                <a:gd name="connsiteY9" fmla="*/ 601250 h 1177447"/>
                <a:gd name="connsiteX10" fmla="*/ 4584526 w 4584526"/>
                <a:gd name="connsiteY10" fmla="*/ 801666 h 1177447"/>
                <a:gd name="connsiteX11" fmla="*/ 4584526 w 4584526"/>
                <a:gd name="connsiteY11" fmla="*/ 1177447 h 1177447"/>
                <a:gd name="connsiteX12" fmla="*/ 0 w 4584526"/>
                <a:gd name="connsiteY12" fmla="*/ 1164921 h 117744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4584526" h="1177447">
                  <a:moveTo>
                    <a:pt x="0" y="1164921"/>
                  </a:moveTo>
                  <a:lnTo>
                    <a:pt x="814191" y="463463"/>
                  </a:lnTo>
                  <a:lnTo>
                    <a:pt x="1227550" y="363255"/>
                  </a:lnTo>
                  <a:lnTo>
                    <a:pt x="1628383" y="438411"/>
                  </a:lnTo>
                  <a:lnTo>
                    <a:pt x="2041742" y="0"/>
                  </a:lnTo>
                  <a:lnTo>
                    <a:pt x="2442575" y="0"/>
                  </a:lnTo>
                  <a:lnTo>
                    <a:pt x="2868460" y="338203"/>
                  </a:lnTo>
                  <a:lnTo>
                    <a:pt x="3269293" y="187891"/>
                  </a:lnTo>
                  <a:lnTo>
                    <a:pt x="3757808" y="713984"/>
                  </a:lnTo>
                  <a:lnTo>
                    <a:pt x="4146115" y="601250"/>
                  </a:lnTo>
                  <a:lnTo>
                    <a:pt x="4584526" y="801666"/>
                  </a:lnTo>
                  <a:lnTo>
                    <a:pt x="4584526" y="1177447"/>
                  </a:lnTo>
                  <a:lnTo>
                    <a:pt x="0" y="1164921"/>
                  </a:lnTo>
                  <a:close/>
                </a:path>
              </a:pathLst>
            </a:custGeom>
            <a:solidFill>
              <a:srgbClr val="B3C9C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" name="任意多边形 4"/>
            <p:cNvSpPr/>
            <p:nvPr/>
          </p:nvSpPr>
          <p:spPr>
            <a:xfrm>
              <a:off x="1678488" y="2668044"/>
              <a:ext cx="4573240" cy="906075"/>
            </a:xfrm>
            <a:custGeom>
              <a:avLst/>
              <a:gdLst>
                <a:gd name="connsiteX0" fmla="*/ 0 w 4597052"/>
                <a:gd name="connsiteY0" fmla="*/ 926926 h 926926"/>
                <a:gd name="connsiteX1" fmla="*/ 789139 w 4597052"/>
                <a:gd name="connsiteY1" fmla="*/ 388307 h 926926"/>
                <a:gd name="connsiteX2" fmla="*/ 1716065 w 4597052"/>
                <a:gd name="connsiteY2" fmla="*/ 187890 h 926926"/>
                <a:gd name="connsiteX3" fmla="*/ 2066794 w 4597052"/>
                <a:gd name="connsiteY3" fmla="*/ 250520 h 926926"/>
                <a:gd name="connsiteX4" fmla="*/ 2480153 w 4597052"/>
                <a:gd name="connsiteY4" fmla="*/ 0 h 926926"/>
                <a:gd name="connsiteX5" fmla="*/ 2906038 w 4597052"/>
                <a:gd name="connsiteY5" fmla="*/ 62630 h 926926"/>
                <a:gd name="connsiteX6" fmla="*/ 3294345 w 4597052"/>
                <a:gd name="connsiteY6" fmla="*/ 463463 h 926926"/>
                <a:gd name="connsiteX7" fmla="*/ 4233797 w 4597052"/>
                <a:gd name="connsiteY7" fmla="*/ 676405 h 926926"/>
                <a:gd name="connsiteX8" fmla="*/ 4597052 w 4597052"/>
                <a:gd name="connsiteY8" fmla="*/ 901874 h 926926"/>
                <a:gd name="connsiteX9" fmla="*/ 0 w 4597052"/>
                <a:gd name="connsiteY9" fmla="*/ 926926 h 926926"/>
                <a:gd name="connsiteX0" fmla="*/ 0 w 4597052"/>
                <a:gd name="connsiteY0" fmla="*/ 926926 h 926926"/>
                <a:gd name="connsiteX1" fmla="*/ 789139 w 4597052"/>
                <a:gd name="connsiteY1" fmla="*/ 388307 h 926926"/>
                <a:gd name="connsiteX2" fmla="*/ 1716065 w 4597052"/>
                <a:gd name="connsiteY2" fmla="*/ 187890 h 926926"/>
                <a:gd name="connsiteX3" fmla="*/ 2066794 w 4597052"/>
                <a:gd name="connsiteY3" fmla="*/ 250520 h 926926"/>
                <a:gd name="connsiteX4" fmla="*/ 2480153 w 4597052"/>
                <a:gd name="connsiteY4" fmla="*/ 0 h 926926"/>
                <a:gd name="connsiteX5" fmla="*/ 3026688 w 4597052"/>
                <a:gd name="connsiteY5" fmla="*/ 107080 h 926926"/>
                <a:gd name="connsiteX6" fmla="*/ 3294345 w 4597052"/>
                <a:gd name="connsiteY6" fmla="*/ 463463 h 926926"/>
                <a:gd name="connsiteX7" fmla="*/ 4233797 w 4597052"/>
                <a:gd name="connsiteY7" fmla="*/ 676405 h 926926"/>
                <a:gd name="connsiteX8" fmla="*/ 4597052 w 4597052"/>
                <a:gd name="connsiteY8" fmla="*/ 901874 h 926926"/>
                <a:gd name="connsiteX9" fmla="*/ 0 w 4597052"/>
                <a:gd name="connsiteY9" fmla="*/ 926926 h 926926"/>
                <a:gd name="connsiteX0" fmla="*/ 0 w 4568477"/>
                <a:gd name="connsiteY0" fmla="*/ 926926 h 926926"/>
                <a:gd name="connsiteX1" fmla="*/ 789139 w 4568477"/>
                <a:gd name="connsiteY1" fmla="*/ 388307 h 926926"/>
                <a:gd name="connsiteX2" fmla="*/ 1716065 w 4568477"/>
                <a:gd name="connsiteY2" fmla="*/ 187890 h 926926"/>
                <a:gd name="connsiteX3" fmla="*/ 2066794 w 4568477"/>
                <a:gd name="connsiteY3" fmla="*/ 250520 h 926926"/>
                <a:gd name="connsiteX4" fmla="*/ 2480153 w 4568477"/>
                <a:gd name="connsiteY4" fmla="*/ 0 h 926926"/>
                <a:gd name="connsiteX5" fmla="*/ 3026688 w 4568477"/>
                <a:gd name="connsiteY5" fmla="*/ 107080 h 926926"/>
                <a:gd name="connsiteX6" fmla="*/ 3294345 w 4568477"/>
                <a:gd name="connsiteY6" fmla="*/ 463463 h 926926"/>
                <a:gd name="connsiteX7" fmla="*/ 4233797 w 4568477"/>
                <a:gd name="connsiteY7" fmla="*/ 676405 h 926926"/>
                <a:gd name="connsiteX8" fmla="*/ 4568477 w 4568477"/>
                <a:gd name="connsiteY8" fmla="*/ 911664 h 926926"/>
                <a:gd name="connsiteX9" fmla="*/ 0 w 4568477"/>
                <a:gd name="connsiteY9" fmla="*/ 926926 h 926926"/>
                <a:gd name="connsiteX0" fmla="*/ 0 w 4573240"/>
                <a:gd name="connsiteY0" fmla="*/ 926926 h 931244"/>
                <a:gd name="connsiteX1" fmla="*/ 789139 w 4573240"/>
                <a:gd name="connsiteY1" fmla="*/ 388307 h 931244"/>
                <a:gd name="connsiteX2" fmla="*/ 1716065 w 4573240"/>
                <a:gd name="connsiteY2" fmla="*/ 187890 h 931244"/>
                <a:gd name="connsiteX3" fmla="*/ 2066794 w 4573240"/>
                <a:gd name="connsiteY3" fmla="*/ 250520 h 931244"/>
                <a:gd name="connsiteX4" fmla="*/ 2480153 w 4573240"/>
                <a:gd name="connsiteY4" fmla="*/ 0 h 931244"/>
                <a:gd name="connsiteX5" fmla="*/ 3026688 w 4573240"/>
                <a:gd name="connsiteY5" fmla="*/ 107080 h 931244"/>
                <a:gd name="connsiteX6" fmla="*/ 3294345 w 4573240"/>
                <a:gd name="connsiteY6" fmla="*/ 463463 h 931244"/>
                <a:gd name="connsiteX7" fmla="*/ 4233797 w 4573240"/>
                <a:gd name="connsiteY7" fmla="*/ 676405 h 931244"/>
                <a:gd name="connsiteX8" fmla="*/ 4573240 w 4573240"/>
                <a:gd name="connsiteY8" fmla="*/ 931244 h 931244"/>
                <a:gd name="connsiteX9" fmla="*/ 0 w 4573240"/>
                <a:gd name="connsiteY9" fmla="*/ 926926 h 93124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4573240" h="931244">
                  <a:moveTo>
                    <a:pt x="0" y="926926"/>
                  </a:moveTo>
                  <a:lnTo>
                    <a:pt x="789139" y="388307"/>
                  </a:lnTo>
                  <a:lnTo>
                    <a:pt x="1716065" y="187890"/>
                  </a:lnTo>
                  <a:lnTo>
                    <a:pt x="2066794" y="250520"/>
                  </a:lnTo>
                  <a:lnTo>
                    <a:pt x="2480153" y="0"/>
                  </a:lnTo>
                  <a:lnTo>
                    <a:pt x="3026688" y="107080"/>
                  </a:lnTo>
                  <a:lnTo>
                    <a:pt x="3294345" y="463463"/>
                  </a:lnTo>
                  <a:lnTo>
                    <a:pt x="4233797" y="676405"/>
                  </a:lnTo>
                  <a:lnTo>
                    <a:pt x="4573240" y="931244"/>
                  </a:lnTo>
                  <a:lnTo>
                    <a:pt x="0" y="926926"/>
                  </a:lnTo>
                  <a:close/>
                </a:path>
              </a:pathLst>
            </a:custGeom>
            <a:solidFill>
              <a:schemeClr val="accent5">
                <a:lumMod val="20000"/>
                <a:lumOff val="8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" name="任意多边形 5"/>
            <p:cNvSpPr/>
            <p:nvPr/>
          </p:nvSpPr>
          <p:spPr>
            <a:xfrm>
              <a:off x="1691014" y="1803748"/>
              <a:ext cx="0" cy="1929008"/>
            </a:xfrm>
            <a:custGeom>
              <a:avLst/>
              <a:gdLst>
                <a:gd name="connsiteX0" fmla="*/ 0 w 0"/>
                <a:gd name="connsiteY0" fmla="*/ 0 h 1929008"/>
                <a:gd name="connsiteX1" fmla="*/ 0 w 0"/>
                <a:gd name="connsiteY1" fmla="*/ 1929008 h 192900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l="l" t="t" r="r" b="b"/>
              <a:pathLst>
                <a:path h="1929008">
                  <a:moveTo>
                    <a:pt x="0" y="0"/>
                  </a:moveTo>
                  <a:lnTo>
                    <a:pt x="0" y="1929008"/>
                  </a:lnTo>
                </a:path>
              </a:pathLst>
            </a:custGeom>
            <a:noFill/>
            <a:ln w="12700">
              <a:solidFill>
                <a:schemeClr val="tx1">
                  <a:lumMod val="50000"/>
                  <a:lumOff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7" name="任意多边形 6"/>
            <p:cNvSpPr/>
            <p:nvPr/>
          </p:nvSpPr>
          <p:spPr>
            <a:xfrm>
              <a:off x="1553227" y="3569918"/>
              <a:ext cx="4697261" cy="0"/>
            </a:xfrm>
            <a:custGeom>
              <a:avLst/>
              <a:gdLst>
                <a:gd name="connsiteX0" fmla="*/ 0 w 4697261"/>
                <a:gd name="connsiteY0" fmla="*/ 0 h 0"/>
                <a:gd name="connsiteX1" fmla="*/ 4697261 w 4697261"/>
                <a:gd name="connsiteY1" fmla="*/ 0 h 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l="l" t="t" r="r" b="b"/>
              <a:pathLst>
                <a:path w="4697261">
                  <a:moveTo>
                    <a:pt x="0" y="0"/>
                  </a:moveTo>
                  <a:lnTo>
                    <a:pt x="4697261" y="0"/>
                  </a:lnTo>
                </a:path>
              </a:pathLst>
            </a:custGeom>
            <a:noFill/>
            <a:ln w="12700">
              <a:solidFill>
                <a:schemeClr val="tx1">
                  <a:lumMod val="50000"/>
                  <a:lumOff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8" name="组合 7"/>
          <p:cNvGrpSpPr/>
          <p:nvPr/>
        </p:nvGrpSpPr>
        <p:grpSpPr>
          <a:xfrm>
            <a:off x="2422299" y="2390928"/>
            <a:ext cx="489227" cy="1869877"/>
            <a:chOff x="1161827" y="1888770"/>
            <a:chExt cx="489227" cy="1869877"/>
          </a:xfrm>
        </p:grpSpPr>
        <p:grpSp>
          <p:nvGrpSpPr>
            <p:cNvPr id="9" name="组合 8"/>
            <p:cNvGrpSpPr/>
            <p:nvPr/>
          </p:nvGrpSpPr>
          <p:grpSpPr>
            <a:xfrm>
              <a:off x="1485460" y="2059290"/>
              <a:ext cx="165594" cy="1550164"/>
              <a:chOff x="1485460" y="2059290"/>
              <a:chExt cx="165594" cy="1550164"/>
            </a:xfrm>
          </p:grpSpPr>
          <p:cxnSp>
            <p:nvCxnSpPr>
              <p:cNvPr id="17" name="直接连接符 16"/>
              <p:cNvCxnSpPr/>
              <p:nvPr/>
            </p:nvCxnSpPr>
            <p:spPr>
              <a:xfrm flipH="1">
                <a:off x="1485460" y="3609454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18" name="直接连接符 17"/>
              <p:cNvCxnSpPr/>
              <p:nvPr/>
            </p:nvCxnSpPr>
            <p:spPr>
              <a:xfrm flipH="1">
                <a:off x="1485460" y="3351095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19" name="直接连接符 18"/>
              <p:cNvCxnSpPr/>
              <p:nvPr/>
            </p:nvCxnSpPr>
            <p:spPr>
              <a:xfrm flipH="1">
                <a:off x="1485460" y="3092734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20" name="直接连接符 19"/>
              <p:cNvCxnSpPr/>
              <p:nvPr/>
            </p:nvCxnSpPr>
            <p:spPr>
              <a:xfrm flipH="1">
                <a:off x="1485460" y="2834373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21" name="直接连接符 20"/>
              <p:cNvCxnSpPr/>
              <p:nvPr/>
            </p:nvCxnSpPr>
            <p:spPr>
              <a:xfrm flipH="1">
                <a:off x="1485460" y="2576012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22" name="直接连接符 21"/>
              <p:cNvCxnSpPr/>
              <p:nvPr/>
            </p:nvCxnSpPr>
            <p:spPr>
              <a:xfrm flipH="1">
                <a:off x="1485460" y="2317651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23" name="直接连接符 22"/>
              <p:cNvCxnSpPr/>
              <p:nvPr/>
            </p:nvCxnSpPr>
            <p:spPr>
              <a:xfrm flipH="1">
                <a:off x="1485460" y="2059290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</p:grpSp>
        <p:sp>
          <p:nvSpPr>
            <p:cNvPr id="10" name="TextBox 9"/>
            <p:cNvSpPr txBox="1"/>
            <p:nvPr/>
          </p:nvSpPr>
          <p:spPr>
            <a:xfrm>
              <a:off x="1214726" y="3450870"/>
              <a:ext cx="290464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0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1161827" y="3209570"/>
              <a:ext cx="396262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10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1161827" y="2942870"/>
              <a:ext cx="396262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15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1161827" y="2676170"/>
              <a:ext cx="396262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20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161827" y="2409470"/>
              <a:ext cx="396262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25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161827" y="2193570"/>
              <a:ext cx="396262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30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161827" y="1888770"/>
              <a:ext cx="396262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35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3285792" y="4341842"/>
            <a:ext cx="5395759" cy="534763"/>
            <a:chOff x="1924628" y="3957613"/>
            <a:chExt cx="5395759" cy="534763"/>
          </a:xfrm>
        </p:grpSpPr>
        <p:grpSp>
          <p:nvGrpSpPr>
            <p:cNvPr id="25" name="组合 24"/>
            <p:cNvGrpSpPr/>
            <p:nvPr/>
          </p:nvGrpSpPr>
          <p:grpSpPr>
            <a:xfrm rot="16200000">
              <a:off x="4560125" y="1660472"/>
              <a:ext cx="165594" cy="4759876"/>
              <a:chOff x="1485460" y="2059290"/>
              <a:chExt cx="165594" cy="1550164"/>
            </a:xfrm>
          </p:grpSpPr>
          <p:cxnSp>
            <p:nvCxnSpPr>
              <p:cNvPr id="33" name="直接连接符 32"/>
              <p:cNvCxnSpPr/>
              <p:nvPr/>
            </p:nvCxnSpPr>
            <p:spPr>
              <a:xfrm flipH="1">
                <a:off x="1485460" y="3609454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4" name="直接连接符 33"/>
              <p:cNvCxnSpPr/>
              <p:nvPr/>
            </p:nvCxnSpPr>
            <p:spPr>
              <a:xfrm flipH="1">
                <a:off x="1485460" y="3351095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5" name="直接连接符 34"/>
              <p:cNvCxnSpPr/>
              <p:nvPr/>
            </p:nvCxnSpPr>
            <p:spPr>
              <a:xfrm flipH="1">
                <a:off x="1485460" y="3092734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6" name="直接连接符 35"/>
              <p:cNvCxnSpPr/>
              <p:nvPr/>
            </p:nvCxnSpPr>
            <p:spPr>
              <a:xfrm flipH="1">
                <a:off x="1485460" y="2834373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7" name="直接连接符 36"/>
              <p:cNvCxnSpPr/>
              <p:nvPr/>
            </p:nvCxnSpPr>
            <p:spPr>
              <a:xfrm flipH="1">
                <a:off x="1485460" y="2576012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8" name="直接连接符 37"/>
              <p:cNvCxnSpPr/>
              <p:nvPr/>
            </p:nvCxnSpPr>
            <p:spPr>
              <a:xfrm flipH="1">
                <a:off x="1485460" y="2317651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9" name="直接连接符 38"/>
              <p:cNvCxnSpPr/>
              <p:nvPr/>
            </p:nvCxnSpPr>
            <p:spPr>
              <a:xfrm flipH="1">
                <a:off x="1485460" y="2059290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</p:grpSp>
        <p:sp>
          <p:nvSpPr>
            <p:cNvPr id="26" name="TextBox 25"/>
            <p:cNvSpPr txBox="1"/>
            <p:nvPr/>
          </p:nvSpPr>
          <p:spPr>
            <a:xfrm>
              <a:off x="6712528" y="4184599"/>
              <a:ext cx="607859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2013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5899728" y="4184599"/>
              <a:ext cx="607859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2012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5112328" y="4184599"/>
              <a:ext cx="607859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2011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4337628" y="4184599"/>
              <a:ext cx="607859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2010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3562928" y="4184599"/>
              <a:ext cx="607859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2009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31" name="TextBox 30"/>
            <p:cNvSpPr txBox="1"/>
            <p:nvPr/>
          </p:nvSpPr>
          <p:spPr>
            <a:xfrm>
              <a:off x="2737428" y="4184599"/>
              <a:ext cx="607859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2008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1924628" y="4184599"/>
              <a:ext cx="607859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defRPr>
              </a:lvl1pPr>
            </a:lstStyle>
            <a:p>
              <a:r>
                <a:rPr lang="en-US" altLang="zh-CN" sz="1400" dirty="0">
                  <a:latin typeface="微软雅黑" pitchFamily="34" charset="-122"/>
                  <a:ea typeface="微软雅黑" pitchFamily="34" charset="-122"/>
                </a:rPr>
                <a:t>2007</a:t>
              </a:r>
              <a:endParaRPr lang="zh-CN" altLang="en-US" sz="1400" dirty="0"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40" name="组合 39"/>
          <p:cNvGrpSpPr/>
          <p:nvPr/>
        </p:nvGrpSpPr>
        <p:grpSpPr>
          <a:xfrm>
            <a:off x="8406817" y="1932240"/>
            <a:ext cx="1662439" cy="307777"/>
            <a:chOff x="-44443" y="3154623"/>
            <a:chExt cx="1662439" cy="307777"/>
          </a:xfrm>
        </p:grpSpPr>
        <p:sp>
          <p:nvSpPr>
            <p:cNvPr id="41" name="矩形 40"/>
            <p:cNvSpPr/>
            <p:nvPr/>
          </p:nvSpPr>
          <p:spPr>
            <a:xfrm flipV="1">
              <a:off x="714874" y="3204874"/>
              <a:ext cx="903122" cy="205376"/>
            </a:xfrm>
            <a:prstGeom prst="rect">
              <a:avLst/>
            </a:prstGeom>
            <a:solidFill>
              <a:srgbClr val="55777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sp>
          <p:nvSpPr>
            <p:cNvPr id="42" name="TextBox 41"/>
            <p:cNvSpPr txBox="1"/>
            <p:nvPr/>
          </p:nvSpPr>
          <p:spPr>
            <a:xfrm>
              <a:off x="-44443" y="3154623"/>
              <a:ext cx="723403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1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text01</a:t>
              </a:r>
              <a:endParaRPr lang="zh-CN" altLang="en-US" sz="1400" dirty="0">
                <a:solidFill>
                  <a:schemeClr val="tx1">
                    <a:lumMod val="50000"/>
                    <a:lumOff val="50000"/>
                  </a:schemeClr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43" name="组合 42"/>
          <p:cNvGrpSpPr/>
          <p:nvPr/>
        </p:nvGrpSpPr>
        <p:grpSpPr>
          <a:xfrm>
            <a:off x="8406817" y="2309611"/>
            <a:ext cx="1662439" cy="307777"/>
            <a:chOff x="-44443" y="3154623"/>
            <a:chExt cx="1662439" cy="307777"/>
          </a:xfrm>
        </p:grpSpPr>
        <p:sp>
          <p:nvSpPr>
            <p:cNvPr id="44" name="矩形 43"/>
            <p:cNvSpPr/>
            <p:nvPr/>
          </p:nvSpPr>
          <p:spPr>
            <a:xfrm flipV="1">
              <a:off x="714874" y="3204874"/>
              <a:ext cx="903122" cy="205376"/>
            </a:xfrm>
            <a:prstGeom prst="rect">
              <a:avLst/>
            </a:prstGeom>
            <a:solidFill>
              <a:srgbClr val="B3C9C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-44443" y="3154623"/>
              <a:ext cx="723403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1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text01</a:t>
              </a:r>
              <a:endParaRPr lang="zh-CN" altLang="en-US" sz="1400" dirty="0">
                <a:solidFill>
                  <a:schemeClr val="tx1">
                    <a:lumMod val="50000"/>
                    <a:lumOff val="50000"/>
                  </a:schemeClr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46" name="组合 45"/>
          <p:cNvGrpSpPr/>
          <p:nvPr/>
        </p:nvGrpSpPr>
        <p:grpSpPr>
          <a:xfrm>
            <a:off x="8406817" y="2672469"/>
            <a:ext cx="1662439" cy="307777"/>
            <a:chOff x="-44443" y="3154623"/>
            <a:chExt cx="1662439" cy="307777"/>
          </a:xfrm>
        </p:grpSpPr>
        <p:sp>
          <p:nvSpPr>
            <p:cNvPr id="47" name="矩形 46"/>
            <p:cNvSpPr/>
            <p:nvPr/>
          </p:nvSpPr>
          <p:spPr>
            <a:xfrm flipV="1">
              <a:off x="714874" y="3204874"/>
              <a:ext cx="903122" cy="205376"/>
            </a:xfrm>
            <a:prstGeom prst="rect">
              <a:avLst/>
            </a:prstGeom>
            <a:solidFill>
              <a:schemeClr val="accent5">
                <a:lumMod val="20000"/>
                <a:lumOff val="8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sp>
          <p:nvSpPr>
            <p:cNvPr id="48" name="TextBox 47"/>
            <p:cNvSpPr txBox="1"/>
            <p:nvPr/>
          </p:nvSpPr>
          <p:spPr>
            <a:xfrm>
              <a:off x="-44443" y="3154623"/>
              <a:ext cx="723403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1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text01</a:t>
              </a:r>
              <a:endParaRPr lang="zh-CN" altLang="en-US" sz="1400" dirty="0">
                <a:solidFill>
                  <a:schemeClr val="tx1">
                    <a:lumMod val="50000"/>
                    <a:lumOff val="50000"/>
                  </a:schemeClr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" presetClass="entr" presetSubtype="1" fill="hold" nodeType="withEffect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1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1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6"/>
          <p:cNvGrpSpPr>
            <a:grpSpLocks noChangeAspect="1"/>
          </p:cNvGrpSpPr>
          <p:nvPr/>
        </p:nvGrpSpPr>
        <p:grpSpPr bwMode="auto">
          <a:xfrm>
            <a:off x="3167500" y="1339214"/>
            <a:ext cx="2458086" cy="2458086"/>
            <a:chOff x="1610" y="849"/>
            <a:chExt cx="1736" cy="1736"/>
          </a:xfrm>
        </p:grpSpPr>
        <p:sp>
          <p:nvSpPr>
            <p:cNvPr id="3" name="AutoShape 5"/>
            <p:cNvSpPr>
              <a:spLocks noChangeAspect="1" noChangeArrowheads="1" noTextEdit="1"/>
            </p:cNvSpPr>
            <p:nvPr/>
          </p:nvSpPr>
          <p:spPr bwMode="auto">
            <a:xfrm>
              <a:off x="1610" y="849"/>
              <a:ext cx="1736" cy="173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" name="Freeform 7"/>
            <p:cNvSpPr>
              <a:spLocks/>
            </p:cNvSpPr>
            <p:nvPr/>
          </p:nvSpPr>
          <p:spPr bwMode="auto">
            <a:xfrm>
              <a:off x="1553" y="873"/>
              <a:ext cx="918" cy="1229"/>
            </a:xfrm>
            <a:custGeom>
              <a:avLst/>
              <a:gdLst>
                <a:gd name="T0" fmla="*/ 47 w 192"/>
                <a:gd name="T1" fmla="*/ 71 h 257"/>
                <a:gd name="T2" fmla="*/ 28 w 192"/>
                <a:gd name="T3" fmla="*/ 257 h 257"/>
                <a:gd name="T4" fmla="*/ 81 w 192"/>
                <a:gd name="T5" fmla="*/ 231 h 257"/>
                <a:gd name="T6" fmla="*/ 94 w 192"/>
                <a:gd name="T7" fmla="*/ 107 h 257"/>
                <a:gd name="T8" fmla="*/ 191 w 192"/>
                <a:gd name="T9" fmla="*/ 60 h 257"/>
                <a:gd name="T10" fmla="*/ 192 w 192"/>
                <a:gd name="T11" fmla="*/ 1 h 257"/>
                <a:gd name="T12" fmla="*/ 47 w 192"/>
                <a:gd name="T13" fmla="*/ 71 h 2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92" h="257">
                  <a:moveTo>
                    <a:pt x="47" y="71"/>
                  </a:moveTo>
                  <a:cubicBezTo>
                    <a:pt x="5" y="126"/>
                    <a:pt x="0" y="198"/>
                    <a:pt x="28" y="257"/>
                  </a:cubicBezTo>
                  <a:cubicBezTo>
                    <a:pt x="81" y="231"/>
                    <a:pt x="81" y="231"/>
                    <a:pt x="81" y="231"/>
                  </a:cubicBezTo>
                  <a:cubicBezTo>
                    <a:pt x="63" y="192"/>
                    <a:pt x="66" y="144"/>
                    <a:pt x="94" y="107"/>
                  </a:cubicBezTo>
                  <a:cubicBezTo>
                    <a:pt x="118" y="76"/>
                    <a:pt x="154" y="60"/>
                    <a:pt x="191" y="60"/>
                  </a:cubicBezTo>
                  <a:cubicBezTo>
                    <a:pt x="192" y="1"/>
                    <a:pt x="192" y="1"/>
                    <a:pt x="192" y="1"/>
                  </a:cubicBezTo>
                  <a:cubicBezTo>
                    <a:pt x="137" y="0"/>
                    <a:pt x="83" y="24"/>
                    <a:pt x="47" y="71"/>
                  </a:cubicBezTo>
                </a:path>
              </a:pathLst>
            </a:custGeom>
            <a:solidFill>
              <a:srgbClr val="585A5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" name="Freeform 8"/>
            <p:cNvSpPr>
              <a:spLocks/>
            </p:cNvSpPr>
            <p:nvPr/>
          </p:nvSpPr>
          <p:spPr bwMode="auto">
            <a:xfrm>
              <a:off x="1691" y="1987"/>
              <a:ext cx="694" cy="593"/>
            </a:xfrm>
            <a:custGeom>
              <a:avLst/>
              <a:gdLst>
                <a:gd name="T0" fmla="*/ 88 w 145"/>
                <a:gd name="T1" fmla="*/ 42 h 124"/>
                <a:gd name="T2" fmla="*/ 54 w 145"/>
                <a:gd name="T3" fmla="*/ 0 h 124"/>
                <a:gd name="T4" fmla="*/ 0 w 145"/>
                <a:gd name="T5" fmla="*/ 26 h 124"/>
                <a:gd name="T6" fmla="*/ 52 w 145"/>
                <a:gd name="T7" fmla="*/ 89 h 124"/>
                <a:gd name="T8" fmla="*/ 137 w 145"/>
                <a:gd name="T9" fmla="*/ 124 h 124"/>
                <a:gd name="T10" fmla="*/ 145 w 145"/>
                <a:gd name="T11" fmla="*/ 66 h 124"/>
                <a:gd name="T12" fmla="*/ 88 w 145"/>
                <a:gd name="T13" fmla="*/ 42 h 1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5" h="124">
                  <a:moveTo>
                    <a:pt x="88" y="42"/>
                  </a:moveTo>
                  <a:cubicBezTo>
                    <a:pt x="73" y="31"/>
                    <a:pt x="61" y="16"/>
                    <a:pt x="54" y="0"/>
                  </a:cubicBezTo>
                  <a:cubicBezTo>
                    <a:pt x="0" y="26"/>
                    <a:pt x="0" y="26"/>
                    <a:pt x="0" y="26"/>
                  </a:cubicBezTo>
                  <a:cubicBezTo>
                    <a:pt x="12" y="50"/>
                    <a:pt x="30" y="72"/>
                    <a:pt x="52" y="89"/>
                  </a:cubicBezTo>
                  <a:cubicBezTo>
                    <a:pt x="78" y="109"/>
                    <a:pt x="107" y="120"/>
                    <a:pt x="137" y="124"/>
                  </a:cubicBezTo>
                  <a:cubicBezTo>
                    <a:pt x="145" y="66"/>
                    <a:pt x="145" y="66"/>
                    <a:pt x="145" y="66"/>
                  </a:cubicBezTo>
                  <a:cubicBezTo>
                    <a:pt x="125" y="63"/>
                    <a:pt x="105" y="55"/>
                    <a:pt x="88" y="42"/>
                  </a:cubicBezTo>
                </a:path>
              </a:pathLst>
            </a:custGeom>
            <a:solidFill>
              <a:srgbClr val="B8B8B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" name="Freeform 9"/>
            <p:cNvSpPr>
              <a:spLocks/>
            </p:cNvSpPr>
            <p:nvPr/>
          </p:nvSpPr>
          <p:spPr bwMode="auto">
            <a:xfrm>
              <a:off x="2356" y="2188"/>
              <a:ext cx="626" cy="421"/>
            </a:xfrm>
            <a:custGeom>
              <a:avLst/>
              <a:gdLst>
                <a:gd name="T0" fmla="*/ 8 w 131"/>
                <a:gd name="T1" fmla="*/ 24 h 88"/>
                <a:gd name="T2" fmla="*/ 0 w 131"/>
                <a:gd name="T3" fmla="*/ 83 h 88"/>
                <a:gd name="T4" fmla="*/ 131 w 131"/>
                <a:gd name="T5" fmla="*/ 47 h 88"/>
                <a:gd name="T6" fmla="*/ 95 w 131"/>
                <a:gd name="T7" fmla="*/ 0 h 88"/>
                <a:gd name="T8" fmla="*/ 8 w 131"/>
                <a:gd name="T9" fmla="*/ 24 h 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1" h="88">
                  <a:moveTo>
                    <a:pt x="8" y="24"/>
                  </a:moveTo>
                  <a:cubicBezTo>
                    <a:pt x="0" y="83"/>
                    <a:pt x="0" y="83"/>
                    <a:pt x="0" y="83"/>
                  </a:cubicBezTo>
                  <a:cubicBezTo>
                    <a:pt x="46" y="88"/>
                    <a:pt x="93" y="76"/>
                    <a:pt x="131" y="47"/>
                  </a:cubicBezTo>
                  <a:cubicBezTo>
                    <a:pt x="95" y="0"/>
                    <a:pt x="95" y="0"/>
                    <a:pt x="95" y="0"/>
                  </a:cubicBezTo>
                  <a:cubicBezTo>
                    <a:pt x="70" y="19"/>
                    <a:pt x="38" y="27"/>
                    <a:pt x="8" y="24"/>
                  </a:cubicBezTo>
                </a:path>
              </a:pathLst>
            </a:custGeom>
            <a:solidFill>
              <a:srgbClr val="C5C6C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" name="Freeform 10"/>
            <p:cNvSpPr>
              <a:spLocks/>
            </p:cNvSpPr>
            <p:nvPr/>
          </p:nvSpPr>
          <p:spPr bwMode="auto">
            <a:xfrm>
              <a:off x="2476" y="845"/>
              <a:ext cx="918" cy="1587"/>
            </a:xfrm>
            <a:custGeom>
              <a:avLst/>
              <a:gdLst>
                <a:gd name="T0" fmla="*/ 110 w 192"/>
                <a:gd name="T1" fmla="*/ 37 h 332"/>
                <a:gd name="T2" fmla="*/ 1 w 192"/>
                <a:gd name="T3" fmla="*/ 0 h 332"/>
                <a:gd name="T4" fmla="*/ 1 w 192"/>
                <a:gd name="T5" fmla="*/ 7 h 332"/>
                <a:gd name="T6" fmla="*/ 0 w 192"/>
                <a:gd name="T7" fmla="*/ 66 h 332"/>
                <a:gd name="T8" fmla="*/ 0 w 192"/>
                <a:gd name="T9" fmla="*/ 73 h 332"/>
                <a:gd name="T10" fmla="*/ 65 w 192"/>
                <a:gd name="T11" fmla="*/ 96 h 332"/>
                <a:gd name="T12" fmla="*/ 108 w 192"/>
                <a:gd name="T13" fmla="*/ 205 h 332"/>
                <a:gd name="T14" fmla="*/ 108 w 192"/>
                <a:gd name="T15" fmla="*/ 207 h 332"/>
                <a:gd name="T16" fmla="*/ 87 w 192"/>
                <a:gd name="T17" fmla="*/ 254 h 332"/>
                <a:gd name="T18" fmla="*/ 67 w 192"/>
                <a:gd name="T19" fmla="*/ 274 h 332"/>
                <a:gd name="T20" fmla="*/ 71 w 192"/>
                <a:gd name="T21" fmla="*/ 280 h 332"/>
                <a:gd name="T22" fmla="*/ 108 w 192"/>
                <a:gd name="T23" fmla="*/ 327 h 332"/>
                <a:gd name="T24" fmla="*/ 112 w 192"/>
                <a:gd name="T25" fmla="*/ 332 h 332"/>
                <a:gd name="T26" fmla="*/ 145 w 192"/>
                <a:gd name="T27" fmla="*/ 299 h 332"/>
                <a:gd name="T28" fmla="*/ 180 w 192"/>
                <a:gd name="T29" fmla="*/ 221 h 332"/>
                <a:gd name="T30" fmla="*/ 180 w 192"/>
                <a:gd name="T31" fmla="*/ 218 h 332"/>
                <a:gd name="T32" fmla="*/ 110 w 192"/>
                <a:gd name="T33" fmla="*/ 37 h 3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192" h="332">
                  <a:moveTo>
                    <a:pt x="110" y="37"/>
                  </a:moveTo>
                  <a:cubicBezTo>
                    <a:pt x="77" y="13"/>
                    <a:pt x="39" y="0"/>
                    <a:pt x="1" y="0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0" y="66"/>
                    <a:pt x="0" y="66"/>
                    <a:pt x="0" y="66"/>
                  </a:cubicBezTo>
                  <a:cubicBezTo>
                    <a:pt x="0" y="73"/>
                    <a:pt x="0" y="73"/>
                    <a:pt x="0" y="73"/>
                  </a:cubicBezTo>
                  <a:cubicBezTo>
                    <a:pt x="23" y="74"/>
                    <a:pt x="46" y="81"/>
                    <a:pt x="65" y="96"/>
                  </a:cubicBezTo>
                  <a:cubicBezTo>
                    <a:pt x="100" y="122"/>
                    <a:pt x="115" y="165"/>
                    <a:pt x="108" y="205"/>
                  </a:cubicBezTo>
                  <a:cubicBezTo>
                    <a:pt x="108" y="206"/>
                    <a:pt x="108" y="207"/>
                    <a:pt x="108" y="207"/>
                  </a:cubicBezTo>
                  <a:cubicBezTo>
                    <a:pt x="104" y="224"/>
                    <a:pt x="98" y="240"/>
                    <a:pt x="87" y="254"/>
                  </a:cubicBezTo>
                  <a:cubicBezTo>
                    <a:pt x="81" y="262"/>
                    <a:pt x="74" y="268"/>
                    <a:pt x="67" y="274"/>
                  </a:cubicBezTo>
                  <a:cubicBezTo>
                    <a:pt x="71" y="280"/>
                    <a:pt x="71" y="280"/>
                    <a:pt x="71" y="280"/>
                  </a:cubicBezTo>
                  <a:cubicBezTo>
                    <a:pt x="108" y="327"/>
                    <a:pt x="108" y="327"/>
                    <a:pt x="108" y="327"/>
                  </a:cubicBezTo>
                  <a:cubicBezTo>
                    <a:pt x="112" y="332"/>
                    <a:pt x="112" y="332"/>
                    <a:pt x="112" y="332"/>
                  </a:cubicBezTo>
                  <a:cubicBezTo>
                    <a:pt x="124" y="323"/>
                    <a:pt x="135" y="311"/>
                    <a:pt x="145" y="299"/>
                  </a:cubicBezTo>
                  <a:cubicBezTo>
                    <a:pt x="163" y="275"/>
                    <a:pt x="175" y="248"/>
                    <a:pt x="180" y="221"/>
                  </a:cubicBezTo>
                  <a:cubicBezTo>
                    <a:pt x="180" y="220"/>
                    <a:pt x="180" y="219"/>
                    <a:pt x="180" y="218"/>
                  </a:cubicBezTo>
                  <a:cubicBezTo>
                    <a:pt x="192" y="152"/>
                    <a:pt x="167" y="81"/>
                    <a:pt x="110" y="37"/>
                  </a:cubicBezTo>
                </a:path>
              </a:pathLst>
            </a:custGeom>
            <a:solidFill>
              <a:srgbClr val="9DB9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" name="Freeform 11"/>
            <p:cNvSpPr>
              <a:spLocks/>
            </p:cNvSpPr>
            <p:nvPr/>
          </p:nvSpPr>
          <p:spPr bwMode="auto">
            <a:xfrm>
              <a:off x="2275" y="1485"/>
              <a:ext cx="334" cy="708"/>
            </a:xfrm>
            <a:custGeom>
              <a:avLst/>
              <a:gdLst>
                <a:gd name="T0" fmla="*/ 53 w 70"/>
                <a:gd name="T1" fmla="*/ 0 h 148"/>
                <a:gd name="T2" fmla="*/ 18 w 70"/>
                <a:gd name="T3" fmla="*/ 0 h 148"/>
                <a:gd name="T4" fmla="*/ 0 w 70"/>
                <a:gd name="T5" fmla="*/ 15 h 148"/>
                <a:gd name="T6" fmla="*/ 0 w 70"/>
                <a:gd name="T7" fmla="*/ 15 h 148"/>
                <a:gd name="T8" fmla="*/ 0 w 70"/>
                <a:gd name="T9" fmla="*/ 17 h 148"/>
                <a:gd name="T10" fmla="*/ 0 w 70"/>
                <a:gd name="T11" fmla="*/ 67 h 148"/>
                <a:gd name="T12" fmla="*/ 5 w 70"/>
                <a:gd name="T13" fmla="*/ 73 h 148"/>
                <a:gd name="T14" fmla="*/ 11 w 70"/>
                <a:gd name="T15" fmla="*/ 67 h 148"/>
                <a:gd name="T16" fmla="*/ 11 w 70"/>
                <a:gd name="T17" fmla="*/ 24 h 148"/>
                <a:gd name="T18" fmla="*/ 16 w 70"/>
                <a:gd name="T19" fmla="*/ 24 h 148"/>
                <a:gd name="T20" fmla="*/ 16 w 70"/>
                <a:gd name="T21" fmla="*/ 65 h 148"/>
                <a:gd name="T22" fmla="*/ 16 w 70"/>
                <a:gd name="T23" fmla="*/ 67 h 148"/>
                <a:gd name="T24" fmla="*/ 16 w 70"/>
                <a:gd name="T25" fmla="*/ 140 h 148"/>
                <a:gd name="T26" fmla="*/ 25 w 70"/>
                <a:gd name="T27" fmla="*/ 148 h 148"/>
                <a:gd name="T28" fmla="*/ 33 w 70"/>
                <a:gd name="T29" fmla="*/ 140 h 148"/>
                <a:gd name="T30" fmla="*/ 33 w 70"/>
                <a:gd name="T31" fmla="*/ 75 h 148"/>
                <a:gd name="T32" fmla="*/ 37 w 70"/>
                <a:gd name="T33" fmla="*/ 75 h 148"/>
                <a:gd name="T34" fmla="*/ 37 w 70"/>
                <a:gd name="T35" fmla="*/ 140 h 148"/>
                <a:gd name="T36" fmla="*/ 45 w 70"/>
                <a:gd name="T37" fmla="*/ 148 h 148"/>
                <a:gd name="T38" fmla="*/ 53 w 70"/>
                <a:gd name="T39" fmla="*/ 140 h 148"/>
                <a:gd name="T40" fmla="*/ 53 w 70"/>
                <a:gd name="T41" fmla="*/ 65 h 148"/>
                <a:gd name="T42" fmla="*/ 53 w 70"/>
                <a:gd name="T43" fmla="*/ 65 h 148"/>
                <a:gd name="T44" fmla="*/ 53 w 70"/>
                <a:gd name="T45" fmla="*/ 24 h 148"/>
                <a:gd name="T46" fmla="*/ 57 w 70"/>
                <a:gd name="T47" fmla="*/ 24 h 148"/>
                <a:gd name="T48" fmla="*/ 57 w 70"/>
                <a:gd name="T49" fmla="*/ 67 h 148"/>
                <a:gd name="T50" fmla="*/ 64 w 70"/>
                <a:gd name="T51" fmla="*/ 73 h 148"/>
                <a:gd name="T52" fmla="*/ 70 w 70"/>
                <a:gd name="T53" fmla="*/ 67 h 148"/>
                <a:gd name="T54" fmla="*/ 70 w 70"/>
                <a:gd name="T55" fmla="*/ 17 h 148"/>
                <a:gd name="T56" fmla="*/ 70 w 70"/>
                <a:gd name="T57" fmla="*/ 15 h 148"/>
                <a:gd name="T58" fmla="*/ 70 w 70"/>
                <a:gd name="T59" fmla="*/ 14 h 148"/>
                <a:gd name="T60" fmla="*/ 53 w 70"/>
                <a:gd name="T61" fmla="*/ 0 h 1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70" h="148">
                  <a:moveTo>
                    <a:pt x="53" y="0"/>
                  </a:moveTo>
                  <a:cubicBezTo>
                    <a:pt x="18" y="0"/>
                    <a:pt x="18" y="0"/>
                    <a:pt x="18" y="0"/>
                  </a:cubicBezTo>
                  <a:cubicBezTo>
                    <a:pt x="4" y="0"/>
                    <a:pt x="0" y="11"/>
                    <a:pt x="0" y="15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0" y="17"/>
                    <a:pt x="0" y="17"/>
                    <a:pt x="0" y="17"/>
                  </a:cubicBezTo>
                  <a:cubicBezTo>
                    <a:pt x="0" y="67"/>
                    <a:pt x="0" y="67"/>
                    <a:pt x="0" y="67"/>
                  </a:cubicBezTo>
                  <a:cubicBezTo>
                    <a:pt x="0" y="70"/>
                    <a:pt x="2" y="73"/>
                    <a:pt x="5" y="73"/>
                  </a:cubicBezTo>
                  <a:cubicBezTo>
                    <a:pt x="9" y="73"/>
                    <a:pt x="11" y="70"/>
                    <a:pt x="11" y="67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6" y="24"/>
                    <a:pt x="16" y="24"/>
                    <a:pt x="16" y="24"/>
                  </a:cubicBezTo>
                  <a:cubicBezTo>
                    <a:pt x="16" y="65"/>
                    <a:pt x="16" y="65"/>
                    <a:pt x="16" y="65"/>
                  </a:cubicBezTo>
                  <a:cubicBezTo>
                    <a:pt x="16" y="66"/>
                    <a:pt x="16" y="66"/>
                    <a:pt x="16" y="67"/>
                  </a:cubicBezTo>
                  <a:cubicBezTo>
                    <a:pt x="16" y="140"/>
                    <a:pt x="16" y="140"/>
                    <a:pt x="16" y="140"/>
                  </a:cubicBezTo>
                  <a:cubicBezTo>
                    <a:pt x="16" y="145"/>
                    <a:pt x="20" y="148"/>
                    <a:pt x="25" y="148"/>
                  </a:cubicBezTo>
                  <a:cubicBezTo>
                    <a:pt x="29" y="148"/>
                    <a:pt x="33" y="145"/>
                    <a:pt x="33" y="140"/>
                  </a:cubicBezTo>
                  <a:cubicBezTo>
                    <a:pt x="33" y="75"/>
                    <a:pt x="33" y="75"/>
                    <a:pt x="33" y="75"/>
                  </a:cubicBezTo>
                  <a:cubicBezTo>
                    <a:pt x="37" y="75"/>
                    <a:pt x="37" y="75"/>
                    <a:pt x="37" y="75"/>
                  </a:cubicBezTo>
                  <a:cubicBezTo>
                    <a:pt x="37" y="140"/>
                    <a:pt x="37" y="140"/>
                    <a:pt x="37" y="140"/>
                  </a:cubicBezTo>
                  <a:cubicBezTo>
                    <a:pt x="37" y="145"/>
                    <a:pt x="40" y="148"/>
                    <a:pt x="45" y="148"/>
                  </a:cubicBezTo>
                  <a:cubicBezTo>
                    <a:pt x="49" y="148"/>
                    <a:pt x="53" y="145"/>
                    <a:pt x="53" y="140"/>
                  </a:cubicBezTo>
                  <a:cubicBezTo>
                    <a:pt x="53" y="65"/>
                    <a:pt x="53" y="65"/>
                    <a:pt x="53" y="65"/>
                  </a:cubicBezTo>
                  <a:cubicBezTo>
                    <a:pt x="53" y="65"/>
                    <a:pt x="53" y="65"/>
                    <a:pt x="53" y="65"/>
                  </a:cubicBezTo>
                  <a:cubicBezTo>
                    <a:pt x="53" y="24"/>
                    <a:pt x="53" y="24"/>
                    <a:pt x="53" y="24"/>
                  </a:cubicBezTo>
                  <a:cubicBezTo>
                    <a:pt x="57" y="24"/>
                    <a:pt x="57" y="24"/>
                    <a:pt x="57" y="24"/>
                  </a:cubicBezTo>
                  <a:cubicBezTo>
                    <a:pt x="57" y="67"/>
                    <a:pt x="57" y="67"/>
                    <a:pt x="57" y="67"/>
                  </a:cubicBezTo>
                  <a:cubicBezTo>
                    <a:pt x="57" y="70"/>
                    <a:pt x="60" y="73"/>
                    <a:pt x="64" y="73"/>
                  </a:cubicBezTo>
                  <a:cubicBezTo>
                    <a:pt x="67" y="73"/>
                    <a:pt x="70" y="70"/>
                    <a:pt x="70" y="67"/>
                  </a:cubicBezTo>
                  <a:cubicBezTo>
                    <a:pt x="70" y="17"/>
                    <a:pt x="70" y="17"/>
                    <a:pt x="70" y="17"/>
                  </a:cubicBezTo>
                  <a:cubicBezTo>
                    <a:pt x="70" y="15"/>
                    <a:pt x="70" y="15"/>
                    <a:pt x="70" y="15"/>
                  </a:cubicBezTo>
                  <a:cubicBezTo>
                    <a:pt x="70" y="14"/>
                    <a:pt x="70" y="14"/>
                    <a:pt x="70" y="14"/>
                  </a:cubicBezTo>
                  <a:cubicBezTo>
                    <a:pt x="70" y="9"/>
                    <a:pt x="64" y="0"/>
                    <a:pt x="53" y="0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" name="Oval 12"/>
            <p:cNvSpPr>
              <a:spLocks noChangeArrowheads="1"/>
            </p:cNvSpPr>
            <p:nvPr/>
          </p:nvSpPr>
          <p:spPr bwMode="auto">
            <a:xfrm>
              <a:off x="2375" y="1337"/>
              <a:ext cx="134" cy="134"/>
            </a:xfrm>
            <a:prstGeom prst="ellipse">
              <a:avLst/>
            </a:prstGeom>
            <a:solidFill>
              <a:srgbClr val="CABD6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10" name="Group 25"/>
          <p:cNvGrpSpPr>
            <a:grpSpLocks noChangeAspect="1"/>
          </p:cNvGrpSpPr>
          <p:nvPr/>
        </p:nvGrpSpPr>
        <p:grpSpPr bwMode="auto">
          <a:xfrm>
            <a:off x="6713302" y="1311279"/>
            <a:ext cx="2494636" cy="2536822"/>
            <a:chOff x="3316" y="907"/>
            <a:chExt cx="1774" cy="1804"/>
          </a:xfrm>
        </p:grpSpPr>
        <p:sp>
          <p:nvSpPr>
            <p:cNvPr id="11" name="AutoShape 24"/>
            <p:cNvSpPr>
              <a:spLocks noChangeAspect="1" noChangeArrowheads="1" noTextEdit="1"/>
            </p:cNvSpPr>
            <p:nvPr/>
          </p:nvSpPr>
          <p:spPr bwMode="auto">
            <a:xfrm>
              <a:off x="3346" y="912"/>
              <a:ext cx="1714" cy="174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2" name="Freeform 26"/>
            <p:cNvSpPr>
              <a:spLocks/>
            </p:cNvSpPr>
            <p:nvPr/>
          </p:nvSpPr>
          <p:spPr bwMode="auto">
            <a:xfrm>
              <a:off x="3496" y="937"/>
              <a:ext cx="702" cy="516"/>
            </a:xfrm>
            <a:custGeom>
              <a:avLst/>
              <a:gdLst>
                <a:gd name="T0" fmla="*/ 89 w 140"/>
                <a:gd name="T1" fmla="*/ 67 h 103"/>
                <a:gd name="T2" fmla="*/ 138 w 140"/>
                <a:gd name="T3" fmla="*/ 56 h 103"/>
                <a:gd name="T4" fmla="*/ 140 w 140"/>
                <a:gd name="T5" fmla="*/ 1 h 103"/>
                <a:gd name="T6" fmla="*/ 65 w 140"/>
                <a:gd name="T7" fmla="*/ 17 h 103"/>
                <a:gd name="T8" fmla="*/ 0 w 140"/>
                <a:gd name="T9" fmla="*/ 72 h 103"/>
                <a:gd name="T10" fmla="*/ 45 w 140"/>
                <a:gd name="T11" fmla="*/ 103 h 103"/>
                <a:gd name="T12" fmla="*/ 89 w 140"/>
                <a:gd name="T13" fmla="*/ 67 h 1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0" h="103">
                  <a:moveTo>
                    <a:pt x="89" y="67"/>
                  </a:moveTo>
                  <a:cubicBezTo>
                    <a:pt x="105" y="59"/>
                    <a:pt x="122" y="55"/>
                    <a:pt x="138" y="56"/>
                  </a:cubicBezTo>
                  <a:cubicBezTo>
                    <a:pt x="140" y="1"/>
                    <a:pt x="140" y="1"/>
                    <a:pt x="140" y="1"/>
                  </a:cubicBezTo>
                  <a:cubicBezTo>
                    <a:pt x="115" y="0"/>
                    <a:pt x="89" y="5"/>
                    <a:pt x="65" y="17"/>
                  </a:cubicBezTo>
                  <a:cubicBezTo>
                    <a:pt x="38" y="30"/>
                    <a:pt x="16" y="49"/>
                    <a:pt x="0" y="72"/>
                  </a:cubicBezTo>
                  <a:cubicBezTo>
                    <a:pt x="45" y="103"/>
                    <a:pt x="45" y="103"/>
                    <a:pt x="45" y="103"/>
                  </a:cubicBezTo>
                  <a:cubicBezTo>
                    <a:pt x="56" y="88"/>
                    <a:pt x="71" y="75"/>
                    <a:pt x="89" y="67"/>
                  </a:cubicBezTo>
                </a:path>
              </a:pathLst>
            </a:custGeom>
            <a:solidFill>
              <a:srgbClr val="585A5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3" name="Freeform 27"/>
            <p:cNvSpPr>
              <a:spLocks/>
            </p:cNvSpPr>
            <p:nvPr/>
          </p:nvSpPr>
          <p:spPr bwMode="auto">
            <a:xfrm>
              <a:off x="3316" y="1308"/>
              <a:ext cx="401" cy="616"/>
            </a:xfrm>
            <a:custGeom>
              <a:avLst/>
              <a:gdLst>
                <a:gd name="T0" fmla="*/ 80 w 80"/>
                <a:gd name="T1" fmla="*/ 31 h 123"/>
                <a:gd name="T2" fmla="*/ 34 w 80"/>
                <a:gd name="T3" fmla="*/ 0 h 123"/>
                <a:gd name="T4" fmla="*/ 8 w 80"/>
                <a:gd name="T5" fmla="*/ 123 h 123"/>
                <a:gd name="T6" fmla="*/ 62 w 80"/>
                <a:gd name="T7" fmla="*/ 113 h 123"/>
                <a:gd name="T8" fmla="*/ 80 w 80"/>
                <a:gd name="T9" fmla="*/ 31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0" h="123">
                  <a:moveTo>
                    <a:pt x="80" y="31"/>
                  </a:moveTo>
                  <a:cubicBezTo>
                    <a:pt x="34" y="0"/>
                    <a:pt x="34" y="0"/>
                    <a:pt x="34" y="0"/>
                  </a:cubicBezTo>
                  <a:cubicBezTo>
                    <a:pt x="10" y="36"/>
                    <a:pt x="0" y="80"/>
                    <a:pt x="8" y="123"/>
                  </a:cubicBezTo>
                  <a:cubicBezTo>
                    <a:pt x="62" y="113"/>
                    <a:pt x="62" y="113"/>
                    <a:pt x="62" y="113"/>
                  </a:cubicBezTo>
                  <a:cubicBezTo>
                    <a:pt x="57" y="84"/>
                    <a:pt x="64" y="55"/>
                    <a:pt x="80" y="31"/>
                  </a:cubicBezTo>
                </a:path>
              </a:pathLst>
            </a:custGeom>
            <a:solidFill>
              <a:srgbClr val="B8B8B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4" name="Freeform 28"/>
            <p:cNvSpPr>
              <a:spLocks/>
            </p:cNvSpPr>
            <p:nvPr/>
          </p:nvSpPr>
          <p:spPr bwMode="auto">
            <a:xfrm>
              <a:off x="3361" y="1884"/>
              <a:ext cx="471" cy="551"/>
            </a:xfrm>
            <a:custGeom>
              <a:avLst/>
              <a:gdLst>
                <a:gd name="T0" fmla="*/ 63 w 94"/>
                <a:gd name="T1" fmla="*/ 27 h 110"/>
                <a:gd name="T2" fmla="*/ 54 w 94"/>
                <a:gd name="T3" fmla="*/ 0 h 110"/>
                <a:gd name="T4" fmla="*/ 0 w 94"/>
                <a:gd name="T5" fmla="*/ 10 h 110"/>
                <a:gd name="T6" fmla="*/ 13 w 94"/>
                <a:gd name="T7" fmla="*/ 50 h 110"/>
                <a:gd name="T8" fmla="*/ 61 w 94"/>
                <a:gd name="T9" fmla="*/ 110 h 110"/>
                <a:gd name="T10" fmla="*/ 94 w 94"/>
                <a:gd name="T11" fmla="*/ 67 h 110"/>
                <a:gd name="T12" fmla="*/ 63 w 94"/>
                <a:gd name="T13" fmla="*/ 27 h 1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94" h="110">
                  <a:moveTo>
                    <a:pt x="63" y="27"/>
                  </a:moveTo>
                  <a:cubicBezTo>
                    <a:pt x="58" y="18"/>
                    <a:pt x="56" y="9"/>
                    <a:pt x="54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2" y="24"/>
                    <a:pt x="7" y="37"/>
                    <a:pt x="13" y="50"/>
                  </a:cubicBezTo>
                  <a:cubicBezTo>
                    <a:pt x="24" y="75"/>
                    <a:pt x="41" y="95"/>
                    <a:pt x="61" y="110"/>
                  </a:cubicBezTo>
                  <a:cubicBezTo>
                    <a:pt x="94" y="67"/>
                    <a:pt x="94" y="67"/>
                    <a:pt x="94" y="67"/>
                  </a:cubicBezTo>
                  <a:cubicBezTo>
                    <a:pt x="81" y="56"/>
                    <a:pt x="70" y="43"/>
                    <a:pt x="63" y="27"/>
                  </a:cubicBezTo>
                </a:path>
              </a:pathLst>
            </a:custGeom>
            <a:solidFill>
              <a:srgbClr val="C5C6C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5" name="Freeform 29"/>
            <p:cNvSpPr>
              <a:spLocks/>
            </p:cNvSpPr>
            <p:nvPr/>
          </p:nvSpPr>
          <p:spPr bwMode="auto">
            <a:xfrm>
              <a:off x="3652" y="907"/>
              <a:ext cx="1438" cy="1804"/>
            </a:xfrm>
            <a:custGeom>
              <a:avLst/>
              <a:gdLst>
                <a:gd name="T0" fmla="*/ 111 w 287"/>
                <a:gd name="T1" fmla="*/ 0 h 360"/>
                <a:gd name="T2" fmla="*/ 111 w 287"/>
                <a:gd name="T3" fmla="*/ 7 h 360"/>
                <a:gd name="T4" fmla="*/ 110 w 287"/>
                <a:gd name="T5" fmla="*/ 62 h 360"/>
                <a:gd name="T6" fmla="*/ 109 w 287"/>
                <a:gd name="T7" fmla="*/ 68 h 360"/>
                <a:gd name="T8" fmla="*/ 201 w 287"/>
                <a:gd name="T9" fmla="*/ 128 h 360"/>
                <a:gd name="T10" fmla="*/ 199 w 287"/>
                <a:gd name="T11" fmla="*/ 222 h 360"/>
                <a:gd name="T12" fmla="*/ 198 w 287"/>
                <a:gd name="T13" fmla="*/ 224 h 360"/>
                <a:gd name="T14" fmla="*/ 151 w 287"/>
                <a:gd name="T15" fmla="*/ 269 h 360"/>
                <a:gd name="T16" fmla="*/ 42 w 287"/>
                <a:gd name="T17" fmla="*/ 258 h 360"/>
                <a:gd name="T18" fmla="*/ 38 w 287"/>
                <a:gd name="T19" fmla="*/ 263 h 360"/>
                <a:gd name="T20" fmla="*/ 4 w 287"/>
                <a:gd name="T21" fmla="*/ 307 h 360"/>
                <a:gd name="T22" fmla="*/ 0 w 287"/>
                <a:gd name="T23" fmla="*/ 312 h 360"/>
                <a:gd name="T24" fmla="*/ 180 w 287"/>
                <a:gd name="T25" fmla="*/ 331 h 360"/>
                <a:gd name="T26" fmla="*/ 258 w 287"/>
                <a:gd name="T27" fmla="*/ 257 h 360"/>
                <a:gd name="T28" fmla="*/ 259 w 287"/>
                <a:gd name="T29" fmla="*/ 255 h 360"/>
                <a:gd name="T30" fmla="*/ 263 w 287"/>
                <a:gd name="T31" fmla="*/ 99 h 360"/>
                <a:gd name="T32" fmla="*/ 111 w 287"/>
                <a:gd name="T33" fmla="*/ 0 h 3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287" h="360">
                  <a:moveTo>
                    <a:pt x="111" y="0"/>
                  </a:moveTo>
                  <a:cubicBezTo>
                    <a:pt x="111" y="7"/>
                    <a:pt x="111" y="7"/>
                    <a:pt x="111" y="7"/>
                  </a:cubicBezTo>
                  <a:cubicBezTo>
                    <a:pt x="110" y="62"/>
                    <a:pt x="110" y="62"/>
                    <a:pt x="110" y="62"/>
                  </a:cubicBezTo>
                  <a:cubicBezTo>
                    <a:pt x="109" y="68"/>
                    <a:pt x="109" y="68"/>
                    <a:pt x="109" y="68"/>
                  </a:cubicBezTo>
                  <a:cubicBezTo>
                    <a:pt x="147" y="70"/>
                    <a:pt x="183" y="92"/>
                    <a:pt x="201" y="128"/>
                  </a:cubicBezTo>
                  <a:cubicBezTo>
                    <a:pt x="216" y="159"/>
                    <a:pt x="214" y="194"/>
                    <a:pt x="199" y="222"/>
                  </a:cubicBezTo>
                  <a:cubicBezTo>
                    <a:pt x="199" y="223"/>
                    <a:pt x="198" y="224"/>
                    <a:pt x="198" y="224"/>
                  </a:cubicBezTo>
                  <a:cubicBezTo>
                    <a:pt x="188" y="243"/>
                    <a:pt x="172" y="259"/>
                    <a:pt x="151" y="269"/>
                  </a:cubicBezTo>
                  <a:cubicBezTo>
                    <a:pt x="114" y="286"/>
                    <a:pt x="73" y="281"/>
                    <a:pt x="42" y="258"/>
                  </a:cubicBezTo>
                  <a:cubicBezTo>
                    <a:pt x="38" y="263"/>
                    <a:pt x="38" y="263"/>
                    <a:pt x="38" y="263"/>
                  </a:cubicBezTo>
                  <a:cubicBezTo>
                    <a:pt x="4" y="307"/>
                    <a:pt x="4" y="307"/>
                    <a:pt x="4" y="307"/>
                  </a:cubicBezTo>
                  <a:cubicBezTo>
                    <a:pt x="0" y="312"/>
                    <a:pt x="0" y="312"/>
                    <a:pt x="0" y="312"/>
                  </a:cubicBezTo>
                  <a:cubicBezTo>
                    <a:pt x="50" y="350"/>
                    <a:pt x="120" y="360"/>
                    <a:pt x="180" y="331"/>
                  </a:cubicBezTo>
                  <a:cubicBezTo>
                    <a:pt x="215" y="314"/>
                    <a:pt x="241" y="288"/>
                    <a:pt x="258" y="257"/>
                  </a:cubicBezTo>
                  <a:cubicBezTo>
                    <a:pt x="259" y="256"/>
                    <a:pt x="259" y="255"/>
                    <a:pt x="259" y="255"/>
                  </a:cubicBezTo>
                  <a:cubicBezTo>
                    <a:pt x="284" y="208"/>
                    <a:pt x="287" y="150"/>
                    <a:pt x="263" y="99"/>
                  </a:cubicBezTo>
                  <a:cubicBezTo>
                    <a:pt x="234" y="38"/>
                    <a:pt x="174" y="2"/>
                    <a:pt x="111" y="0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16" name="Oval 30"/>
            <p:cNvSpPr>
              <a:spLocks noChangeArrowheads="1"/>
            </p:cNvSpPr>
            <p:nvPr/>
          </p:nvSpPr>
          <p:spPr bwMode="auto">
            <a:xfrm>
              <a:off x="4148" y="1373"/>
              <a:ext cx="125" cy="125"/>
            </a:xfrm>
            <a:prstGeom prst="ellipse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17" name="Freeform 31"/>
            <p:cNvSpPr>
              <a:spLocks/>
            </p:cNvSpPr>
            <p:nvPr/>
          </p:nvSpPr>
          <p:spPr bwMode="auto">
            <a:xfrm>
              <a:off x="4018" y="1523"/>
              <a:ext cx="396" cy="687"/>
            </a:xfrm>
            <a:custGeom>
              <a:avLst/>
              <a:gdLst>
                <a:gd name="T0" fmla="*/ 78 w 79"/>
                <a:gd name="T1" fmla="*/ 51 h 137"/>
                <a:gd name="T2" fmla="*/ 64 w 79"/>
                <a:gd name="T3" fmla="*/ 8 h 137"/>
                <a:gd name="T4" fmla="*/ 55 w 79"/>
                <a:gd name="T5" fmla="*/ 0 h 137"/>
                <a:gd name="T6" fmla="*/ 23 w 79"/>
                <a:gd name="T7" fmla="*/ 0 h 137"/>
                <a:gd name="T8" fmla="*/ 16 w 79"/>
                <a:gd name="T9" fmla="*/ 4 h 137"/>
                <a:gd name="T10" fmla="*/ 15 w 79"/>
                <a:gd name="T11" fmla="*/ 6 h 137"/>
                <a:gd name="T12" fmla="*/ 15 w 79"/>
                <a:gd name="T13" fmla="*/ 6 h 137"/>
                <a:gd name="T14" fmla="*/ 14 w 79"/>
                <a:gd name="T15" fmla="*/ 7 h 137"/>
                <a:gd name="T16" fmla="*/ 1 w 79"/>
                <a:gd name="T17" fmla="*/ 51 h 137"/>
                <a:gd name="T18" fmla="*/ 4 w 79"/>
                <a:gd name="T19" fmla="*/ 58 h 137"/>
                <a:gd name="T20" fmla="*/ 11 w 79"/>
                <a:gd name="T21" fmla="*/ 54 h 137"/>
                <a:gd name="T22" fmla="*/ 22 w 79"/>
                <a:gd name="T23" fmla="*/ 19 h 137"/>
                <a:gd name="T24" fmla="*/ 23 w 79"/>
                <a:gd name="T25" fmla="*/ 19 h 137"/>
                <a:gd name="T26" fmla="*/ 24 w 79"/>
                <a:gd name="T27" fmla="*/ 19 h 137"/>
                <a:gd name="T28" fmla="*/ 8 w 79"/>
                <a:gd name="T29" fmla="*/ 82 h 137"/>
                <a:gd name="T30" fmla="*/ 25 w 79"/>
                <a:gd name="T31" fmla="*/ 82 h 137"/>
                <a:gd name="T32" fmla="*/ 25 w 79"/>
                <a:gd name="T33" fmla="*/ 131 h 137"/>
                <a:gd name="T34" fmla="*/ 31 w 79"/>
                <a:gd name="T35" fmla="*/ 137 h 137"/>
                <a:gd name="T36" fmla="*/ 38 w 79"/>
                <a:gd name="T37" fmla="*/ 131 h 137"/>
                <a:gd name="T38" fmla="*/ 38 w 79"/>
                <a:gd name="T39" fmla="*/ 82 h 137"/>
                <a:gd name="T40" fmla="*/ 41 w 79"/>
                <a:gd name="T41" fmla="*/ 82 h 137"/>
                <a:gd name="T42" fmla="*/ 41 w 79"/>
                <a:gd name="T43" fmla="*/ 131 h 137"/>
                <a:gd name="T44" fmla="*/ 48 w 79"/>
                <a:gd name="T45" fmla="*/ 137 h 137"/>
                <a:gd name="T46" fmla="*/ 54 w 79"/>
                <a:gd name="T47" fmla="*/ 131 h 137"/>
                <a:gd name="T48" fmla="*/ 54 w 79"/>
                <a:gd name="T49" fmla="*/ 82 h 137"/>
                <a:gd name="T50" fmla="*/ 71 w 79"/>
                <a:gd name="T51" fmla="*/ 82 h 137"/>
                <a:gd name="T52" fmla="*/ 54 w 79"/>
                <a:gd name="T53" fmla="*/ 19 h 137"/>
                <a:gd name="T54" fmla="*/ 55 w 79"/>
                <a:gd name="T55" fmla="*/ 19 h 137"/>
                <a:gd name="T56" fmla="*/ 56 w 79"/>
                <a:gd name="T57" fmla="*/ 19 h 137"/>
                <a:gd name="T58" fmla="*/ 67 w 79"/>
                <a:gd name="T59" fmla="*/ 54 h 137"/>
                <a:gd name="T60" fmla="*/ 74 w 79"/>
                <a:gd name="T61" fmla="*/ 58 h 137"/>
                <a:gd name="T62" fmla="*/ 78 w 79"/>
                <a:gd name="T63" fmla="*/ 51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l="0" t="0" r="r" b="b"/>
              <a:pathLst>
                <a:path w="79" h="137">
                  <a:moveTo>
                    <a:pt x="78" y="51"/>
                  </a:moveTo>
                  <a:cubicBezTo>
                    <a:pt x="64" y="8"/>
                    <a:pt x="64" y="8"/>
                    <a:pt x="64" y="8"/>
                  </a:cubicBezTo>
                  <a:cubicBezTo>
                    <a:pt x="63" y="4"/>
                    <a:pt x="59" y="0"/>
                    <a:pt x="55" y="0"/>
                  </a:cubicBezTo>
                  <a:cubicBezTo>
                    <a:pt x="23" y="0"/>
                    <a:pt x="23" y="0"/>
                    <a:pt x="23" y="0"/>
                  </a:cubicBezTo>
                  <a:cubicBezTo>
                    <a:pt x="20" y="0"/>
                    <a:pt x="17" y="2"/>
                    <a:pt x="16" y="4"/>
                  </a:cubicBezTo>
                  <a:cubicBezTo>
                    <a:pt x="15" y="5"/>
                    <a:pt x="15" y="5"/>
                    <a:pt x="15" y="6"/>
                  </a:cubicBezTo>
                  <a:cubicBezTo>
                    <a:pt x="15" y="6"/>
                    <a:pt x="15" y="6"/>
                    <a:pt x="15" y="6"/>
                  </a:cubicBezTo>
                  <a:cubicBezTo>
                    <a:pt x="15" y="6"/>
                    <a:pt x="15" y="7"/>
                    <a:pt x="14" y="7"/>
                  </a:cubicBezTo>
                  <a:cubicBezTo>
                    <a:pt x="1" y="51"/>
                    <a:pt x="1" y="51"/>
                    <a:pt x="1" y="51"/>
                  </a:cubicBezTo>
                  <a:cubicBezTo>
                    <a:pt x="0" y="54"/>
                    <a:pt x="1" y="57"/>
                    <a:pt x="4" y="58"/>
                  </a:cubicBezTo>
                  <a:cubicBezTo>
                    <a:pt x="7" y="59"/>
                    <a:pt x="10" y="57"/>
                    <a:pt x="11" y="54"/>
                  </a:cubicBezTo>
                  <a:cubicBezTo>
                    <a:pt x="22" y="19"/>
                    <a:pt x="22" y="19"/>
                    <a:pt x="22" y="19"/>
                  </a:cubicBezTo>
                  <a:cubicBezTo>
                    <a:pt x="23" y="19"/>
                    <a:pt x="23" y="19"/>
                    <a:pt x="23" y="19"/>
                  </a:cubicBezTo>
                  <a:cubicBezTo>
                    <a:pt x="24" y="19"/>
                    <a:pt x="24" y="19"/>
                    <a:pt x="24" y="19"/>
                  </a:cubicBezTo>
                  <a:cubicBezTo>
                    <a:pt x="8" y="82"/>
                    <a:pt x="8" y="82"/>
                    <a:pt x="8" y="82"/>
                  </a:cubicBezTo>
                  <a:cubicBezTo>
                    <a:pt x="25" y="82"/>
                    <a:pt x="25" y="82"/>
                    <a:pt x="25" y="82"/>
                  </a:cubicBezTo>
                  <a:cubicBezTo>
                    <a:pt x="25" y="131"/>
                    <a:pt x="25" y="131"/>
                    <a:pt x="25" y="131"/>
                  </a:cubicBezTo>
                  <a:cubicBezTo>
                    <a:pt x="25" y="135"/>
                    <a:pt x="28" y="137"/>
                    <a:pt x="31" y="137"/>
                  </a:cubicBezTo>
                  <a:cubicBezTo>
                    <a:pt x="35" y="137"/>
                    <a:pt x="38" y="135"/>
                    <a:pt x="38" y="131"/>
                  </a:cubicBezTo>
                  <a:cubicBezTo>
                    <a:pt x="38" y="82"/>
                    <a:pt x="38" y="82"/>
                    <a:pt x="38" y="82"/>
                  </a:cubicBezTo>
                  <a:cubicBezTo>
                    <a:pt x="41" y="82"/>
                    <a:pt x="41" y="82"/>
                    <a:pt x="41" y="82"/>
                  </a:cubicBezTo>
                  <a:cubicBezTo>
                    <a:pt x="41" y="131"/>
                    <a:pt x="41" y="131"/>
                    <a:pt x="41" y="131"/>
                  </a:cubicBezTo>
                  <a:cubicBezTo>
                    <a:pt x="41" y="135"/>
                    <a:pt x="44" y="137"/>
                    <a:pt x="48" y="137"/>
                  </a:cubicBezTo>
                  <a:cubicBezTo>
                    <a:pt x="51" y="137"/>
                    <a:pt x="54" y="135"/>
                    <a:pt x="54" y="131"/>
                  </a:cubicBezTo>
                  <a:cubicBezTo>
                    <a:pt x="54" y="82"/>
                    <a:pt x="54" y="82"/>
                    <a:pt x="54" y="82"/>
                  </a:cubicBezTo>
                  <a:cubicBezTo>
                    <a:pt x="71" y="82"/>
                    <a:pt x="71" y="82"/>
                    <a:pt x="71" y="82"/>
                  </a:cubicBezTo>
                  <a:cubicBezTo>
                    <a:pt x="54" y="19"/>
                    <a:pt x="54" y="19"/>
                    <a:pt x="54" y="19"/>
                  </a:cubicBezTo>
                  <a:cubicBezTo>
                    <a:pt x="55" y="19"/>
                    <a:pt x="55" y="19"/>
                    <a:pt x="55" y="19"/>
                  </a:cubicBezTo>
                  <a:cubicBezTo>
                    <a:pt x="55" y="19"/>
                    <a:pt x="55" y="19"/>
                    <a:pt x="56" y="19"/>
                  </a:cubicBezTo>
                  <a:cubicBezTo>
                    <a:pt x="67" y="54"/>
                    <a:pt x="67" y="54"/>
                    <a:pt x="67" y="54"/>
                  </a:cubicBezTo>
                  <a:cubicBezTo>
                    <a:pt x="68" y="57"/>
                    <a:pt x="71" y="59"/>
                    <a:pt x="74" y="58"/>
                  </a:cubicBezTo>
                  <a:cubicBezTo>
                    <a:pt x="77" y="57"/>
                    <a:pt x="79" y="54"/>
                    <a:pt x="78" y="51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3082195" y="3917041"/>
            <a:ext cx="220870" cy="566060"/>
            <a:chOff x="2719473" y="2148841"/>
            <a:chExt cx="502596" cy="1288090"/>
          </a:xfrm>
        </p:grpSpPr>
        <p:sp>
          <p:nvSpPr>
            <p:cNvPr id="19" name="Freeform 11"/>
            <p:cNvSpPr>
              <a:spLocks/>
            </p:cNvSpPr>
            <p:nvPr/>
          </p:nvSpPr>
          <p:spPr bwMode="auto">
            <a:xfrm>
              <a:off x="2719473" y="2371548"/>
              <a:ext cx="502596" cy="1065383"/>
            </a:xfrm>
            <a:custGeom>
              <a:avLst/>
              <a:gdLst>
                <a:gd name="T0" fmla="*/ 53 w 70"/>
                <a:gd name="T1" fmla="*/ 0 h 148"/>
                <a:gd name="T2" fmla="*/ 18 w 70"/>
                <a:gd name="T3" fmla="*/ 0 h 148"/>
                <a:gd name="T4" fmla="*/ 0 w 70"/>
                <a:gd name="T5" fmla="*/ 15 h 148"/>
                <a:gd name="T6" fmla="*/ 0 w 70"/>
                <a:gd name="T7" fmla="*/ 15 h 148"/>
                <a:gd name="T8" fmla="*/ 0 w 70"/>
                <a:gd name="T9" fmla="*/ 17 h 148"/>
                <a:gd name="T10" fmla="*/ 0 w 70"/>
                <a:gd name="T11" fmla="*/ 67 h 148"/>
                <a:gd name="T12" fmla="*/ 5 w 70"/>
                <a:gd name="T13" fmla="*/ 73 h 148"/>
                <a:gd name="T14" fmla="*/ 11 w 70"/>
                <a:gd name="T15" fmla="*/ 67 h 148"/>
                <a:gd name="T16" fmla="*/ 11 w 70"/>
                <a:gd name="T17" fmla="*/ 24 h 148"/>
                <a:gd name="T18" fmla="*/ 16 w 70"/>
                <a:gd name="T19" fmla="*/ 24 h 148"/>
                <a:gd name="T20" fmla="*/ 16 w 70"/>
                <a:gd name="T21" fmla="*/ 65 h 148"/>
                <a:gd name="T22" fmla="*/ 16 w 70"/>
                <a:gd name="T23" fmla="*/ 67 h 148"/>
                <a:gd name="T24" fmla="*/ 16 w 70"/>
                <a:gd name="T25" fmla="*/ 140 h 148"/>
                <a:gd name="T26" fmla="*/ 25 w 70"/>
                <a:gd name="T27" fmla="*/ 148 h 148"/>
                <a:gd name="T28" fmla="*/ 33 w 70"/>
                <a:gd name="T29" fmla="*/ 140 h 148"/>
                <a:gd name="T30" fmla="*/ 33 w 70"/>
                <a:gd name="T31" fmla="*/ 75 h 148"/>
                <a:gd name="T32" fmla="*/ 37 w 70"/>
                <a:gd name="T33" fmla="*/ 75 h 148"/>
                <a:gd name="T34" fmla="*/ 37 w 70"/>
                <a:gd name="T35" fmla="*/ 140 h 148"/>
                <a:gd name="T36" fmla="*/ 45 w 70"/>
                <a:gd name="T37" fmla="*/ 148 h 148"/>
                <a:gd name="T38" fmla="*/ 53 w 70"/>
                <a:gd name="T39" fmla="*/ 140 h 148"/>
                <a:gd name="T40" fmla="*/ 53 w 70"/>
                <a:gd name="T41" fmla="*/ 65 h 148"/>
                <a:gd name="T42" fmla="*/ 53 w 70"/>
                <a:gd name="T43" fmla="*/ 65 h 148"/>
                <a:gd name="T44" fmla="*/ 53 w 70"/>
                <a:gd name="T45" fmla="*/ 24 h 148"/>
                <a:gd name="T46" fmla="*/ 57 w 70"/>
                <a:gd name="T47" fmla="*/ 24 h 148"/>
                <a:gd name="T48" fmla="*/ 57 w 70"/>
                <a:gd name="T49" fmla="*/ 67 h 148"/>
                <a:gd name="T50" fmla="*/ 64 w 70"/>
                <a:gd name="T51" fmla="*/ 73 h 148"/>
                <a:gd name="T52" fmla="*/ 70 w 70"/>
                <a:gd name="T53" fmla="*/ 67 h 148"/>
                <a:gd name="T54" fmla="*/ 70 w 70"/>
                <a:gd name="T55" fmla="*/ 17 h 148"/>
                <a:gd name="T56" fmla="*/ 70 w 70"/>
                <a:gd name="T57" fmla="*/ 15 h 148"/>
                <a:gd name="T58" fmla="*/ 70 w 70"/>
                <a:gd name="T59" fmla="*/ 14 h 148"/>
                <a:gd name="T60" fmla="*/ 53 w 70"/>
                <a:gd name="T61" fmla="*/ 0 h 1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70" h="148">
                  <a:moveTo>
                    <a:pt x="53" y="0"/>
                  </a:moveTo>
                  <a:cubicBezTo>
                    <a:pt x="18" y="0"/>
                    <a:pt x="18" y="0"/>
                    <a:pt x="18" y="0"/>
                  </a:cubicBezTo>
                  <a:cubicBezTo>
                    <a:pt x="4" y="0"/>
                    <a:pt x="0" y="11"/>
                    <a:pt x="0" y="15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0" y="17"/>
                    <a:pt x="0" y="17"/>
                    <a:pt x="0" y="17"/>
                  </a:cubicBezTo>
                  <a:cubicBezTo>
                    <a:pt x="0" y="67"/>
                    <a:pt x="0" y="67"/>
                    <a:pt x="0" y="67"/>
                  </a:cubicBezTo>
                  <a:cubicBezTo>
                    <a:pt x="0" y="70"/>
                    <a:pt x="2" y="73"/>
                    <a:pt x="5" y="73"/>
                  </a:cubicBezTo>
                  <a:cubicBezTo>
                    <a:pt x="9" y="73"/>
                    <a:pt x="11" y="70"/>
                    <a:pt x="11" y="67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6" y="24"/>
                    <a:pt x="16" y="24"/>
                    <a:pt x="16" y="24"/>
                  </a:cubicBezTo>
                  <a:cubicBezTo>
                    <a:pt x="16" y="65"/>
                    <a:pt x="16" y="65"/>
                    <a:pt x="16" y="65"/>
                  </a:cubicBezTo>
                  <a:cubicBezTo>
                    <a:pt x="16" y="66"/>
                    <a:pt x="16" y="66"/>
                    <a:pt x="16" y="67"/>
                  </a:cubicBezTo>
                  <a:cubicBezTo>
                    <a:pt x="16" y="140"/>
                    <a:pt x="16" y="140"/>
                    <a:pt x="16" y="140"/>
                  </a:cubicBezTo>
                  <a:cubicBezTo>
                    <a:pt x="16" y="145"/>
                    <a:pt x="20" y="148"/>
                    <a:pt x="25" y="148"/>
                  </a:cubicBezTo>
                  <a:cubicBezTo>
                    <a:pt x="29" y="148"/>
                    <a:pt x="33" y="145"/>
                    <a:pt x="33" y="140"/>
                  </a:cubicBezTo>
                  <a:cubicBezTo>
                    <a:pt x="33" y="75"/>
                    <a:pt x="33" y="75"/>
                    <a:pt x="33" y="75"/>
                  </a:cubicBezTo>
                  <a:cubicBezTo>
                    <a:pt x="37" y="75"/>
                    <a:pt x="37" y="75"/>
                    <a:pt x="37" y="75"/>
                  </a:cubicBezTo>
                  <a:cubicBezTo>
                    <a:pt x="37" y="140"/>
                    <a:pt x="37" y="140"/>
                    <a:pt x="37" y="140"/>
                  </a:cubicBezTo>
                  <a:cubicBezTo>
                    <a:pt x="37" y="145"/>
                    <a:pt x="40" y="148"/>
                    <a:pt x="45" y="148"/>
                  </a:cubicBezTo>
                  <a:cubicBezTo>
                    <a:pt x="49" y="148"/>
                    <a:pt x="53" y="145"/>
                    <a:pt x="53" y="140"/>
                  </a:cubicBezTo>
                  <a:cubicBezTo>
                    <a:pt x="53" y="65"/>
                    <a:pt x="53" y="65"/>
                    <a:pt x="53" y="65"/>
                  </a:cubicBezTo>
                  <a:cubicBezTo>
                    <a:pt x="53" y="65"/>
                    <a:pt x="53" y="65"/>
                    <a:pt x="53" y="65"/>
                  </a:cubicBezTo>
                  <a:cubicBezTo>
                    <a:pt x="53" y="24"/>
                    <a:pt x="53" y="24"/>
                    <a:pt x="53" y="24"/>
                  </a:cubicBezTo>
                  <a:cubicBezTo>
                    <a:pt x="57" y="24"/>
                    <a:pt x="57" y="24"/>
                    <a:pt x="57" y="24"/>
                  </a:cubicBezTo>
                  <a:cubicBezTo>
                    <a:pt x="57" y="67"/>
                    <a:pt x="57" y="67"/>
                    <a:pt x="57" y="67"/>
                  </a:cubicBezTo>
                  <a:cubicBezTo>
                    <a:pt x="57" y="70"/>
                    <a:pt x="60" y="73"/>
                    <a:pt x="64" y="73"/>
                  </a:cubicBezTo>
                  <a:cubicBezTo>
                    <a:pt x="67" y="73"/>
                    <a:pt x="70" y="70"/>
                    <a:pt x="70" y="67"/>
                  </a:cubicBezTo>
                  <a:cubicBezTo>
                    <a:pt x="70" y="17"/>
                    <a:pt x="70" y="17"/>
                    <a:pt x="70" y="17"/>
                  </a:cubicBezTo>
                  <a:cubicBezTo>
                    <a:pt x="70" y="15"/>
                    <a:pt x="70" y="15"/>
                    <a:pt x="70" y="15"/>
                  </a:cubicBezTo>
                  <a:cubicBezTo>
                    <a:pt x="70" y="14"/>
                    <a:pt x="70" y="14"/>
                    <a:pt x="70" y="14"/>
                  </a:cubicBezTo>
                  <a:cubicBezTo>
                    <a:pt x="70" y="9"/>
                    <a:pt x="64" y="0"/>
                    <a:pt x="53" y="0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0" name="Oval 12"/>
            <p:cNvSpPr>
              <a:spLocks noChangeArrowheads="1"/>
            </p:cNvSpPr>
            <p:nvPr/>
          </p:nvSpPr>
          <p:spPr bwMode="auto">
            <a:xfrm>
              <a:off x="2869951" y="2148841"/>
              <a:ext cx="201640" cy="201640"/>
            </a:xfrm>
            <a:prstGeom prst="ellipse">
              <a:avLst/>
            </a:prstGeom>
            <a:solidFill>
              <a:srgbClr val="CABD6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6686546" y="3956137"/>
            <a:ext cx="247654" cy="523448"/>
            <a:chOff x="4632244" y="3364697"/>
            <a:chExt cx="578450" cy="1222633"/>
          </a:xfrm>
        </p:grpSpPr>
        <p:sp>
          <p:nvSpPr>
            <p:cNvPr id="22" name="Oval 30"/>
            <p:cNvSpPr>
              <a:spLocks noChangeArrowheads="1"/>
            </p:cNvSpPr>
            <p:nvPr/>
          </p:nvSpPr>
          <p:spPr bwMode="auto">
            <a:xfrm>
              <a:off x="4822139" y="3364697"/>
              <a:ext cx="182591" cy="182591"/>
            </a:xfrm>
            <a:prstGeom prst="ellipse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3" name="Freeform 31"/>
            <p:cNvSpPr>
              <a:spLocks/>
            </p:cNvSpPr>
            <p:nvPr/>
          </p:nvSpPr>
          <p:spPr bwMode="auto">
            <a:xfrm>
              <a:off x="4632244" y="3583807"/>
              <a:ext cx="578450" cy="1003523"/>
            </a:xfrm>
            <a:custGeom>
              <a:avLst/>
              <a:gdLst>
                <a:gd name="T0" fmla="*/ 78 w 79"/>
                <a:gd name="T1" fmla="*/ 51 h 137"/>
                <a:gd name="T2" fmla="*/ 64 w 79"/>
                <a:gd name="T3" fmla="*/ 8 h 137"/>
                <a:gd name="T4" fmla="*/ 55 w 79"/>
                <a:gd name="T5" fmla="*/ 0 h 137"/>
                <a:gd name="T6" fmla="*/ 23 w 79"/>
                <a:gd name="T7" fmla="*/ 0 h 137"/>
                <a:gd name="T8" fmla="*/ 16 w 79"/>
                <a:gd name="T9" fmla="*/ 4 h 137"/>
                <a:gd name="T10" fmla="*/ 15 w 79"/>
                <a:gd name="T11" fmla="*/ 6 h 137"/>
                <a:gd name="T12" fmla="*/ 15 w 79"/>
                <a:gd name="T13" fmla="*/ 6 h 137"/>
                <a:gd name="T14" fmla="*/ 14 w 79"/>
                <a:gd name="T15" fmla="*/ 7 h 137"/>
                <a:gd name="T16" fmla="*/ 1 w 79"/>
                <a:gd name="T17" fmla="*/ 51 h 137"/>
                <a:gd name="T18" fmla="*/ 4 w 79"/>
                <a:gd name="T19" fmla="*/ 58 h 137"/>
                <a:gd name="T20" fmla="*/ 11 w 79"/>
                <a:gd name="T21" fmla="*/ 54 h 137"/>
                <a:gd name="T22" fmla="*/ 22 w 79"/>
                <a:gd name="T23" fmla="*/ 19 h 137"/>
                <a:gd name="T24" fmla="*/ 23 w 79"/>
                <a:gd name="T25" fmla="*/ 19 h 137"/>
                <a:gd name="T26" fmla="*/ 24 w 79"/>
                <a:gd name="T27" fmla="*/ 19 h 137"/>
                <a:gd name="T28" fmla="*/ 8 w 79"/>
                <a:gd name="T29" fmla="*/ 82 h 137"/>
                <a:gd name="T30" fmla="*/ 25 w 79"/>
                <a:gd name="T31" fmla="*/ 82 h 137"/>
                <a:gd name="T32" fmla="*/ 25 w 79"/>
                <a:gd name="T33" fmla="*/ 131 h 137"/>
                <a:gd name="T34" fmla="*/ 31 w 79"/>
                <a:gd name="T35" fmla="*/ 137 h 137"/>
                <a:gd name="T36" fmla="*/ 38 w 79"/>
                <a:gd name="T37" fmla="*/ 131 h 137"/>
                <a:gd name="T38" fmla="*/ 38 w 79"/>
                <a:gd name="T39" fmla="*/ 82 h 137"/>
                <a:gd name="T40" fmla="*/ 41 w 79"/>
                <a:gd name="T41" fmla="*/ 82 h 137"/>
                <a:gd name="T42" fmla="*/ 41 w 79"/>
                <a:gd name="T43" fmla="*/ 131 h 137"/>
                <a:gd name="T44" fmla="*/ 48 w 79"/>
                <a:gd name="T45" fmla="*/ 137 h 137"/>
                <a:gd name="T46" fmla="*/ 54 w 79"/>
                <a:gd name="T47" fmla="*/ 131 h 137"/>
                <a:gd name="T48" fmla="*/ 54 w 79"/>
                <a:gd name="T49" fmla="*/ 82 h 137"/>
                <a:gd name="T50" fmla="*/ 71 w 79"/>
                <a:gd name="T51" fmla="*/ 82 h 137"/>
                <a:gd name="T52" fmla="*/ 54 w 79"/>
                <a:gd name="T53" fmla="*/ 19 h 137"/>
                <a:gd name="T54" fmla="*/ 55 w 79"/>
                <a:gd name="T55" fmla="*/ 19 h 137"/>
                <a:gd name="T56" fmla="*/ 56 w 79"/>
                <a:gd name="T57" fmla="*/ 19 h 137"/>
                <a:gd name="T58" fmla="*/ 67 w 79"/>
                <a:gd name="T59" fmla="*/ 54 h 137"/>
                <a:gd name="T60" fmla="*/ 74 w 79"/>
                <a:gd name="T61" fmla="*/ 58 h 137"/>
                <a:gd name="T62" fmla="*/ 78 w 79"/>
                <a:gd name="T63" fmla="*/ 51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l="0" t="0" r="r" b="b"/>
              <a:pathLst>
                <a:path w="79" h="137">
                  <a:moveTo>
                    <a:pt x="78" y="51"/>
                  </a:moveTo>
                  <a:cubicBezTo>
                    <a:pt x="64" y="8"/>
                    <a:pt x="64" y="8"/>
                    <a:pt x="64" y="8"/>
                  </a:cubicBezTo>
                  <a:cubicBezTo>
                    <a:pt x="63" y="4"/>
                    <a:pt x="59" y="0"/>
                    <a:pt x="55" y="0"/>
                  </a:cubicBezTo>
                  <a:cubicBezTo>
                    <a:pt x="23" y="0"/>
                    <a:pt x="23" y="0"/>
                    <a:pt x="23" y="0"/>
                  </a:cubicBezTo>
                  <a:cubicBezTo>
                    <a:pt x="20" y="0"/>
                    <a:pt x="17" y="2"/>
                    <a:pt x="16" y="4"/>
                  </a:cubicBezTo>
                  <a:cubicBezTo>
                    <a:pt x="15" y="5"/>
                    <a:pt x="15" y="5"/>
                    <a:pt x="15" y="6"/>
                  </a:cubicBezTo>
                  <a:cubicBezTo>
                    <a:pt x="15" y="6"/>
                    <a:pt x="15" y="6"/>
                    <a:pt x="15" y="6"/>
                  </a:cubicBezTo>
                  <a:cubicBezTo>
                    <a:pt x="15" y="6"/>
                    <a:pt x="15" y="7"/>
                    <a:pt x="14" y="7"/>
                  </a:cubicBezTo>
                  <a:cubicBezTo>
                    <a:pt x="1" y="51"/>
                    <a:pt x="1" y="51"/>
                    <a:pt x="1" y="51"/>
                  </a:cubicBezTo>
                  <a:cubicBezTo>
                    <a:pt x="0" y="54"/>
                    <a:pt x="1" y="57"/>
                    <a:pt x="4" y="58"/>
                  </a:cubicBezTo>
                  <a:cubicBezTo>
                    <a:pt x="7" y="59"/>
                    <a:pt x="10" y="57"/>
                    <a:pt x="11" y="54"/>
                  </a:cubicBezTo>
                  <a:cubicBezTo>
                    <a:pt x="22" y="19"/>
                    <a:pt x="22" y="19"/>
                    <a:pt x="22" y="19"/>
                  </a:cubicBezTo>
                  <a:cubicBezTo>
                    <a:pt x="23" y="19"/>
                    <a:pt x="23" y="19"/>
                    <a:pt x="23" y="19"/>
                  </a:cubicBezTo>
                  <a:cubicBezTo>
                    <a:pt x="24" y="19"/>
                    <a:pt x="24" y="19"/>
                    <a:pt x="24" y="19"/>
                  </a:cubicBezTo>
                  <a:cubicBezTo>
                    <a:pt x="8" y="82"/>
                    <a:pt x="8" y="82"/>
                    <a:pt x="8" y="82"/>
                  </a:cubicBezTo>
                  <a:cubicBezTo>
                    <a:pt x="25" y="82"/>
                    <a:pt x="25" y="82"/>
                    <a:pt x="25" y="82"/>
                  </a:cubicBezTo>
                  <a:cubicBezTo>
                    <a:pt x="25" y="131"/>
                    <a:pt x="25" y="131"/>
                    <a:pt x="25" y="131"/>
                  </a:cubicBezTo>
                  <a:cubicBezTo>
                    <a:pt x="25" y="135"/>
                    <a:pt x="28" y="137"/>
                    <a:pt x="31" y="137"/>
                  </a:cubicBezTo>
                  <a:cubicBezTo>
                    <a:pt x="35" y="137"/>
                    <a:pt x="38" y="135"/>
                    <a:pt x="38" y="131"/>
                  </a:cubicBezTo>
                  <a:cubicBezTo>
                    <a:pt x="38" y="82"/>
                    <a:pt x="38" y="82"/>
                    <a:pt x="38" y="82"/>
                  </a:cubicBezTo>
                  <a:cubicBezTo>
                    <a:pt x="41" y="82"/>
                    <a:pt x="41" y="82"/>
                    <a:pt x="41" y="82"/>
                  </a:cubicBezTo>
                  <a:cubicBezTo>
                    <a:pt x="41" y="131"/>
                    <a:pt x="41" y="131"/>
                    <a:pt x="41" y="131"/>
                  </a:cubicBezTo>
                  <a:cubicBezTo>
                    <a:pt x="41" y="135"/>
                    <a:pt x="44" y="137"/>
                    <a:pt x="48" y="137"/>
                  </a:cubicBezTo>
                  <a:cubicBezTo>
                    <a:pt x="51" y="137"/>
                    <a:pt x="54" y="135"/>
                    <a:pt x="54" y="131"/>
                  </a:cubicBezTo>
                  <a:cubicBezTo>
                    <a:pt x="54" y="82"/>
                    <a:pt x="54" y="82"/>
                    <a:pt x="54" y="82"/>
                  </a:cubicBezTo>
                  <a:cubicBezTo>
                    <a:pt x="71" y="82"/>
                    <a:pt x="71" y="82"/>
                    <a:pt x="71" y="82"/>
                  </a:cubicBezTo>
                  <a:cubicBezTo>
                    <a:pt x="54" y="19"/>
                    <a:pt x="54" y="19"/>
                    <a:pt x="54" y="19"/>
                  </a:cubicBezTo>
                  <a:cubicBezTo>
                    <a:pt x="55" y="19"/>
                    <a:pt x="55" y="19"/>
                    <a:pt x="55" y="19"/>
                  </a:cubicBezTo>
                  <a:cubicBezTo>
                    <a:pt x="55" y="19"/>
                    <a:pt x="55" y="19"/>
                    <a:pt x="56" y="19"/>
                  </a:cubicBezTo>
                  <a:cubicBezTo>
                    <a:pt x="67" y="54"/>
                    <a:pt x="67" y="54"/>
                    <a:pt x="67" y="54"/>
                  </a:cubicBezTo>
                  <a:cubicBezTo>
                    <a:pt x="68" y="57"/>
                    <a:pt x="71" y="59"/>
                    <a:pt x="74" y="58"/>
                  </a:cubicBezTo>
                  <a:cubicBezTo>
                    <a:pt x="77" y="57"/>
                    <a:pt x="79" y="54"/>
                    <a:pt x="78" y="51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3472223" y="4034312"/>
            <a:ext cx="2081926" cy="390525"/>
            <a:chOff x="1948223" y="4034310"/>
            <a:chExt cx="2081926" cy="390525"/>
          </a:xfrm>
        </p:grpSpPr>
        <p:sp>
          <p:nvSpPr>
            <p:cNvPr id="25" name="矩形 24"/>
            <p:cNvSpPr/>
            <p:nvPr/>
          </p:nvSpPr>
          <p:spPr>
            <a:xfrm>
              <a:off x="2019660" y="4059071"/>
              <a:ext cx="1951175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en-US" altLang="zh-CN" sz="120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&gt;&gt;</a:t>
              </a:r>
              <a:r>
                <a:rPr lang="zh-CN" altLang="en-US" sz="120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  <p:cxnSp>
          <p:nvCxnSpPr>
            <p:cNvPr id="26" name="直接连接符 25"/>
            <p:cNvCxnSpPr/>
            <p:nvPr/>
          </p:nvCxnSpPr>
          <p:spPr>
            <a:xfrm>
              <a:off x="1948223" y="4034310"/>
              <a:ext cx="2081926" cy="0"/>
            </a:xfrm>
            <a:prstGeom prst="line">
              <a:avLst/>
            </a:prstGeom>
            <a:ln w="28575">
              <a:solidFill>
                <a:srgbClr val="9DB9B6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直接连接符 26"/>
            <p:cNvCxnSpPr/>
            <p:nvPr/>
          </p:nvCxnSpPr>
          <p:spPr>
            <a:xfrm>
              <a:off x="1948223" y="4424835"/>
              <a:ext cx="2081926" cy="0"/>
            </a:xfrm>
            <a:prstGeom prst="line">
              <a:avLst/>
            </a:prstGeom>
            <a:ln w="28575">
              <a:solidFill>
                <a:srgbClr val="9DB9B6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8" name="组合 27"/>
          <p:cNvGrpSpPr/>
          <p:nvPr/>
        </p:nvGrpSpPr>
        <p:grpSpPr>
          <a:xfrm>
            <a:off x="7040634" y="4030104"/>
            <a:ext cx="2081926" cy="390525"/>
            <a:chOff x="5497584" y="4049153"/>
            <a:chExt cx="2081926" cy="390525"/>
          </a:xfrm>
        </p:grpSpPr>
        <p:sp>
          <p:nvSpPr>
            <p:cNvPr id="29" name="矩形 28"/>
            <p:cNvSpPr/>
            <p:nvPr/>
          </p:nvSpPr>
          <p:spPr>
            <a:xfrm>
              <a:off x="5562960" y="4084471"/>
              <a:ext cx="1951175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en-US" altLang="zh-CN" sz="120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&gt;&gt;</a:t>
              </a:r>
              <a:r>
                <a:rPr lang="zh-CN" altLang="en-US" sz="120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  <p:cxnSp>
          <p:nvCxnSpPr>
            <p:cNvPr id="30" name="直接连接符 29"/>
            <p:cNvCxnSpPr/>
            <p:nvPr/>
          </p:nvCxnSpPr>
          <p:spPr>
            <a:xfrm>
              <a:off x="5497584" y="4049153"/>
              <a:ext cx="2081926" cy="0"/>
            </a:xfrm>
            <a:prstGeom prst="line">
              <a:avLst/>
            </a:prstGeom>
            <a:ln w="28575">
              <a:solidFill>
                <a:schemeClr val="bg1">
                  <a:lumMod val="5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直接连接符 30"/>
            <p:cNvCxnSpPr/>
            <p:nvPr/>
          </p:nvCxnSpPr>
          <p:spPr>
            <a:xfrm>
              <a:off x="5497584" y="4439678"/>
              <a:ext cx="2081926" cy="0"/>
            </a:xfrm>
            <a:prstGeom prst="line">
              <a:avLst/>
            </a:prstGeom>
            <a:ln w="28575">
              <a:solidFill>
                <a:schemeClr val="bg1">
                  <a:lumMod val="5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3" presetClass="entr" presetSubtype="32" fill="hold" nodeType="withEffect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2" presetClass="entr" presetSubtype="8" fill="hold" nodeType="withEffect">
                                  <p:stCondLst>
                                    <p:cond delay="23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3" presetClass="entr" presetSubtype="32" fill="hold" nodeType="withEffect">
                                  <p:stCondLst>
                                    <p:cond delay="26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2" presetClass="entr" presetSubtype="8" fill="hold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8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501534" y="2116674"/>
            <a:ext cx="1954213" cy="1955800"/>
            <a:chOff x="1002583" y="1626840"/>
            <a:chExt cx="1954213" cy="1955800"/>
          </a:xfrm>
        </p:grpSpPr>
        <p:grpSp>
          <p:nvGrpSpPr>
            <p:cNvPr id="3" name="组合 2"/>
            <p:cNvGrpSpPr/>
            <p:nvPr/>
          </p:nvGrpSpPr>
          <p:grpSpPr>
            <a:xfrm>
              <a:off x="1002583" y="1626840"/>
              <a:ext cx="1954213" cy="1955800"/>
              <a:chOff x="1002583" y="1626840"/>
              <a:chExt cx="1954213" cy="1955800"/>
            </a:xfrm>
          </p:grpSpPr>
          <p:sp>
            <p:nvSpPr>
              <p:cNvPr id="5" name="Freeform 6"/>
              <p:cNvSpPr>
                <a:spLocks noEditPoints="1"/>
              </p:cNvSpPr>
              <p:nvPr/>
            </p:nvSpPr>
            <p:spPr bwMode="auto">
              <a:xfrm>
                <a:off x="1980483" y="1798290"/>
                <a:ext cx="976313" cy="1784350"/>
              </a:xfrm>
              <a:custGeom>
                <a:avLst/>
                <a:gdLst>
                  <a:gd name="T0" fmla="*/ 55 w 97"/>
                  <a:gd name="T1" fmla="*/ 1 h 177"/>
                  <a:gd name="T2" fmla="*/ 96 w 97"/>
                  <a:gd name="T3" fmla="*/ 80 h 177"/>
                  <a:gd name="T4" fmla="*/ 1 w 97"/>
                  <a:gd name="T5" fmla="*/ 176 h 177"/>
                  <a:gd name="T6" fmla="*/ 1 w 97"/>
                  <a:gd name="T7" fmla="*/ 143 h 177"/>
                  <a:gd name="T8" fmla="*/ 63 w 97"/>
                  <a:gd name="T9" fmla="*/ 80 h 177"/>
                  <a:gd name="T10" fmla="*/ 36 w 97"/>
                  <a:gd name="T11" fmla="*/ 28 h 177"/>
                  <a:gd name="T12" fmla="*/ 55 w 97"/>
                  <a:gd name="T13" fmla="*/ 1 h 177"/>
                  <a:gd name="T14" fmla="*/ 55 w 97"/>
                  <a:gd name="T15" fmla="*/ 0 h 177"/>
                  <a:gd name="T16" fmla="*/ 35 w 97"/>
                  <a:gd name="T17" fmla="*/ 28 h 177"/>
                  <a:gd name="T18" fmla="*/ 62 w 97"/>
                  <a:gd name="T19" fmla="*/ 80 h 177"/>
                  <a:gd name="T20" fmla="*/ 0 w 97"/>
                  <a:gd name="T21" fmla="*/ 142 h 177"/>
                  <a:gd name="T22" fmla="*/ 0 w 97"/>
                  <a:gd name="T23" fmla="*/ 142 h 177"/>
                  <a:gd name="T24" fmla="*/ 0 w 97"/>
                  <a:gd name="T25" fmla="*/ 177 h 177"/>
                  <a:gd name="T26" fmla="*/ 97 w 97"/>
                  <a:gd name="T27" fmla="*/ 80 h 177"/>
                  <a:gd name="T28" fmla="*/ 55 w 97"/>
                  <a:gd name="T29" fmla="*/ 0 h 17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</a:cxnLst>
                <a:rect l="0" t="0" r="r" b="b"/>
                <a:pathLst>
                  <a:path w="97" h="177">
                    <a:moveTo>
                      <a:pt x="55" y="1"/>
                    </a:moveTo>
                    <a:cubicBezTo>
                      <a:pt x="81" y="19"/>
                      <a:pt x="96" y="49"/>
                      <a:pt x="96" y="80"/>
                    </a:cubicBezTo>
                    <a:cubicBezTo>
                      <a:pt x="96" y="132"/>
                      <a:pt x="54" y="175"/>
                      <a:pt x="1" y="176"/>
                    </a:cubicBezTo>
                    <a:cubicBezTo>
                      <a:pt x="1" y="143"/>
                      <a:pt x="1" y="143"/>
                      <a:pt x="1" y="143"/>
                    </a:cubicBezTo>
                    <a:cubicBezTo>
                      <a:pt x="35" y="142"/>
                      <a:pt x="63" y="114"/>
                      <a:pt x="63" y="80"/>
                    </a:cubicBezTo>
                    <a:cubicBezTo>
                      <a:pt x="63" y="59"/>
                      <a:pt x="53" y="40"/>
                      <a:pt x="36" y="28"/>
                    </a:cubicBezTo>
                    <a:lnTo>
                      <a:pt x="55" y="1"/>
                    </a:lnTo>
                    <a:close/>
                    <a:moveTo>
                      <a:pt x="55" y="0"/>
                    </a:moveTo>
                    <a:cubicBezTo>
                      <a:pt x="35" y="28"/>
                      <a:pt x="35" y="28"/>
                      <a:pt x="35" y="28"/>
                    </a:cubicBezTo>
                    <a:cubicBezTo>
                      <a:pt x="51" y="40"/>
                      <a:pt x="62" y="59"/>
                      <a:pt x="62" y="80"/>
                    </a:cubicBezTo>
                    <a:cubicBezTo>
                      <a:pt x="62" y="114"/>
                      <a:pt x="34" y="142"/>
                      <a:pt x="0" y="142"/>
                    </a:cubicBezTo>
                    <a:cubicBezTo>
                      <a:pt x="0" y="142"/>
                      <a:pt x="0" y="142"/>
                      <a:pt x="0" y="142"/>
                    </a:cubicBezTo>
                    <a:cubicBezTo>
                      <a:pt x="0" y="177"/>
                      <a:pt x="0" y="177"/>
                      <a:pt x="0" y="177"/>
                    </a:cubicBezTo>
                    <a:cubicBezTo>
                      <a:pt x="54" y="177"/>
                      <a:pt x="97" y="133"/>
                      <a:pt x="97" y="80"/>
                    </a:cubicBezTo>
                    <a:cubicBezTo>
                      <a:pt x="97" y="47"/>
                      <a:pt x="80" y="17"/>
                      <a:pt x="55" y="0"/>
                    </a:cubicBezTo>
                  </a:path>
                </a:pathLst>
              </a:custGeom>
              <a:solidFill>
                <a:srgbClr val="9B9B9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" name="Freeform 7"/>
              <p:cNvSpPr>
                <a:spLocks/>
              </p:cNvSpPr>
              <p:nvPr/>
            </p:nvSpPr>
            <p:spPr bwMode="auto">
              <a:xfrm>
                <a:off x="1002583" y="1626840"/>
                <a:ext cx="1531938" cy="1955800"/>
              </a:xfrm>
              <a:custGeom>
                <a:avLst/>
                <a:gdLst>
                  <a:gd name="T0" fmla="*/ 35 w 152"/>
                  <a:gd name="T1" fmla="*/ 97 h 194"/>
                  <a:gd name="T2" fmla="*/ 97 w 152"/>
                  <a:gd name="T3" fmla="*/ 35 h 194"/>
                  <a:gd name="T4" fmla="*/ 132 w 152"/>
                  <a:gd name="T5" fmla="*/ 45 h 194"/>
                  <a:gd name="T6" fmla="*/ 152 w 152"/>
                  <a:gd name="T7" fmla="*/ 17 h 194"/>
                  <a:gd name="T8" fmla="*/ 97 w 152"/>
                  <a:gd name="T9" fmla="*/ 0 h 194"/>
                  <a:gd name="T10" fmla="*/ 0 w 152"/>
                  <a:gd name="T11" fmla="*/ 97 h 194"/>
                  <a:gd name="T12" fmla="*/ 97 w 152"/>
                  <a:gd name="T13" fmla="*/ 194 h 194"/>
                  <a:gd name="T14" fmla="*/ 97 w 152"/>
                  <a:gd name="T15" fmla="*/ 194 h 194"/>
                  <a:gd name="T16" fmla="*/ 97 w 152"/>
                  <a:gd name="T17" fmla="*/ 159 h 194"/>
                  <a:gd name="T18" fmla="*/ 35 w 152"/>
                  <a:gd name="T19" fmla="*/ 97 h 19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52" h="194">
                    <a:moveTo>
                      <a:pt x="35" y="97"/>
                    </a:moveTo>
                    <a:cubicBezTo>
                      <a:pt x="35" y="63"/>
                      <a:pt x="63" y="35"/>
                      <a:pt x="97" y="35"/>
                    </a:cubicBezTo>
                    <a:cubicBezTo>
                      <a:pt x="110" y="35"/>
                      <a:pt x="122" y="39"/>
                      <a:pt x="132" y="45"/>
                    </a:cubicBezTo>
                    <a:cubicBezTo>
                      <a:pt x="152" y="17"/>
                      <a:pt x="152" y="17"/>
                      <a:pt x="152" y="17"/>
                    </a:cubicBezTo>
                    <a:cubicBezTo>
                      <a:pt x="136" y="6"/>
                      <a:pt x="117" y="0"/>
                      <a:pt x="97" y="0"/>
                    </a:cubicBezTo>
                    <a:cubicBezTo>
                      <a:pt x="44" y="0"/>
                      <a:pt x="0" y="44"/>
                      <a:pt x="0" y="97"/>
                    </a:cubicBezTo>
                    <a:cubicBezTo>
                      <a:pt x="0" y="150"/>
                      <a:pt x="44" y="194"/>
                      <a:pt x="97" y="194"/>
                    </a:cubicBezTo>
                    <a:cubicBezTo>
                      <a:pt x="97" y="194"/>
                      <a:pt x="97" y="194"/>
                      <a:pt x="97" y="194"/>
                    </a:cubicBezTo>
                    <a:cubicBezTo>
                      <a:pt x="97" y="159"/>
                      <a:pt x="97" y="159"/>
                      <a:pt x="97" y="159"/>
                    </a:cubicBezTo>
                    <a:cubicBezTo>
                      <a:pt x="63" y="159"/>
                      <a:pt x="35" y="131"/>
                      <a:pt x="35" y="97"/>
                    </a:cubicBezTo>
                  </a:path>
                </a:pathLst>
              </a:custGeom>
              <a:solidFill>
                <a:srgbClr val="CABD6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4" name="TextBox 3"/>
            <p:cNvSpPr txBox="1"/>
            <p:nvPr/>
          </p:nvSpPr>
          <p:spPr>
            <a:xfrm>
              <a:off x="1475633" y="2341574"/>
              <a:ext cx="761747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3600" dirty="0">
                  <a:solidFill>
                    <a:srgbClr val="CABD6C"/>
                  </a:solidFill>
                  <a:latin typeface="方正正粗黑简体" pitchFamily="2" charset="-122"/>
                  <a:ea typeface="方正正粗黑简体" pitchFamily="2" charset="-122"/>
                </a:rPr>
                <a:t>60</a:t>
              </a:r>
              <a:r>
                <a:rPr lang="en-US" altLang="zh-CN" dirty="0">
                  <a:solidFill>
                    <a:srgbClr val="CABD6C"/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3600" dirty="0">
                <a:solidFill>
                  <a:srgbClr val="CABD6C"/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  <p:grpSp>
        <p:nvGrpSpPr>
          <p:cNvPr id="7" name="组合 6"/>
          <p:cNvGrpSpPr/>
          <p:nvPr/>
        </p:nvGrpSpPr>
        <p:grpSpPr>
          <a:xfrm>
            <a:off x="4981209" y="2116674"/>
            <a:ext cx="1954213" cy="1955800"/>
            <a:chOff x="3482258" y="1626840"/>
            <a:chExt cx="1954213" cy="1955800"/>
          </a:xfrm>
        </p:grpSpPr>
        <p:grpSp>
          <p:nvGrpSpPr>
            <p:cNvPr id="8" name="组合 7"/>
            <p:cNvGrpSpPr/>
            <p:nvPr/>
          </p:nvGrpSpPr>
          <p:grpSpPr>
            <a:xfrm>
              <a:off x="3482258" y="1626840"/>
              <a:ext cx="1954213" cy="1955800"/>
              <a:chOff x="3482258" y="1626840"/>
              <a:chExt cx="1954213" cy="1955800"/>
            </a:xfrm>
          </p:grpSpPr>
          <p:sp>
            <p:nvSpPr>
              <p:cNvPr id="10" name="Freeform 8"/>
              <p:cNvSpPr>
                <a:spLocks/>
              </p:cNvSpPr>
              <p:nvPr/>
            </p:nvSpPr>
            <p:spPr bwMode="auto">
              <a:xfrm>
                <a:off x="3482258" y="1626840"/>
                <a:ext cx="1773238" cy="1955800"/>
              </a:xfrm>
              <a:custGeom>
                <a:avLst/>
                <a:gdLst>
                  <a:gd name="T0" fmla="*/ 35 w 176"/>
                  <a:gd name="T1" fmla="*/ 97 h 194"/>
                  <a:gd name="T2" fmla="*/ 97 w 176"/>
                  <a:gd name="T3" fmla="*/ 35 h 194"/>
                  <a:gd name="T4" fmla="*/ 147 w 176"/>
                  <a:gd name="T5" fmla="*/ 61 h 194"/>
                  <a:gd name="T6" fmla="*/ 176 w 176"/>
                  <a:gd name="T7" fmla="*/ 41 h 194"/>
                  <a:gd name="T8" fmla="*/ 97 w 176"/>
                  <a:gd name="T9" fmla="*/ 0 h 194"/>
                  <a:gd name="T10" fmla="*/ 0 w 176"/>
                  <a:gd name="T11" fmla="*/ 97 h 194"/>
                  <a:gd name="T12" fmla="*/ 97 w 176"/>
                  <a:gd name="T13" fmla="*/ 194 h 194"/>
                  <a:gd name="T14" fmla="*/ 97 w 176"/>
                  <a:gd name="T15" fmla="*/ 194 h 194"/>
                  <a:gd name="T16" fmla="*/ 97 w 176"/>
                  <a:gd name="T17" fmla="*/ 159 h 194"/>
                  <a:gd name="T18" fmla="*/ 35 w 176"/>
                  <a:gd name="T19" fmla="*/ 97 h 19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76" h="194">
                    <a:moveTo>
                      <a:pt x="35" y="97"/>
                    </a:moveTo>
                    <a:cubicBezTo>
                      <a:pt x="35" y="63"/>
                      <a:pt x="63" y="35"/>
                      <a:pt x="97" y="35"/>
                    </a:cubicBezTo>
                    <a:cubicBezTo>
                      <a:pt x="118" y="35"/>
                      <a:pt x="136" y="45"/>
                      <a:pt x="147" y="61"/>
                    </a:cubicBezTo>
                    <a:cubicBezTo>
                      <a:pt x="176" y="41"/>
                      <a:pt x="176" y="41"/>
                      <a:pt x="176" y="41"/>
                    </a:cubicBezTo>
                    <a:cubicBezTo>
                      <a:pt x="158" y="16"/>
                      <a:pt x="130" y="0"/>
                      <a:pt x="97" y="0"/>
                    </a:cubicBezTo>
                    <a:cubicBezTo>
                      <a:pt x="44" y="0"/>
                      <a:pt x="0" y="44"/>
                      <a:pt x="0" y="97"/>
                    </a:cubicBezTo>
                    <a:cubicBezTo>
                      <a:pt x="0" y="150"/>
                      <a:pt x="44" y="194"/>
                      <a:pt x="97" y="194"/>
                    </a:cubicBezTo>
                    <a:cubicBezTo>
                      <a:pt x="97" y="194"/>
                      <a:pt x="97" y="194"/>
                      <a:pt x="97" y="194"/>
                    </a:cubicBezTo>
                    <a:cubicBezTo>
                      <a:pt x="97" y="159"/>
                      <a:pt x="97" y="159"/>
                      <a:pt x="97" y="159"/>
                    </a:cubicBezTo>
                    <a:cubicBezTo>
                      <a:pt x="63" y="159"/>
                      <a:pt x="35" y="131"/>
                      <a:pt x="35" y="97"/>
                    </a:cubicBezTo>
                  </a:path>
                </a:pathLst>
              </a:custGeom>
              <a:solidFill>
                <a:srgbClr val="729A95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1" name="Freeform 9"/>
              <p:cNvSpPr>
                <a:spLocks noEditPoints="1"/>
              </p:cNvSpPr>
              <p:nvPr/>
            </p:nvSpPr>
            <p:spPr bwMode="auto">
              <a:xfrm>
                <a:off x="4458571" y="2039590"/>
                <a:ext cx="977900" cy="1543050"/>
              </a:xfrm>
              <a:custGeom>
                <a:avLst/>
                <a:gdLst>
                  <a:gd name="T0" fmla="*/ 79 w 97"/>
                  <a:gd name="T1" fmla="*/ 1 h 153"/>
                  <a:gd name="T2" fmla="*/ 96 w 97"/>
                  <a:gd name="T3" fmla="*/ 56 h 153"/>
                  <a:gd name="T4" fmla="*/ 1 w 97"/>
                  <a:gd name="T5" fmla="*/ 152 h 153"/>
                  <a:gd name="T6" fmla="*/ 1 w 97"/>
                  <a:gd name="T7" fmla="*/ 119 h 153"/>
                  <a:gd name="T8" fmla="*/ 63 w 97"/>
                  <a:gd name="T9" fmla="*/ 56 h 153"/>
                  <a:gd name="T10" fmla="*/ 52 w 97"/>
                  <a:gd name="T11" fmla="*/ 20 h 153"/>
                  <a:gd name="T12" fmla="*/ 79 w 97"/>
                  <a:gd name="T13" fmla="*/ 1 h 153"/>
                  <a:gd name="T14" fmla="*/ 79 w 97"/>
                  <a:gd name="T15" fmla="*/ 0 h 153"/>
                  <a:gd name="T16" fmla="*/ 50 w 97"/>
                  <a:gd name="T17" fmla="*/ 20 h 153"/>
                  <a:gd name="T18" fmla="*/ 62 w 97"/>
                  <a:gd name="T19" fmla="*/ 56 h 153"/>
                  <a:gd name="T20" fmla="*/ 0 w 97"/>
                  <a:gd name="T21" fmla="*/ 118 h 153"/>
                  <a:gd name="T22" fmla="*/ 0 w 97"/>
                  <a:gd name="T23" fmla="*/ 118 h 153"/>
                  <a:gd name="T24" fmla="*/ 0 w 97"/>
                  <a:gd name="T25" fmla="*/ 153 h 153"/>
                  <a:gd name="T26" fmla="*/ 97 w 97"/>
                  <a:gd name="T27" fmla="*/ 56 h 153"/>
                  <a:gd name="T28" fmla="*/ 79 w 97"/>
                  <a:gd name="T29" fmla="*/ 0 h 15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</a:cxnLst>
                <a:rect l="0" t="0" r="r" b="b"/>
                <a:pathLst>
                  <a:path w="97" h="153">
                    <a:moveTo>
                      <a:pt x="79" y="1"/>
                    </a:moveTo>
                    <a:cubicBezTo>
                      <a:pt x="90" y="17"/>
                      <a:pt x="96" y="36"/>
                      <a:pt x="96" y="56"/>
                    </a:cubicBezTo>
                    <a:cubicBezTo>
                      <a:pt x="96" y="108"/>
                      <a:pt x="54" y="151"/>
                      <a:pt x="1" y="152"/>
                    </a:cubicBezTo>
                    <a:cubicBezTo>
                      <a:pt x="1" y="119"/>
                      <a:pt x="1" y="119"/>
                      <a:pt x="1" y="119"/>
                    </a:cubicBezTo>
                    <a:cubicBezTo>
                      <a:pt x="35" y="118"/>
                      <a:pt x="63" y="90"/>
                      <a:pt x="63" y="56"/>
                    </a:cubicBezTo>
                    <a:cubicBezTo>
                      <a:pt x="63" y="43"/>
                      <a:pt x="59" y="31"/>
                      <a:pt x="52" y="20"/>
                    </a:cubicBezTo>
                    <a:lnTo>
                      <a:pt x="79" y="1"/>
                    </a:lnTo>
                    <a:close/>
                    <a:moveTo>
                      <a:pt x="79" y="0"/>
                    </a:moveTo>
                    <a:cubicBezTo>
                      <a:pt x="50" y="20"/>
                      <a:pt x="50" y="20"/>
                      <a:pt x="50" y="20"/>
                    </a:cubicBezTo>
                    <a:cubicBezTo>
                      <a:pt x="58" y="30"/>
                      <a:pt x="62" y="42"/>
                      <a:pt x="62" y="56"/>
                    </a:cubicBezTo>
                    <a:cubicBezTo>
                      <a:pt x="62" y="90"/>
                      <a:pt x="34" y="118"/>
                      <a:pt x="0" y="118"/>
                    </a:cubicBezTo>
                    <a:cubicBezTo>
                      <a:pt x="0" y="118"/>
                      <a:pt x="0" y="118"/>
                      <a:pt x="0" y="118"/>
                    </a:cubicBezTo>
                    <a:cubicBezTo>
                      <a:pt x="0" y="153"/>
                      <a:pt x="0" y="153"/>
                      <a:pt x="0" y="153"/>
                    </a:cubicBezTo>
                    <a:cubicBezTo>
                      <a:pt x="54" y="153"/>
                      <a:pt x="97" y="109"/>
                      <a:pt x="97" y="56"/>
                    </a:cubicBezTo>
                    <a:cubicBezTo>
                      <a:pt x="97" y="35"/>
                      <a:pt x="90" y="16"/>
                      <a:pt x="79" y="0"/>
                    </a:cubicBezTo>
                  </a:path>
                </a:pathLst>
              </a:custGeom>
              <a:solidFill>
                <a:srgbClr val="9B9B9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9" name="TextBox 8"/>
            <p:cNvSpPr txBox="1"/>
            <p:nvPr/>
          </p:nvSpPr>
          <p:spPr>
            <a:xfrm>
              <a:off x="3943260" y="2341574"/>
              <a:ext cx="761747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36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80</a:t>
              </a:r>
              <a:r>
                <a:rPr lang="en-US" altLang="zh-CN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3600" dirty="0">
                <a:solidFill>
                  <a:schemeClr val="tx1">
                    <a:lumMod val="75000"/>
                    <a:lumOff val="25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  <p:grpSp>
        <p:nvGrpSpPr>
          <p:cNvPr id="12" name="组合 11"/>
          <p:cNvGrpSpPr/>
          <p:nvPr/>
        </p:nvGrpSpPr>
        <p:grpSpPr>
          <a:xfrm>
            <a:off x="7549781" y="2116674"/>
            <a:ext cx="1955800" cy="1955800"/>
            <a:chOff x="6050833" y="1626840"/>
            <a:chExt cx="1955800" cy="1955800"/>
          </a:xfrm>
        </p:grpSpPr>
        <p:grpSp>
          <p:nvGrpSpPr>
            <p:cNvPr id="13" name="组合 12"/>
            <p:cNvGrpSpPr/>
            <p:nvPr/>
          </p:nvGrpSpPr>
          <p:grpSpPr>
            <a:xfrm>
              <a:off x="6050833" y="1626840"/>
              <a:ext cx="1955800" cy="1955800"/>
              <a:chOff x="6050833" y="1626840"/>
              <a:chExt cx="1955800" cy="1955800"/>
            </a:xfrm>
          </p:grpSpPr>
          <p:sp>
            <p:nvSpPr>
              <p:cNvPr id="15" name="Freeform 10"/>
              <p:cNvSpPr>
                <a:spLocks noEditPoints="1"/>
              </p:cNvSpPr>
              <p:nvPr/>
            </p:nvSpPr>
            <p:spPr bwMode="auto">
              <a:xfrm>
                <a:off x="7028733" y="2957165"/>
                <a:ext cx="815975" cy="625475"/>
              </a:xfrm>
              <a:custGeom>
                <a:avLst/>
                <a:gdLst>
                  <a:gd name="T0" fmla="*/ 52 w 81"/>
                  <a:gd name="T1" fmla="*/ 1 h 62"/>
                  <a:gd name="T2" fmla="*/ 80 w 81"/>
                  <a:gd name="T3" fmla="*/ 19 h 62"/>
                  <a:gd name="T4" fmla="*/ 1 w 81"/>
                  <a:gd name="T5" fmla="*/ 61 h 62"/>
                  <a:gd name="T6" fmla="*/ 1 w 81"/>
                  <a:gd name="T7" fmla="*/ 28 h 62"/>
                  <a:gd name="T8" fmla="*/ 52 w 81"/>
                  <a:gd name="T9" fmla="*/ 1 h 62"/>
                  <a:gd name="T10" fmla="*/ 52 w 81"/>
                  <a:gd name="T11" fmla="*/ 0 h 62"/>
                  <a:gd name="T12" fmla="*/ 0 w 81"/>
                  <a:gd name="T13" fmla="*/ 27 h 62"/>
                  <a:gd name="T14" fmla="*/ 0 w 81"/>
                  <a:gd name="T15" fmla="*/ 27 h 62"/>
                  <a:gd name="T16" fmla="*/ 0 w 81"/>
                  <a:gd name="T17" fmla="*/ 62 h 62"/>
                  <a:gd name="T18" fmla="*/ 0 w 81"/>
                  <a:gd name="T19" fmla="*/ 62 h 62"/>
                  <a:gd name="T20" fmla="*/ 81 w 81"/>
                  <a:gd name="T21" fmla="*/ 19 h 62"/>
                  <a:gd name="T22" fmla="*/ 52 w 81"/>
                  <a:gd name="T23" fmla="*/ 0 h 6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l="0" t="0" r="r" b="b"/>
                <a:pathLst>
                  <a:path w="81" h="62">
                    <a:moveTo>
                      <a:pt x="52" y="1"/>
                    </a:moveTo>
                    <a:cubicBezTo>
                      <a:pt x="80" y="19"/>
                      <a:pt x="80" y="19"/>
                      <a:pt x="80" y="19"/>
                    </a:cubicBezTo>
                    <a:cubicBezTo>
                      <a:pt x="62" y="45"/>
                      <a:pt x="33" y="61"/>
                      <a:pt x="1" y="61"/>
                    </a:cubicBezTo>
                    <a:cubicBezTo>
                      <a:pt x="1" y="28"/>
                      <a:pt x="1" y="28"/>
                      <a:pt x="1" y="28"/>
                    </a:cubicBezTo>
                    <a:cubicBezTo>
                      <a:pt x="21" y="28"/>
                      <a:pt x="40" y="18"/>
                      <a:pt x="52" y="1"/>
                    </a:cubicBezTo>
                    <a:moveTo>
                      <a:pt x="52" y="0"/>
                    </a:moveTo>
                    <a:cubicBezTo>
                      <a:pt x="41" y="16"/>
                      <a:pt x="22" y="27"/>
                      <a:pt x="0" y="27"/>
                    </a:cubicBezTo>
                    <a:cubicBezTo>
                      <a:pt x="0" y="27"/>
                      <a:pt x="0" y="27"/>
                      <a:pt x="0" y="27"/>
                    </a:cubicBezTo>
                    <a:cubicBezTo>
                      <a:pt x="0" y="62"/>
                      <a:pt x="0" y="62"/>
                      <a:pt x="0" y="62"/>
                    </a:cubicBezTo>
                    <a:cubicBezTo>
                      <a:pt x="0" y="62"/>
                      <a:pt x="0" y="62"/>
                      <a:pt x="0" y="62"/>
                    </a:cubicBezTo>
                    <a:cubicBezTo>
                      <a:pt x="34" y="62"/>
                      <a:pt x="63" y="45"/>
                      <a:pt x="81" y="19"/>
                    </a:cubicBezTo>
                    <a:lnTo>
                      <a:pt x="52" y="0"/>
                    </a:lnTo>
                    <a:close/>
                  </a:path>
                </a:pathLst>
              </a:custGeom>
              <a:solidFill>
                <a:srgbClr val="9B9B9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6" name="Freeform 11"/>
              <p:cNvSpPr>
                <a:spLocks/>
              </p:cNvSpPr>
              <p:nvPr/>
            </p:nvSpPr>
            <p:spPr bwMode="auto">
              <a:xfrm>
                <a:off x="6050833" y="1626840"/>
                <a:ext cx="1955800" cy="1955800"/>
              </a:xfrm>
              <a:custGeom>
                <a:avLst/>
                <a:gdLst>
                  <a:gd name="T0" fmla="*/ 35 w 194"/>
                  <a:gd name="T1" fmla="*/ 97 h 194"/>
                  <a:gd name="T2" fmla="*/ 97 w 194"/>
                  <a:gd name="T3" fmla="*/ 35 h 194"/>
                  <a:gd name="T4" fmla="*/ 159 w 194"/>
                  <a:gd name="T5" fmla="*/ 97 h 194"/>
                  <a:gd name="T6" fmla="*/ 149 w 194"/>
                  <a:gd name="T7" fmla="*/ 132 h 194"/>
                  <a:gd name="T8" fmla="*/ 178 w 194"/>
                  <a:gd name="T9" fmla="*/ 151 h 194"/>
                  <a:gd name="T10" fmla="*/ 194 w 194"/>
                  <a:gd name="T11" fmla="*/ 97 h 194"/>
                  <a:gd name="T12" fmla="*/ 97 w 194"/>
                  <a:gd name="T13" fmla="*/ 0 h 194"/>
                  <a:gd name="T14" fmla="*/ 0 w 194"/>
                  <a:gd name="T15" fmla="*/ 97 h 194"/>
                  <a:gd name="T16" fmla="*/ 97 w 194"/>
                  <a:gd name="T17" fmla="*/ 194 h 194"/>
                  <a:gd name="T18" fmla="*/ 97 w 194"/>
                  <a:gd name="T19" fmla="*/ 159 h 194"/>
                  <a:gd name="T20" fmla="*/ 35 w 194"/>
                  <a:gd name="T21" fmla="*/ 97 h 19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194" h="194">
                    <a:moveTo>
                      <a:pt x="35" y="97"/>
                    </a:moveTo>
                    <a:cubicBezTo>
                      <a:pt x="35" y="63"/>
                      <a:pt x="63" y="35"/>
                      <a:pt x="97" y="35"/>
                    </a:cubicBezTo>
                    <a:cubicBezTo>
                      <a:pt x="131" y="35"/>
                      <a:pt x="159" y="63"/>
                      <a:pt x="159" y="97"/>
                    </a:cubicBezTo>
                    <a:cubicBezTo>
                      <a:pt x="159" y="110"/>
                      <a:pt x="155" y="122"/>
                      <a:pt x="149" y="132"/>
                    </a:cubicBezTo>
                    <a:cubicBezTo>
                      <a:pt x="178" y="151"/>
                      <a:pt x="178" y="151"/>
                      <a:pt x="178" y="151"/>
                    </a:cubicBezTo>
                    <a:cubicBezTo>
                      <a:pt x="188" y="135"/>
                      <a:pt x="194" y="117"/>
                      <a:pt x="194" y="97"/>
                    </a:cubicBezTo>
                    <a:cubicBezTo>
                      <a:pt x="194" y="44"/>
                      <a:pt x="151" y="0"/>
                      <a:pt x="97" y="0"/>
                    </a:cubicBezTo>
                    <a:cubicBezTo>
                      <a:pt x="44" y="0"/>
                      <a:pt x="0" y="44"/>
                      <a:pt x="0" y="97"/>
                    </a:cubicBezTo>
                    <a:cubicBezTo>
                      <a:pt x="0" y="150"/>
                      <a:pt x="44" y="194"/>
                      <a:pt x="97" y="194"/>
                    </a:cubicBezTo>
                    <a:cubicBezTo>
                      <a:pt x="97" y="159"/>
                      <a:pt x="97" y="159"/>
                      <a:pt x="97" y="159"/>
                    </a:cubicBezTo>
                    <a:cubicBezTo>
                      <a:pt x="63" y="159"/>
                      <a:pt x="35" y="131"/>
                      <a:pt x="35" y="97"/>
                    </a:cubicBezTo>
                  </a:path>
                </a:pathLst>
              </a:custGeom>
              <a:solidFill>
                <a:srgbClr val="729A95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14" name="TextBox 13"/>
            <p:cNvSpPr txBox="1"/>
            <p:nvPr/>
          </p:nvSpPr>
          <p:spPr>
            <a:xfrm>
              <a:off x="6536148" y="2341574"/>
              <a:ext cx="761747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36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90</a:t>
              </a:r>
              <a:r>
                <a:rPr lang="en-US" altLang="zh-CN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3600" dirty="0">
                <a:solidFill>
                  <a:schemeClr val="tx1">
                    <a:lumMod val="75000"/>
                    <a:lumOff val="25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  <p:sp>
        <p:nvSpPr>
          <p:cNvPr id="17" name="矩形 16"/>
          <p:cNvSpPr/>
          <p:nvPr/>
        </p:nvSpPr>
        <p:spPr>
          <a:xfrm>
            <a:off x="2770403" y="4226771"/>
            <a:ext cx="1852956" cy="60529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ts val="2000"/>
              </a:lnSpc>
            </a:pPr>
            <a:r>
              <a:rPr lang="zh-CN" altLang="en-US" sz="1400" kern="0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itchFamily="34" charset="-122"/>
                <a:ea typeface="微软雅黑" pitchFamily="34" charset="-122"/>
              </a:rPr>
              <a:t>Click to add text</a:t>
            </a:r>
            <a:endParaRPr lang="en-US" altLang="zh-CN" sz="1400" kern="0" dirty="0">
              <a:solidFill>
                <a:schemeClr val="tx1">
                  <a:lumMod val="65000"/>
                  <a:lumOff val="35000"/>
                </a:schemeClr>
              </a:solidFill>
              <a:latin typeface="微软雅黑" pitchFamily="34" charset="-122"/>
              <a:ea typeface="微软雅黑" pitchFamily="34" charset="-122"/>
            </a:endParaRPr>
          </a:p>
          <a:p>
            <a:pPr algn="ctr">
              <a:lnSpc>
                <a:spcPts val="2000"/>
              </a:lnSpc>
            </a:pPr>
            <a:r>
              <a:rPr lang="zh-CN" altLang="en-US" sz="1400" kern="0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itchFamily="34" charset="-122"/>
                <a:ea typeface="微软雅黑" pitchFamily="34" charset="-122"/>
              </a:rPr>
              <a:t>Click to add text</a:t>
            </a:r>
          </a:p>
        </p:txBody>
      </p:sp>
      <p:sp>
        <p:nvSpPr>
          <p:cNvPr id="18" name="矩形 17"/>
          <p:cNvSpPr/>
          <p:nvPr/>
        </p:nvSpPr>
        <p:spPr>
          <a:xfrm>
            <a:off x="5187926" y="4226771"/>
            <a:ext cx="1852956" cy="60529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ts val="2000"/>
              </a:lnSpc>
            </a:pPr>
            <a:r>
              <a:rPr lang="zh-CN" altLang="en-US" sz="1400" kern="0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itchFamily="34" charset="-122"/>
                <a:ea typeface="微软雅黑" pitchFamily="34" charset="-122"/>
              </a:rPr>
              <a:t>Click to add text</a:t>
            </a:r>
            <a:endParaRPr lang="en-US" altLang="zh-CN" sz="1400" kern="0" dirty="0">
              <a:solidFill>
                <a:schemeClr val="tx1">
                  <a:lumMod val="65000"/>
                  <a:lumOff val="35000"/>
                </a:schemeClr>
              </a:solidFill>
              <a:latin typeface="微软雅黑" pitchFamily="34" charset="-122"/>
              <a:ea typeface="微软雅黑" pitchFamily="34" charset="-122"/>
            </a:endParaRPr>
          </a:p>
          <a:p>
            <a:pPr algn="ctr">
              <a:lnSpc>
                <a:spcPts val="2000"/>
              </a:lnSpc>
            </a:pPr>
            <a:r>
              <a:rPr lang="zh-CN" altLang="en-US" sz="1400" kern="0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itchFamily="34" charset="-122"/>
                <a:ea typeface="微软雅黑" pitchFamily="34" charset="-122"/>
              </a:rPr>
              <a:t>Click to add text</a:t>
            </a:r>
          </a:p>
        </p:txBody>
      </p:sp>
      <p:sp>
        <p:nvSpPr>
          <p:cNvPr id="19" name="矩形 18"/>
          <p:cNvSpPr/>
          <p:nvPr/>
        </p:nvSpPr>
        <p:spPr>
          <a:xfrm>
            <a:off x="7843444" y="4226771"/>
            <a:ext cx="1852956" cy="60529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ts val="2000"/>
              </a:lnSpc>
            </a:pPr>
            <a:r>
              <a:rPr lang="zh-CN" altLang="en-US" sz="1400" kern="0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itchFamily="34" charset="-122"/>
                <a:ea typeface="微软雅黑" pitchFamily="34" charset="-122"/>
              </a:rPr>
              <a:t>Click to add text</a:t>
            </a:r>
            <a:endParaRPr lang="en-US" altLang="zh-CN" sz="1400" kern="0" dirty="0">
              <a:solidFill>
                <a:schemeClr val="tx1">
                  <a:lumMod val="65000"/>
                  <a:lumOff val="35000"/>
                </a:schemeClr>
              </a:solidFill>
              <a:latin typeface="微软雅黑" pitchFamily="34" charset="-122"/>
              <a:ea typeface="微软雅黑" pitchFamily="34" charset="-122"/>
            </a:endParaRPr>
          </a:p>
          <a:p>
            <a:pPr algn="ctr">
              <a:lnSpc>
                <a:spcPts val="2000"/>
              </a:lnSpc>
            </a:pPr>
            <a:r>
              <a:rPr lang="zh-CN" altLang="en-US" sz="1400" kern="0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itchFamily="34" charset="-122"/>
                <a:ea typeface="微软雅黑" pitchFamily="34" charset="-122"/>
              </a:rPr>
              <a:t>Click to add text</a:t>
            </a:r>
          </a:p>
        </p:txBody>
      </p: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75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75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22" presetClass="entr" presetSubtype="1" fill="hold" grpId="0" nodeType="withEffect">
                                  <p:stCondLst>
                                    <p:cond delay="7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42" presetClass="entr" presetSubtype="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75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75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75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2" presetClass="entr" presetSubtype="1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0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42" presetClass="entr" presetSubtype="0" fill="hold" nodeType="withEffect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75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75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75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2" presetClass="entr" presetSubtype="1" fill="hold" grpId="0" nodeType="withEffect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8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/>
      <p:bldP spid="18" grpId="0"/>
      <p:bldP spid="19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422507" y="1911220"/>
            <a:ext cx="1927225" cy="1949449"/>
            <a:chOff x="960438" y="1612900"/>
            <a:chExt cx="1927225" cy="1949449"/>
          </a:xfrm>
        </p:grpSpPr>
        <p:grpSp>
          <p:nvGrpSpPr>
            <p:cNvPr id="3" name="Group 5"/>
            <p:cNvGrpSpPr>
              <a:grpSpLocks noChangeAspect="1"/>
            </p:cNvGrpSpPr>
            <p:nvPr/>
          </p:nvGrpSpPr>
          <p:grpSpPr bwMode="auto">
            <a:xfrm>
              <a:off x="960438" y="1612900"/>
              <a:ext cx="1927225" cy="1949449"/>
              <a:chOff x="605" y="1016"/>
              <a:chExt cx="1214" cy="1228"/>
            </a:xfrm>
          </p:grpSpPr>
          <p:sp>
            <p:nvSpPr>
              <p:cNvPr id="5" name="AutoShape 4"/>
              <p:cNvSpPr>
                <a:spLocks noChangeAspect="1" noChangeArrowheads="1" noTextEdit="1"/>
              </p:cNvSpPr>
              <p:nvPr/>
            </p:nvSpPr>
            <p:spPr bwMode="auto">
              <a:xfrm>
                <a:off x="612" y="1023"/>
                <a:ext cx="1200" cy="1221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" name="Freeform 6"/>
              <p:cNvSpPr>
                <a:spLocks/>
              </p:cNvSpPr>
              <p:nvPr/>
            </p:nvSpPr>
            <p:spPr bwMode="auto">
              <a:xfrm>
                <a:off x="605" y="1016"/>
                <a:ext cx="1214" cy="1221"/>
              </a:xfrm>
              <a:custGeom>
                <a:avLst/>
                <a:gdLst>
                  <a:gd name="T0" fmla="*/ 88 w 176"/>
                  <a:gd name="T1" fmla="*/ 0 h 177"/>
                  <a:gd name="T2" fmla="*/ 0 w 176"/>
                  <a:gd name="T3" fmla="*/ 88 h 177"/>
                  <a:gd name="T4" fmla="*/ 88 w 176"/>
                  <a:gd name="T5" fmla="*/ 177 h 177"/>
                  <a:gd name="T6" fmla="*/ 176 w 176"/>
                  <a:gd name="T7" fmla="*/ 88 h 177"/>
                  <a:gd name="T8" fmla="*/ 176 w 176"/>
                  <a:gd name="T9" fmla="*/ 0 h 177"/>
                  <a:gd name="T10" fmla="*/ 88 w 176"/>
                  <a:gd name="T11" fmla="*/ 0 h 17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76" h="177">
                    <a:moveTo>
                      <a:pt x="88" y="0"/>
                    </a:moveTo>
                    <a:cubicBezTo>
                      <a:pt x="39" y="0"/>
                      <a:pt x="0" y="40"/>
                      <a:pt x="0" y="88"/>
                    </a:cubicBezTo>
                    <a:cubicBezTo>
                      <a:pt x="0" y="137"/>
                      <a:pt x="39" y="177"/>
                      <a:pt x="88" y="177"/>
                    </a:cubicBezTo>
                    <a:cubicBezTo>
                      <a:pt x="137" y="177"/>
                      <a:pt x="176" y="137"/>
                      <a:pt x="176" y="88"/>
                    </a:cubicBezTo>
                    <a:cubicBezTo>
                      <a:pt x="176" y="0"/>
                      <a:pt x="176" y="0"/>
                      <a:pt x="176" y="0"/>
                    </a:cubicBezTo>
                    <a:lnTo>
                      <a:pt x="88" y="0"/>
                    </a:lnTo>
                    <a:close/>
                  </a:path>
                </a:pathLst>
              </a:custGeom>
              <a:solidFill>
                <a:schemeClr val="bg1">
                  <a:lumMod val="50000"/>
                </a:schemeClr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" name="Freeform 17"/>
              <p:cNvSpPr>
                <a:spLocks/>
              </p:cNvSpPr>
              <p:nvPr/>
            </p:nvSpPr>
            <p:spPr bwMode="auto">
              <a:xfrm>
                <a:off x="918" y="1361"/>
                <a:ext cx="207" cy="269"/>
              </a:xfrm>
              <a:custGeom>
                <a:avLst/>
                <a:gdLst>
                  <a:gd name="T0" fmla="*/ 30 w 30"/>
                  <a:gd name="T1" fmla="*/ 25 h 39"/>
                  <a:gd name="T2" fmla="*/ 29 w 30"/>
                  <a:gd name="T3" fmla="*/ 31 h 39"/>
                  <a:gd name="T4" fmla="*/ 26 w 30"/>
                  <a:gd name="T5" fmla="*/ 35 h 39"/>
                  <a:gd name="T6" fmla="*/ 20 w 30"/>
                  <a:gd name="T7" fmla="*/ 38 h 39"/>
                  <a:gd name="T8" fmla="*/ 13 w 30"/>
                  <a:gd name="T9" fmla="*/ 39 h 39"/>
                  <a:gd name="T10" fmla="*/ 5 w 30"/>
                  <a:gd name="T11" fmla="*/ 38 h 39"/>
                  <a:gd name="T12" fmla="*/ 0 w 30"/>
                  <a:gd name="T13" fmla="*/ 37 h 39"/>
                  <a:gd name="T14" fmla="*/ 0 w 30"/>
                  <a:gd name="T15" fmla="*/ 28 h 39"/>
                  <a:gd name="T16" fmla="*/ 1 w 30"/>
                  <a:gd name="T17" fmla="*/ 28 h 39"/>
                  <a:gd name="T18" fmla="*/ 6 w 30"/>
                  <a:gd name="T19" fmla="*/ 31 h 39"/>
                  <a:gd name="T20" fmla="*/ 12 w 30"/>
                  <a:gd name="T21" fmla="*/ 32 h 39"/>
                  <a:gd name="T22" fmla="*/ 15 w 30"/>
                  <a:gd name="T23" fmla="*/ 31 h 39"/>
                  <a:gd name="T24" fmla="*/ 18 w 30"/>
                  <a:gd name="T25" fmla="*/ 30 h 39"/>
                  <a:gd name="T26" fmla="*/ 20 w 30"/>
                  <a:gd name="T27" fmla="*/ 28 h 39"/>
                  <a:gd name="T28" fmla="*/ 20 w 30"/>
                  <a:gd name="T29" fmla="*/ 26 h 39"/>
                  <a:gd name="T30" fmla="*/ 19 w 30"/>
                  <a:gd name="T31" fmla="*/ 23 h 39"/>
                  <a:gd name="T32" fmla="*/ 18 w 30"/>
                  <a:gd name="T33" fmla="*/ 22 h 39"/>
                  <a:gd name="T34" fmla="*/ 14 w 30"/>
                  <a:gd name="T35" fmla="*/ 21 h 39"/>
                  <a:gd name="T36" fmla="*/ 11 w 30"/>
                  <a:gd name="T37" fmla="*/ 20 h 39"/>
                  <a:gd name="T38" fmla="*/ 6 w 30"/>
                  <a:gd name="T39" fmla="*/ 21 h 39"/>
                  <a:gd name="T40" fmla="*/ 3 w 30"/>
                  <a:gd name="T41" fmla="*/ 22 h 39"/>
                  <a:gd name="T42" fmla="*/ 1 w 30"/>
                  <a:gd name="T43" fmla="*/ 22 h 39"/>
                  <a:gd name="T44" fmla="*/ 1 w 30"/>
                  <a:gd name="T45" fmla="*/ 0 h 39"/>
                  <a:gd name="T46" fmla="*/ 29 w 30"/>
                  <a:gd name="T47" fmla="*/ 0 h 39"/>
                  <a:gd name="T48" fmla="*/ 29 w 30"/>
                  <a:gd name="T49" fmla="*/ 7 h 39"/>
                  <a:gd name="T50" fmla="*/ 11 w 30"/>
                  <a:gd name="T51" fmla="*/ 7 h 39"/>
                  <a:gd name="T52" fmla="*/ 11 w 30"/>
                  <a:gd name="T53" fmla="*/ 13 h 39"/>
                  <a:gd name="T54" fmla="*/ 13 w 30"/>
                  <a:gd name="T55" fmla="*/ 13 h 39"/>
                  <a:gd name="T56" fmla="*/ 15 w 30"/>
                  <a:gd name="T57" fmla="*/ 13 h 39"/>
                  <a:gd name="T58" fmla="*/ 21 w 30"/>
                  <a:gd name="T59" fmla="*/ 14 h 39"/>
                  <a:gd name="T60" fmla="*/ 25 w 30"/>
                  <a:gd name="T61" fmla="*/ 16 h 39"/>
                  <a:gd name="T62" fmla="*/ 29 w 30"/>
                  <a:gd name="T63" fmla="*/ 19 h 39"/>
                  <a:gd name="T64" fmla="*/ 30 w 30"/>
                  <a:gd name="T65" fmla="*/ 25 h 3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30" h="39">
                    <a:moveTo>
                      <a:pt x="30" y="25"/>
                    </a:moveTo>
                    <a:cubicBezTo>
                      <a:pt x="30" y="27"/>
                      <a:pt x="30" y="29"/>
                      <a:pt x="29" y="31"/>
                    </a:cubicBezTo>
                    <a:cubicBezTo>
                      <a:pt x="28" y="33"/>
                      <a:pt x="27" y="34"/>
                      <a:pt x="26" y="35"/>
                    </a:cubicBezTo>
                    <a:cubicBezTo>
                      <a:pt x="24" y="37"/>
                      <a:pt x="22" y="38"/>
                      <a:pt x="20" y="38"/>
                    </a:cubicBezTo>
                    <a:cubicBezTo>
                      <a:pt x="18" y="39"/>
                      <a:pt x="16" y="39"/>
                      <a:pt x="13" y="39"/>
                    </a:cubicBezTo>
                    <a:cubicBezTo>
                      <a:pt x="10" y="39"/>
                      <a:pt x="7" y="39"/>
                      <a:pt x="5" y="38"/>
                    </a:cubicBezTo>
                    <a:cubicBezTo>
                      <a:pt x="3" y="38"/>
                      <a:pt x="1" y="37"/>
                      <a:pt x="0" y="37"/>
                    </a:cubicBezTo>
                    <a:cubicBezTo>
                      <a:pt x="0" y="28"/>
                      <a:pt x="0" y="28"/>
                      <a:pt x="0" y="28"/>
                    </a:cubicBezTo>
                    <a:cubicBezTo>
                      <a:pt x="1" y="28"/>
                      <a:pt x="1" y="28"/>
                      <a:pt x="1" y="28"/>
                    </a:cubicBezTo>
                    <a:cubicBezTo>
                      <a:pt x="3" y="29"/>
                      <a:pt x="4" y="30"/>
                      <a:pt x="6" y="31"/>
                    </a:cubicBezTo>
                    <a:cubicBezTo>
                      <a:pt x="8" y="31"/>
                      <a:pt x="10" y="32"/>
                      <a:pt x="12" y="32"/>
                    </a:cubicBezTo>
                    <a:cubicBezTo>
                      <a:pt x="13" y="32"/>
                      <a:pt x="14" y="31"/>
                      <a:pt x="15" y="31"/>
                    </a:cubicBezTo>
                    <a:cubicBezTo>
                      <a:pt x="16" y="31"/>
                      <a:pt x="17" y="31"/>
                      <a:pt x="18" y="30"/>
                    </a:cubicBezTo>
                    <a:cubicBezTo>
                      <a:pt x="19" y="29"/>
                      <a:pt x="19" y="29"/>
                      <a:pt x="20" y="28"/>
                    </a:cubicBezTo>
                    <a:cubicBezTo>
                      <a:pt x="20" y="28"/>
                      <a:pt x="20" y="27"/>
                      <a:pt x="20" y="26"/>
                    </a:cubicBezTo>
                    <a:cubicBezTo>
                      <a:pt x="20" y="25"/>
                      <a:pt x="20" y="24"/>
                      <a:pt x="19" y="23"/>
                    </a:cubicBezTo>
                    <a:cubicBezTo>
                      <a:pt x="19" y="23"/>
                      <a:pt x="18" y="22"/>
                      <a:pt x="18" y="22"/>
                    </a:cubicBezTo>
                    <a:cubicBezTo>
                      <a:pt x="17" y="21"/>
                      <a:pt x="16" y="21"/>
                      <a:pt x="14" y="21"/>
                    </a:cubicBezTo>
                    <a:cubicBezTo>
                      <a:pt x="13" y="20"/>
                      <a:pt x="12" y="20"/>
                      <a:pt x="11" y="20"/>
                    </a:cubicBezTo>
                    <a:cubicBezTo>
                      <a:pt x="9" y="20"/>
                      <a:pt x="8" y="20"/>
                      <a:pt x="6" y="21"/>
                    </a:cubicBezTo>
                    <a:cubicBezTo>
                      <a:pt x="5" y="21"/>
                      <a:pt x="4" y="21"/>
                      <a:pt x="3" y="22"/>
                    </a:cubicBezTo>
                    <a:cubicBezTo>
                      <a:pt x="1" y="22"/>
                      <a:pt x="1" y="22"/>
                      <a:pt x="1" y="22"/>
                    </a:cubicBezTo>
                    <a:cubicBezTo>
                      <a:pt x="1" y="0"/>
                      <a:pt x="1" y="0"/>
                      <a:pt x="1" y="0"/>
                    </a:cubicBezTo>
                    <a:cubicBezTo>
                      <a:pt x="29" y="0"/>
                      <a:pt x="29" y="0"/>
                      <a:pt x="29" y="0"/>
                    </a:cubicBezTo>
                    <a:cubicBezTo>
                      <a:pt x="29" y="7"/>
                      <a:pt x="29" y="7"/>
                      <a:pt x="29" y="7"/>
                    </a:cubicBezTo>
                    <a:cubicBezTo>
                      <a:pt x="11" y="7"/>
                      <a:pt x="11" y="7"/>
                      <a:pt x="11" y="7"/>
                    </a:cubicBezTo>
                    <a:cubicBezTo>
                      <a:pt x="11" y="13"/>
                      <a:pt x="11" y="13"/>
                      <a:pt x="11" y="13"/>
                    </a:cubicBezTo>
                    <a:cubicBezTo>
                      <a:pt x="11" y="13"/>
                      <a:pt x="12" y="13"/>
                      <a:pt x="13" y="13"/>
                    </a:cubicBezTo>
                    <a:cubicBezTo>
                      <a:pt x="14" y="13"/>
                      <a:pt x="14" y="13"/>
                      <a:pt x="15" y="13"/>
                    </a:cubicBezTo>
                    <a:cubicBezTo>
                      <a:pt x="17" y="13"/>
                      <a:pt x="19" y="14"/>
                      <a:pt x="21" y="14"/>
                    </a:cubicBezTo>
                    <a:cubicBezTo>
                      <a:pt x="22" y="14"/>
                      <a:pt x="24" y="15"/>
                      <a:pt x="25" y="16"/>
                    </a:cubicBezTo>
                    <a:cubicBezTo>
                      <a:pt x="27" y="17"/>
                      <a:pt x="28" y="18"/>
                      <a:pt x="29" y="19"/>
                    </a:cubicBezTo>
                    <a:cubicBezTo>
                      <a:pt x="30" y="21"/>
                      <a:pt x="30" y="23"/>
                      <a:pt x="30" y="25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" name="Freeform 18"/>
              <p:cNvSpPr>
                <a:spLocks noEditPoints="1"/>
              </p:cNvSpPr>
              <p:nvPr/>
            </p:nvSpPr>
            <p:spPr bwMode="auto">
              <a:xfrm>
                <a:off x="1173" y="1354"/>
                <a:ext cx="421" cy="276"/>
              </a:xfrm>
              <a:custGeom>
                <a:avLst/>
                <a:gdLst>
                  <a:gd name="T0" fmla="*/ 24 w 61"/>
                  <a:gd name="T1" fmla="*/ 13 h 40"/>
                  <a:gd name="T2" fmla="*/ 21 w 61"/>
                  <a:gd name="T3" fmla="*/ 22 h 40"/>
                  <a:gd name="T4" fmla="*/ 12 w 61"/>
                  <a:gd name="T5" fmla="*/ 25 h 40"/>
                  <a:gd name="T6" fmla="*/ 3 w 61"/>
                  <a:gd name="T7" fmla="*/ 22 h 40"/>
                  <a:gd name="T8" fmla="*/ 0 w 61"/>
                  <a:gd name="T9" fmla="*/ 13 h 40"/>
                  <a:gd name="T10" fmla="*/ 3 w 61"/>
                  <a:gd name="T11" fmla="*/ 3 h 40"/>
                  <a:gd name="T12" fmla="*/ 12 w 61"/>
                  <a:gd name="T13" fmla="*/ 0 h 40"/>
                  <a:gd name="T14" fmla="*/ 21 w 61"/>
                  <a:gd name="T15" fmla="*/ 3 h 40"/>
                  <a:gd name="T16" fmla="*/ 24 w 61"/>
                  <a:gd name="T17" fmla="*/ 13 h 40"/>
                  <a:gd name="T18" fmla="*/ 16 w 61"/>
                  <a:gd name="T19" fmla="*/ 13 h 40"/>
                  <a:gd name="T20" fmla="*/ 15 w 61"/>
                  <a:gd name="T21" fmla="*/ 7 h 40"/>
                  <a:gd name="T22" fmla="*/ 12 w 61"/>
                  <a:gd name="T23" fmla="*/ 5 h 40"/>
                  <a:gd name="T24" fmla="*/ 9 w 61"/>
                  <a:gd name="T25" fmla="*/ 7 h 40"/>
                  <a:gd name="T26" fmla="*/ 8 w 61"/>
                  <a:gd name="T27" fmla="*/ 13 h 40"/>
                  <a:gd name="T28" fmla="*/ 9 w 61"/>
                  <a:gd name="T29" fmla="*/ 18 h 40"/>
                  <a:gd name="T30" fmla="*/ 12 w 61"/>
                  <a:gd name="T31" fmla="*/ 20 h 40"/>
                  <a:gd name="T32" fmla="*/ 15 w 61"/>
                  <a:gd name="T33" fmla="*/ 18 h 40"/>
                  <a:gd name="T34" fmla="*/ 16 w 61"/>
                  <a:gd name="T35" fmla="*/ 13 h 40"/>
                  <a:gd name="T36" fmla="*/ 44 w 61"/>
                  <a:gd name="T37" fmla="*/ 1 h 40"/>
                  <a:gd name="T38" fmla="*/ 24 w 61"/>
                  <a:gd name="T39" fmla="*/ 39 h 40"/>
                  <a:gd name="T40" fmla="*/ 17 w 61"/>
                  <a:gd name="T41" fmla="*/ 39 h 40"/>
                  <a:gd name="T42" fmla="*/ 37 w 61"/>
                  <a:gd name="T43" fmla="*/ 1 h 40"/>
                  <a:gd name="T44" fmla="*/ 44 w 61"/>
                  <a:gd name="T45" fmla="*/ 1 h 40"/>
                  <a:gd name="T46" fmla="*/ 61 w 61"/>
                  <a:gd name="T47" fmla="*/ 28 h 40"/>
                  <a:gd name="T48" fmla="*/ 58 w 61"/>
                  <a:gd name="T49" fmla="*/ 37 h 40"/>
                  <a:gd name="T50" fmla="*/ 49 w 61"/>
                  <a:gd name="T51" fmla="*/ 40 h 40"/>
                  <a:gd name="T52" fmla="*/ 40 w 61"/>
                  <a:gd name="T53" fmla="*/ 37 h 40"/>
                  <a:gd name="T54" fmla="*/ 37 w 61"/>
                  <a:gd name="T55" fmla="*/ 28 h 40"/>
                  <a:gd name="T56" fmla="*/ 40 w 61"/>
                  <a:gd name="T57" fmla="*/ 18 h 40"/>
                  <a:gd name="T58" fmla="*/ 49 w 61"/>
                  <a:gd name="T59" fmla="*/ 15 h 40"/>
                  <a:gd name="T60" fmla="*/ 58 w 61"/>
                  <a:gd name="T61" fmla="*/ 18 h 40"/>
                  <a:gd name="T62" fmla="*/ 61 w 61"/>
                  <a:gd name="T63" fmla="*/ 28 h 40"/>
                  <a:gd name="T64" fmla="*/ 53 w 61"/>
                  <a:gd name="T65" fmla="*/ 28 h 40"/>
                  <a:gd name="T66" fmla="*/ 52 w 61"/>
                  <a:gd name="T67" fmla="*/ 22 h 40"/>
                  <a:gd name="T68" fmla="*/ 49 w 61"/>
                  <a:gd name="T69" fmla="*/ 21 h 40"/>
                  <a:gd name="T70" fmla="*/ 46 w 61"/>
                  <a:gd name="T71" fmla="*/ 22 h 40"/>
                  <a:gd name="T72" fmla="*/ 45 w 61"/>
                  <a:gd name="T73" fmla="*/ 28 h 40"/>
                  <a:gd name="T74" fmla="*/ 46 w 61"/>
                  <a:gd name="T75" fmla="*/ 33 h 40"/>
                  <a:gd name="T76" fmla="*/ 49 w 61"/>
                  <a:gd name="T77" fmla="*/ 35 h 40"/>
                  <a:gd name="T78" fmla="*/ 52 w 61"/>
                  <a:gd name="T79" fmla="*/ 33 h 40"/>
                  <a:gd name="T80" fmla="*/ 53 w 61"/>
                  <a:gd name="T81" fmla="*/ 28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</a:cxnLst>
                <a:rect l="0" t="0" r="r" b="b"/>
                <a:pathLst>
                  <a:path w="61" h="40">
                    <a:moveTo>
                      <a:pt x="24" y="13"/>
                    </a:moveTo>
                    <a:cubicBezTo>
                      <a:pt x="24" y="17"/>
                      <a:pt x="23" y="20"/>
                      <a:pt x="21" y="22"/>
                    </a:cubicBezTo>
                    <a:cubicBezTo>
                      <a:pt x="19" y="24"/>
                      <a:pt x="16" y="25"/>
                      <a:pt x="12" y="25"/>
                    </a:cubicBezTo>
                    <a:cubicBezTo>
                      <a:pt x="8" y="25"/>
                      <a:pt x="5" y="24"/>
                      <a:pt x="3" y="22"/>
                    </a:cubicBezTo>
                    <a:cubicBezTo>
                      <a:pt x="1" y="20"/>
                      <a:pt x="0" y="17"/>
                      <a:pt x="0" y="13"/>
                    </a:cubicBezTo>
                    <a:cubicBezTo>
                      <a:pt x="0" y="8"/>
                      <a:pt x="1" y="5"/>
                      <a:pt x="3" y="3"/>
                    </a:cubicBezTo>
                    <a:cubicBezTo>
                      <a:pt x="5" y="1"/>
                      <a:pt x="8" y="0"/>
                      <a:pt x="12" y="0"/>
                    </a:cubicBezTo>
                    <a:cubicBezTo>
                      <a:pt x="16" y="0"/>
                      <a:pt x="19" y="1"/>
                      <a:pt x="21" y="3"/>
                    </a:cubicBezTo>
                    <a:cubicBezTo>
                      <a:pt x="23" y="5"/>
                      <a:pt x="24" y="8"/>
                      <a:pt x="24" y="13"/>
                    </a:cubicBezTo>
                    <a:moveTo>
                      <a:pt x="16" y="13"/>
                    </a:moveTo>
                    <a:cubicBezTo>
                      <a:pt x="16" y="10"/>
                      <a:pt x="16" y="8"/>
                      <a:pt x="15" y="7"/>
                    </a:cubicBezTo>
                    <a:cubicBezTo>
                      <a:pt x="15" y="6"/>
                      <a:pt x="14" y="5"/>
                      <a:pt x="12" y="5"/>
                    </a:cubicBezTo>
                    <a:cubicBezTo>
                      <a:pt x="11" y="5"/>
                      <a:pt x="10" y="6"/>
                      <a:pt x="9" y="7"/>
                    </a:cubicBezTo>
                    <a:cubicBezTo>
                      <a:pt x="8" y="8"/>
                      <a:pt x="8" y="10"/>
                      <a:pt x="8" y="13"/>
                    </a:cubicBezTo>
                    <a:cubicBezTo>
                      <a:pt x="8" y="15"/>
                      <a:pt x="8" y="17"/>
                      <a:pt x="9" y="18"/>
                    </a:cubicBezTo>
                    <a:cubicBezTo>
                      <a:pt x="10" y="19"/>
                      <a:pt x="11" y="20"/>
                      <a:pt x="12" y="20"/>
                    </a:cubicBezTo>
                    <a:cubicBezTo>
                      <a:pt x="14" y="20"/>
                      <a:pt x="15" y="19"/>
                      <a:pt x="15" y="18"/>
                    </a:cubicBezTo>
                    <a:cubicBezTo>
                      <a:pt x="16" y="17"/>
                      <a:pt x="16" y="15"/>
                      <a:pt x="16" y="13"/>
                    </a:cubicBezTo>
                    <a:moveTo>
                      <a:pt x="44" y="1"/>
                    </a:moveTo>
                    <a:cubicBezTo>
                      <a:pt x="24" y="39"/>
                      <a:pt x="24" y="39"/>
                      <a:pt x="24" y="39"/>
                    </a:cubicBezTo>
                    <a:cubicBezTo>
                      <a:pt x="17" y="39"/>
                      <a:pt x="17" y="39"/>
                      <a:pt x="17" y="39"/>
                    </a:cubicBezTo>
                    <a:cubicBezTo>
                      <a:pt x="37" y="1"/>
                      <a:pt x="37" y="1"/>
                      <a:pt x="37" y="1"/>
                    </a:cubicBezTo>
                    <a:lnTo>
                      <a:pt x="44" y="1"/>
                    </a:lnTo>
                    <a:close/>
                    <a:moveTo>
                      <a:pt x="61" y="28"/>
                    </a:moveTo>
                    <a:cubicBezTo>
                      <a:pt x="61" y="32"/>
                      <a:pt x="60" y="35"/>
                      <a:pt x="58" y="37"/>
                    </a:cubicBezTo>
                    <a:cubicBezTo>
                      <a:pt x="56" y="39"/>
                      <a:pt x="53" y="40"/>
                      <a:pt x="49" y="40"/>
                    </a:cubicBezTo>
                    <a:cubicBezTo>
                      <a:pt x="45" y="40"/>
                      <a:pt x="42" y="39"/>
                      <a:pt x="40" y="37"/>
                    </a:cubicBezTo>
                    <a:cubicBezTo>
                      <a:pt x="38" y="35"/>
                      <a:pt x="37" y="32"/>
                      <a:pt x="37" y="28"/>
                    </a:cubicBezTo>
                    <a:cubicBezTo>
                      <a:pt x="37" y="23"/>
                      <a:pt x="38" y="20"/>
                      <a:pt x="40" y="18"/>
                    </a:cubicBezTo>
                    <a:cubicBezTo>
                      <a:pt x="42" y="16"/>
                      <a:pt x="45" y="15"/>
                      <a:pt x="49" y="15"/>
                    </a:cubicBezTo>
                    <a:cubicBezTo>
                      <a:pt x="53" y="15"/>
                      <a:pt x="56" y="16"/>
                      <a:pt x="58" y="18"/>
                    </a:cubicBezTo>
                    <a:cubicBezTo>
                      <a:pt x="60" y="20"/>
                      <a:pt x="61" y="23"/>
                      <a:pt x="61" y="28"/>
                    </a:cubicBezTo>
                    <a:moveTo>
                      <a:pt x="53" y="28"/>
                    </a:moveTo>
                    <a:cubicBezTo>
                      <a:pt x="53" y="25"/>
                      <a:pt x="53" y="23"/>
                      <a:pt x="52" y="22"/>
                    </a:cubicBezTo>
                    <a:cubicBezTo>
                      <a:pt x="51" y="21"/>
                      <a:pt x="50" y="21"/>
                      <a:pt x="49" y="21"/>
                    </a:cubicBezTo>
                    <a:cubicBezTo>
                      <a:pt x="47" y="21"/>
                      <a:pt x="46" y="21"/>
                      <a:pt x="46" y="22"/>
                    </a:cubicBezTo>
                    <a:cubicBezTo>
                      <a:pt x="45" y="23"/>
                      <a:pt x="45" y="25"/>
                      <a:pt x="45" y="28"/>
                    </a:cubicBezTo>
                    <a:cubicBezTo>
                      <a:pt x="45" y="30"/>
                      <a:pt x="45" y="32"/>
                      <a:pt x="46" y="33"/>
                    </a:cubicBezTo>
                    <a:cubicBezTo>
                      <a:pt x="46" y="34"/>
                      <a:pt x="47" y="35"/>
                      <a:pt x="49" y="35"/>
                    </a:cubicBezTo>
                    <a:cubicBezTo>
                      <a:pt x="50" y="35"/>
                      <a:pt x="51" y="34"/>
                      <a:pt x="52" y="33"/>
                    </a:cubicBezTo>
                    <a:cubicBezTo>
                      <a:pt x="53" y="32"/>
                      <a:pt x="53" y="30"/>
                      <a:pt x="53" y="28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4" name="矩形 3"/>
            <p:cNvSpPr/>
            <p:nvPr/>
          </p:nvSpPr>
          <p:spPr>
            <a:xfrm>
              <a:off x="1280545" y="2758683"/>
              <a:ext cx="1415772" cy="348813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>
                <a:lnSpc>
                  <a:spcPts val="2000"/>
                </a:lnSpc>
              </a:pPr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  <a:endParaRPr lang="en-US" altLang="zh-CN" sz="1600" kern="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sp>
        <p:nvSpPr>
          <p:cNvPr id="9" name="矩形 8"/>
          <p:cNvSpPr>
            <a:spLocks noChangeArrowheads="1"/>
          </p:cNvSpPr>
          <p:nvPr/>
        </p:nvSpPr>
        <p:spPr bwMode="auto">
          <a:xfrm>
            <a:off x="4662600" y="1920654"/>
            <a:ext cx="4969152" cy="16312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charset="0"/>
              </a:rPr>
              <a:t>RAPIDPPT, the leader of professional PPT designer in China. 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charset="0"/>
              </a:rPr>
              <a:t>5years of making professional PPT,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charset="0"/>
              </a:rPr>
              <a:t>Classical PPT, 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charset="0"/>
              </a:rPr>
              <a:t>Make sure you will be sy'n ed. ...... RAPIDPPT 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Arial" charset="0"/>
              </a:rPr>
              <a:t>The sys from the the old production model, and create a new PPT experience.</a:t>
            </a:r>
          </a:p>
        </p:txBody>
      </p:sp>
      <p:grpSp>
        <p:nvGrpSpPr>
          <p:cNvPr id="10" name="组合 9"/>
          <p:cNvGrpSpPr/>
          <p:nvPr/>
        </p:nvGrpSpPr>
        <p:grpSpPr>
          <a:xfrm>
            <a:off x="4751761" y="4053474"/>
            <a:ext cx="2455863" cy="700088"/>
            <a:chOff x="3089275" y="3603625"/>
            <a:chExt cx="2455863" cy="700088"/>
          </a:xfrm>
        </p:grpSpPr>
        <p:grpSp>
          <p:nvGrpSpPr>
            <p:cNvPr id="11" name="Group 22"/>
            <p:cNvGrpSpPr>
              <a:grpSpLocks noChangeAspect="1"/>
            </p:cNvGrpSpPr>
            <p:nvPr/>
          </p:nvGrpSpPr>
          <p:grpSpPr bwMode="auto">
            <a:xfrm>
              <a:off x="3089275" y="3603625"/>
              <a:ext cx="2455863" cy="700088"/>
              <a:chOff x="1946" y="2270"/>
              <a:chExt cx="1547" cy="441"/>
            </a:xfrm>
          </p:grpSpPr>
          <p:sp>
            <p:nvSpPr>
              <p:cNvPr id="15" name="AutoShape 21"/>
              <p:cNvSpPr>
                <a:spLocks noChangeAspect="1" noChangeArrowheads="1" noTextEdit="1"/>
              </p:cNvSpPr>
              <p:nvPr/>
            </p:nvSpPr>
            <p:spPr bwMode="auto">
              <a:xfrm>
                <a:off x="1948" y="2272"/>
                <a:ext cx="1545" cy="439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6" name="Freeform 23"/>
              <p:cNvSpPr>
                <a:spLocks/>
              </p:cNvSpPr>
              <p:nvPr/>
            </p:nvSpPr>
            <p:spPr bwMode="auto">
              <a:xfrm>
                <a:off x="1946" y="2291"/>
                <a:ext cx="415" cy="418"/>
              </a:xfrm>
              <a:custGeom>
                <a:avLst/>
                <a:gdLst>
                  <a:gd name="T0" fmla="*/ 88 w 176"/>
                  <a:gd name="T1" fmla="*/ 0 h 177"/>
                  <a:gd name="T2" fmla="*/ 0 w 176"/>
                  <a:gd name="T3" fmla="*/ 88 h 177"/>
                  <a:gd name="T4" fmla="*/ 88 w 176"/>
                  <a:gd name="T5" fmla="*/ 177 h 177"/>
                  <a:gd name="T6" fmla="*/ 176 w 176"/>
                  <a:gd name="T7" fmla="*/ 88 h 177"/>
                  <a:gd name="T8" fmla="*/ 176 w 176"/>
                  <a:gd name="T9" fmla="*/ 0 h 177"/>
                  <a:gd name="T10" fmla="*/ 88 w 176"/>
                  <a:gd name="T11" fmla="*/ 0 h 17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76" h="177">
                    <a:moveTo>
                      <a:pt x="88" y="0"/>
                    </a:moveTo>
                    <a:cubicBezTo>
                      <a:pt x="39" y="0"/>
                      <a:pt x="0" y="40"/>
                      <a:pt x="0" y="88"/>
                    </a:cubicBezTo>
                    <a:cubicBezTo>
                      <a:pt x="0" y="137"/>
                      <a:pt x="39" y="177"/>
                      <a:pt x="88" y="177"/>
                    </a:cubicBezTo>
                    <a:cubicBezTo>
                      <a:pt x="137" y="177"/>
                      <a:pt x="176" y="137"/>
                      <a:pt x="176" y="88"/>
                    </a:cubicBezTo>
                    <a:cubicBezTo>
                      <a:pt x="176" y="0"/>
                      <a:pt x="176" y="0"/>
                      <a:pt x="176" y="0"/>
                    </a:cubicBezTo>
                    <a:lnTo>
                      <a:pt x="88" y="0"/>
                    </a:lnTo>
                    <a:close/>
                  </a:path>
                </a:pathLst>
              </a:custGeom>
              <a:solidFill>
                <a:srgbClr val="CABD6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7" name="Freeform 34"/>
              <p:cNvSpPr>
                <a:spLocks/>
              </p:cNvSpPr>
              <p:nvPr/>
            </p:nvSpPr>
            <p:spPr bwMode="auto">
              <a:xfrm>
                <a:off x="2035" y="2409"/>
                <a:ext cx="55" cy="80"/>
              </a:xfrm>
              <a:custGeom>
                <a:avLst/>
                <a:gdLst>
                  <a:gd name="T0" fmla="*/ 23 w 23"/>
                  <a:gd name="T1" fmla="*/ 34 h 34"/>
                  <a:gd name="T2" fmla="*/ 0 w 23"/>
                  <a:gd name="T3" fmla="*/ 34 h 34"/>
                  <a:gd name="T4" fmla="*/ 0 w 23"/>
                  <a:gd name="T5" fmla="*/ 28 h 34"/>
                  <a:gd name="T6" fmla="*/ 7 w 23"/>
                  <a:gd name="T7" fmla="*/ 28 h 34"/>
                  <a:gd name="T8" fmla="*/ 7 w 23"/>
                  <a:gd name="T9" fmla="*/ 10 h 34"/>
                  <a:gd name="T10" fmla="*/ 0 w 23"/>
                  <a:gd name="T11" fmla="*/ 10 h 34"/>
                  <a:gd name="T12" fmla="*/ 0 w 23"/>
                  <a:gd name="T13" fmla="*/ 5 h 34"/>
                  <a:gd name="T14" fmla="*/ 3 w 23"/>
                  <a:gd name="T15" fmla="*/ 5 h 34"/>
                  <a:gd name="T16" fmla="*/ 6 w 23"/>
                  <a:gd name="T17" fmla="*/ 4 h 34"/>
                  <a:gd name="T18" fmla="*/ 8 w 23"/>
                  <a:gd name="T19" fmla="*/ 3 h 34"/>
                  <a:gd name="T20" fmla="*/ 8 w 23"/>
                  <a:gd name="T21" fmla="*/ 0 h 34"/>
                  <a:gd name="T22" fmla="*/ 16 w 23"/>
                  <a:gd name="T23" fmla="*/ 0 h 34"/>
                  <a:gd name="T24" fmla="*/ 16 w 23"/>
                  <a:gd name="T25" fmla="*/ 28 h 34"/>
                  <a:gd name="T26" fmla="*/ 23 w 23"/>
                  <a:gd name="T27" fmla="*/ 28 h 34"/>
                  <a:gd name="T28" fmla="*/ 23 w 23"/>
                  <a:gd name="T29" fmla="*/ 34 h 3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</a:cxnLst>
                <a:rect l="0" t="0" r="r" b="b"/>
                <a:pathLst>
                  <a:path w="23" h="34">
                    <a:moveTo>
                      <a:pt x="23" y="34"/>
                    </a:moveTo>
                    <a:cubicBezTo>
                      <a:pt x="0" y="34"/>
                      <a:pt x="0" y="34"/>
                      <a:pt x="0" y="34"/>
                    </a:cubicBezTo>
                    <a:cubicBezTo>
                      <a:pt x="0" y="28"/>
                      <a:pt x="0" y="28"/>
                      <a:pt x="0" y="28"/>
                    </a:cubicBezTo>
                    <a:cubicBezTo>
                      <a:pt x="7" y="28"/>
                      <a:pt x="7" y="28"/>
                      <a:pt x="7" y="28"/>
                    </a:cubicBezTo>
                    <a:cubicBezTo>
                      <a:pt x="7" y="10"/>
                      <a:pt x="7" y="10"/>
                      <a:pt x="7" y="10"/>
                    </a:cubicBezTo>
                    <a:cubicBezTo>
                      <a:pt x="0" y="10"/>
                      <a:pt x="0" y="10"/>
                      <a:pt x="0" y="10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1" y="5"/>
                      <a:pt x="2" y="5"/>
                      <a:pt x="3" y="5"/>
                    </a:cubicBezTo>
                    <a:cubicBezTo>
                      <a:pt x="4" y="5"/>
                      <a:pt x="5" y="4"/>
                      <a:pt x="6" y="4"/>
                    </a:cubicBezTo>
                    <a:cubicBezTo>
                      <a:pt x="7" y="4"/>
                      <a:pt x="7" y="3"/>
                      <a:pt x="8" y="3"/>
                    </a:cubicBezTo>
                    <a:cubicBezTo>
                      <a:pt x="8" y="2"/>
                      <a:pt x="8" y="1"/>
                      <a:pt x="8" y="0"/>
                    </a:cubicBezTo>
                    <a:cubicBezTo>
                      <a:pt x="16" y="0"/>
                      <a:pt x="16" y="0"/>
                      <a:pt x="16" y="0"/>
                    </a:cubicBezTo>
                    <a:cubicBezTo>
                      <a:pt x="16" y="28"/>
                      <a:pt x="16" y="28"/>
                      <a:pt x="16" y="28"/>
                    </a:cubicBezTo>
                    <a:cubicBezTo>
                      <a:pt x="23" y="28"/>
                      <a:pt x="23" y="28"/>
                      <a:pt x="23" y="28"/>
                    </a:cubicBezTo>
                    <a:lnTo>
                      <a:pt x="23" y="34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8" name="Freeform 35"/>
              <p:cNvSpPr>
                <a:spLocks noEditPoints="1"/>
              </p:cNvSpPr>
              <p:nvPr/>
            </p:nvSpPr>
            <p:spPr bwMode="auto">
              <a:xfrm>
                <a:off x="2106" y="2409"/>
                <a:ext cx="66" cy="83"/>
              </a:xfrm>
              <a:custGeom>
                <a:avLst/>
                <a:gdLst>
                  <a:gd name="T0" fmla="*/ 28 w 28"/>
                  <a:gd name="T1" fmla="*/ 17 h 35"/>
                  <a:gd name="T2" fmla="*/ 27 w 28"/>
                  <a:gd name="T3" fmla="*/ 25 h 35"/>
                  <a:gd name="T4" fmla="*/ 25 w 28"/>
                  <a:gd name="T5" fmla="*/ 30 h 35"/>
                  <a:gd name="T6" fmla="*/ 20 w 28"/>
                  <a:gd name="T7" fmla="*/ 34 h 35"/>
                  <a:gd name="T8" fmla="*/ 14 w 28"/>
                  <a:gd name="T9" fmla="*/ 35 h 35"/>
                  <a:gd name="T10" fmla="*/ 7 w 28"/>
                  <a:gd name="T11" fmla="*/ 34 h 35"/>
                  <a:gd name="T12" fmla="*/ 3 w 28"/>
                  <a:gd name="T13" fmla="*/ 30 h 35"/>
                  <a:gd name="T14" fmla="*/ 1 w 28"/>
                  <a:gd name="T15" fmla="*/ 25 h 35"/>
                  <a:gd name="T16" fmla="*/ 0 w 28"/>
                  <a:gd name="T17" fmla="*/ 17 h 35"/>
                  <a:gd name="T18" fmla="*/ 1 w 28"/>
                  <a:gd name="T19" fmla="*/ 10 h 35"/>
                  <a:gd name="T20" fmla="*/ 3 w 28"/>
                  <a:gd name="T21" fmla="*/ 4 h 35"/>
                  <a:gd name="T22" fmla="*/ 7 w 28"/>
                  <a:gd name="T23" fmla="*/ 1 h 35"/>
                  <a:gd name="T24" fmla="*/ 14 w 28"/>
                  <a:gd name="T25" fmla="*/ 0 h 35"/>
                  <a:gd name="T26" fmla="*/ 20 w 28"/>
                  <a:gd name="T27" fmla="*/ 1 h 35"/>
                  <a:gd name="T28" fmla="*/ 25 w 28"/>
                  <a:gd name="T29" fmla="*/ 4 h 35"/>
                  <a:gd name="T30" fmla="*/ 27 w 28"/>
                  <a:gd name="T31" fmla="*/ 10 h 35"/>
                  <a:gd name="T32" fmla="*/ 28 w 28"/>
                  <a:gd name="T33" fmla="*/ 17 h 35"/>
                  <a:gd name="T34" fmla="*/ 19 w 28"/>
                  <a:gd name="T35" fmla="*/ 17 h 35"/>
                  <a:gd name="T36" fmla="*/ 18 w 28"/>
                  <a:gd name="T37" fmla="*/ 8 h 35"/>
                  <a:gd name="T38" fmla="*/ 14 w 28"/>
                  <a:gd name="T39" fmla="*/ 6 h 35"/>
                  <a:gd name="T40" fmla="*/ 10 w 28"/>
                  <a:gd name="T41" fmla="*/ 8 h 35"/>
                  <a:gd name="T42" fmla="*/ 9 w 28"/>
                  <a:gd name="T43" fmla="*/ 17 h 35"/>
                  <a:gd name="T44" fmla="*/ 10 w 28"/>
                  <a:gd name="T45" fmla="*/ 26 h 35"/>
                  <a:gd name="T46" fmla="*/ 14 w 28"/>
                  <a:gd name="T47" fmla="*/ 29 h 35"/>
                  <a:gd name="T48" fmla="*/ 18 w 28"/>
                  <a:gd name="T49" fmla="*/ 26 h 35"/>
                  <a:gd name="T50" fmla="*/ 19 w 28"/>
                  <a:gd name="T51" fmla="*/ 17 h 3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</a:cxnLst>
                <a:rect l="0" t="0" r="r" b="b"/>
                <a:pathLst>
                  <a:path w="28" h="35">
                    <a:moveTo>
                      <a:pt x="28" y="17"/>
                    </a:moveTo>
                    <a:cubicBezTo>
                      <a:pt x="28" y="20"/>
                      <a:pt x="28" y="23"/>
                      <a:pt x="27" y="25"/>
                    </a:cubicBezTo>
                    <a:cubicBezTo>
                      <a:pt x="27" y="27"/>
                      <a:pt x="26" y="29"/>
                      <a:pt x="25" y="30"/>
                    </a:cubicBezTo>
                    <a:cubicBezTo>
                      <a:pt x="24" y="32"/>
                      <a:pt x="22" y="33"/>
                      <a:pt x="20" y="34"/>
                    </a:cubicBezTo>
                    <a:cubicBezTo>
                      <a:pt x="19" y="35"/>
                      <a:pt x="16" y="35"/>
                      <a:pt x="14" y="35"/>
                    </a:cubicBezTo>
                    <a:cubicBezTo>
                      <a:pt x="11" y="35"/>
                      <a:pt x="9" y="34"/>
                      <a:pt x="7" y="34"/>
                    </a:cubicBezTo>
                    <a:cubicBezTo>
                      <a:pt x="6" y="33"/>
                      <a:pt x="4" y="32"/>
                      <a:pt x="3" y="30"/>
                    </a:cubicBezTo>
                    <a:cubicBezTo>
                      <a:pt x="2" y="29"/>
                      <a:pt x="1" y="27"/>
                      <a:pt x="1" y="25"/>
                    </a:cubicBezTo>
                    <a:cubicBezTo>
                      <a:pt x="0" y="23"/>
                      <a:pt x="0" y="20"/>
                      <a:pt x="0" y="17"/>
                    </a:cubicBezTo>
                    <a:cubicBezTo>
                      <a:pt x="0" y="14"/>
                      <a:pt x="0" y="12"/>
                      <a:pt x="1" y="10"/>
                    </a:cubicBezTo>
                    <a:cubicBezTo>
                      <a:pt x="1" y="7"/>
                      <a:pt x="2" y="6"/>
                      <a:pt x="3" y="4"/>
                    </a:cubicBezTo>
                    <a:cubicBezTo>
                      <a:pt x="4" y="3"/>
                      <a:pt x="6" y="1"/>
                      <a:pt x="7" y="1"/>
                    </a:cubicBezTo>
                    <a:cubicBezTo>
                      <a:pt x="9" y="0"/>
                      <a:pt x="11" y="0"/>
                      <a:pt x="14" y="0"/>
                    </a:cubicBezTo>
                    <a:cubicBezTo>
                      <a:pt x="16" y="0"/>
                      <a:pt x="19" y="0"/>
                      <a:pt x="20" y="1"/>
                    </a:cubicBezTo>
                    <a:cubicBezTo>
                      <a:pt x="22" y="2"/>
                      <a:pt x="24" y="3"/>
                      <a:pt x="25" y="4"/>
                    </a:cubicBezTo>
                    <a:cubicBezTo>
                      <a:pt x="26" y="6"/>
                      <a:pt x="27" y="8"/>
                      <a:pt x="27" y="10"/>
                    </a:cubicBezTo>
                    <a:cubicBezTo>
                      <a:pt x="28" y="12"/>
                      <a:pt x="28" y="14"/>
                      <a:pt x="28" y="17"/>
                    </a:cubicBezTo>
                    <a:moveTo>
                      <a:pt x="19" y="17"/>
                    </a:moveTo>
                    <a:cubicBezTo>
                      <a:pt x="19" y="13"/>
                      <a:pt x="19" y="10"/>
                      <a:pt x="18" y="8"/>
                    </a:cubicBezTo>
                    <a:cubicBezTo>
                      <a:pt x="17" y="7"/>
                      <a:pt x="16" y="6"/>
                      <a:pt x="14" y="6"/>
                    </a:cubicBezTo>
                    <a:cubicBezTo>
                      <a:pt x="12" y="6"/>
                      <a:pt x="11" y="7"/>
                      <a:pt x="10" y="8"/>
                    </a:cubicBezTo>
                    <a:cubicBezTo>
                      <a:pt x="9" y="10"/>
                      <a:pt x="9" y="13"/>
                      <a:pt x="9" y="17"/>
                    </a:cubicBezTo>
                    <a:cubicBezTo>
                      <a:pt x="9" y="21"/>
                      <a:pt x="9" y="24"/>
                      <a:pt x="10" y="26"/>
                    </a:cubicBezTo>
                    <a:cubicBezTo>
                      <a:pt x="11" y="28"/>
                      <a:pt x="12" y="29"/>
                      <a:pt x="14" y="29"/>
                    </a:cubicBezTo>
                    <a:cubicBezTo>
                      <a:pt x="16" y="29"/>
                      <a:pt x="17" y="28"/>
                      <a:pt x="18" y="26"/>
                    </a:cubicBezTo>
                    <a:cubicBezTo>
                      <a:pt x="19" y="24"/>
                      <a:pt x="19" y="21"/>
                      <a:pt x="19" y="17"/>
                    </a:cubicBezTo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9" name="Freeform 36"/>
              <p:cNvSpPr>
                <a:spLocks noEditPoints="1"/>
              </p:cNvSpPr>
              <p:nvPr/>
            </p:nvSpPr>
            <p:spPr bwMode="auto">
              <a:xfrm>
                <a:off x="2187" y="2409"/>
                <a:ext cx="122" cy="83"/>
              </a:xfrm>
              <a:custGeom>
                <a:avLst/>
                <a:gdLst>
                  <a:gd name="T0" fmla="*/ 20 w 52"/>
                  <a:gd name="T1" fmla="*/ 11 h 35"/>
                  <a:gd name="T2" fmla="*/ 18 w 52"/>
                  <a:gd name="T3" fmla="*/ 19 h 35"/>
                  <a:gd name="T4" fmla="*/ 10 w 52"/>
                  <a:gd name="T5" fmla="*/ 22 h 35"/>
                  <a:gd name="T6" fmla="*/ 2 w 52"/>
                  <a:gd name="T7" fmla="*/ 19 h 35"/>
                  <a:gd name="T8" fmla="*/ 0 w 52"/>
                  <a:gd name="T9" fmla="*/ 11 h 35"/>
                  <a:gd name="T10" fmla="*/ 2 w 52"/>
                  <a:gd name="T11" fmla="*/ 2 h 35"/>
                  <a:gd name="T12" fmla="*/ 10 w 52"/>
                  <a:gd name="T13" fmla="*/ 0 h 35"/>
                  <a:gd name="T14" fmla="*/ 18 w 52"/>
                  <a:gd name="T15" fmla="*/ 2 h 35"/>
                  <a:gd name="T16" fmla="*/ 20 w 52"/>
                  <a:gd name="T17" fmla="*/ 11 h 35"/>
                  <a:gd name="T18" fmla="*/ 14 w 52"/>
                  <a:gd name="T19" fmla="*/ 11 h 35"/>
                  <a:gd name="T20" fmla="*/ 13 w 52"/>
                  <a:gd name="T21" fmla="*/ 6 h 35"/>
                  <a:gd name="T22" fmla="*/ 10 w 52"/>
                  <a:gd name="T23" fmla="*/ 4 h 35"/>
                  <a:gd name="T24" fmla="*/ 7 w 52"/>
                  <a:gd name="T25" fmla="*/ 6 h 35"/>
                  <a:gd name="T26" fmla="*/ 6 w 52"/>
                  <a:gd name="T27" fmla="*/ 11 h 35"/>
                  <a:gd name="T28" fmla="*/ 7 w 52"/>
                  <a:gd name="T29" fmla="*/ 16 h 35"/>
                  <a:gd name="T30" fmla="*/ 10 w 52"/>
                  <a:gd name="T31" fmla="*/ 17 h 35"/>
                  <a:gd name="T32" fmla="*/ 13 w 52"/>
                  <a:gd name="T33" fmla="*/ 16 h 35"/>
                  <a:gd name="T34" fmla="*/ 14 w 52"/>
                  <a:gd name="T35" fmla="*/ 11 h 35"/>
                  <a:gd name="T36" fmla="*/ 38 w 52"/>
                  <a:gd name="T37" fmla="*/ 0 h 35"/>
                  <a:gd name="T38" fmla="*/ 20 w 52"/>
                  <a:gd name="T39" fmla="*/ 34 h 35"/>
                  <a:gd name="T40" fmla="*/ 14 w 52"/>
                  <a:gd name="T41" fmla="*/ 34 h 35"/>
                  <a:gd name="T42" fmla="*/ 32 w 52"/>
                  <a:gd name="T43" fmla="*/ 0 h 35"/>
                  <a:gd name="T44" fmla="*/ 38 w 52"/>
                  <a:gd name="T45" fmla="*/ 0 h 35"/>
                  <a:gd name="T46" fmla="*/ 52 w 52"/>
                  <a:gd name="T47" fmla="*/ 24 h 35"/>
                  <a:gd name="T48" fmla="*/ 50 w 52"/>
                  <a:gd name="T49" fmla="*/ 32 h 35"/>
                  <a:gd name="T50" fmla="*/ 42 w 52"/>
                  <a:gd name="T51" fmla="*/ 35 h 35"/>
                  <a:gd name="T52" fmla="*/ 34 w 52"/>
                  <a:gd name="T53" fmla="*/ 32 h 35"/>
                  <a:gd name="T54" fmla="*/ 32 w 52"/>
                  <a:gd name="T55" fmla="*/ 24 h 35"/>
                  <a:gd name="T56" fmla="*/ 34 w 52"/>
                  <a:gd name="T57" fmla="*/ 16 h 35"/>
                  <a:gd name="T58" fmla="*/ 42 w 52"/>
                  <a:gd name="T59" fmla="*/ 13 h 35"/>
                  <a:gd name="T60" fmla="*/ 50 w 52"/>
                  <a:gd name="T61" fmla="*/ 16 h 35"/>
                  <a:gd name="T62" fmla="*/ 52 w 52"/>
                  <a:gd name="T63" fmla="*/ 24 h 35"/>
                  <a:gd name="T64" fmla="*/ 46 w 52"/>
                  <a:gd name="T65" fmla="*/ 24 h 35"/>
                  <a:gd name="T66" fmla="*/ 45 w 52"/>
                  <a:gd name="T67" fmla="*/ 19 h 35"/>
                  <a:gd name="T68" fmla="*/ 42 w 52"/>
                  <a:gd name="T69" fmla="*/ 18 h 35"/>
                  <a:gd name="T70" fmla="*/ 39 w 52"/>
                  <a:gd name="T71" fmla="*/ 19 h 35"/>
                  <a:gd name="T72" fmla="*/ 39 w 52"/>
                  <a:gd name="T73" fmla="*/ 24 h 35"/>
                  <a:gd name="T74" fmla="*/ 39 w 52"/>
                  <a:gd name="T75" fmla="*/ 29 h 35"/>
                  <a:gd name="T76" fmla="*/ 42 w 52"/>
                  <a:gd name="T77" fmla="*/ 30 h 35"/>
                  <a:gd name="T78" fmla="*/ 45 w 52"/>
                  <a:gd name="T79" fmla="*/ 29 h 35"/>
                  <a:gd name="T80" fmla="*/ 46 w 52"/>
                  <a:gd name="T81" fmla="*/ 24 h 3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</a:cxnLst>
                <a:rect l="0" t="0" r="r" b="b"/>
                <a:pathLst>
                  <a:path w="52" h="35">
                    <a:moveTo>
                      <a:pt x="20" y="11"/>
                    </a:moveTo>
                    <a:cubicBezTo>
                      <a:pt x="20" y="14"/>
                      <a:pt x="19" y="17"/>
                      <a:pt x="18" y="19"/>
                    </a:cubicBezTo>
                    <a:cubicBezTo>
                      <a:pt x="16" y="21"/>
                      <a:pt x="13" y="22"/>
                      <a:pt x="10" y="22"/>
                    </a:cubicBezTo>
                    <a:cubicBezTo>
                      <a:pt x="7" y="22"/>
                      <a:pt x="4" y="21"/>
                      <a:pt x="2" y="19"/>
                    </a:cubicBezTo>
                    <a:cubicBezTo>
                      <a:pt x="1" y="17"/>
                      <a:pt x="0" y="14"/>
                      <a:pt x="0" y="11"/>
                    </a:cubicBezTo>
                    <a:cubicBezTo>
                      <a:pt x="0" y="7"/>
                      <a:pt x="1" y="4"/>
                      <a:pt x="2" y="2"/>
                    </a:cubicBezTo>
                    <a:cubicBezTo>
                      <a:pt x="4" y="1"/>
                      <a:pt x="7" y="0"/>
                      <a:pt x="10" y="0"/>
                    </a:cubicBezTo>
                    <a:cubicBezTo>
                      <a:pt x="13" y="0"/>
                      <a:pt x="16" y="1"/>
                      <a:pt x="18" y="2"/>
                    </a:cubicBezTo>
                    <a:cubicBezTo>
                      <a:pt x="19" y="4"/>
                      <a:pt x="20" y="7"/>
                      <a:pt x="20" y="11"/>
                    </a:cubicBezTo>
                    <a:moveTo>
                      <a:pt x="14" y="11"/>
                    </a:moveTo>
                    <a:cubicBezTo>
                      <a:pt x="14" y="8"/>
                      <a:pt x="13" y="7"/>
                      <a:pt x="13" y="6"/>
                    </a:cubicBezTo>
                    <a:cubicBezTo>
                      <a:pt x="12" y="5"/>
                      <a:pt x="11" y="4"/>
                      <a:pt x="10" y="4"/>
                    </a:cubicBezTo>
                    <a:cubicBezTo>
                      <a:pt x="9" y="4"/>
                      <a:pt x="8" y="5"/>
                      <a:pt x="7" y="6"/>
                    </a:cubicBezTo>
                    <a:cubicBezTo>
                      <a:pt x="7" y="7"/>
                      <a:pt x="6" y="8"/>
                      <a:pt x="6" y="11"/>
                    </a:cubicBezTo>
                    <a:cubicBezTo>
                      <a:pt x="6" y="13"/>
                      <a:pt x="7" y="15"/>
                      <a:pt x="7" y="16"/>
                    </a:cubicBezTo>
                    <a:cubicBezTo>
                      <a:pt x="8" y="17"/>
                      <a:pt x="9" y="17"/>
                      <a:pt x="10" y="17"/>
                    </a:cubicBezTo>
                    <a:cubicBezTo>
                      <a:pt x="11" y="17"/>
                      <a:pt x="12" y="17"/>
                      <a:pt x="13" y="16"/>
                    </a:cubicBezTo>
                    <a:cubicBezTo>
                      <a:pt x="13" y="15"/>
                      <a:pt x="14" y="13"/>
                      <a:pt x="14" y="11"/>
                    </a:cubicBezTo>
                    <a:moveTo>
                      <a:pt x="38" y="0"/>
                    </a:moveTo>
                    <a:cubicBezTo>
                      <a:pt x="20" y="34"/>
                      <a:pt x="20" y="34"/>
                      <a:pt x="20" y="34"/>
                    </a:cubicBezTo>
                    <a:cubicBezTo>
                      <a:pt x="14" y="34"/>
                      <a:pt x="14" y="34"/>
                      <a:pt x="14" y="34"/>
                    </a:cubicBezTo>
                    <a:cubicBezTo>
                      <a:pt x="32" y="0"/>
                      <a:pt x="32" y="0"/>
                      <a:pt x="32" y="0"/>
                    </a:cubicBezTo>
                    <a:lnTo>
                      <a:pt x="38" y="0"/>
                    </a:lnTo>
                    <a:close/>
                    <a:moveTo>
                      <a:pt x="52" y="24"/>
                    </a:moveTo>
                    <a:cubicBezTo>
                      <a:pt x="52" y="28"/>
                      <a:pt x="52" y="30"/>
                      <a:pt x="50" y="32"/>
                    </a:cubicBezTo>
                    <a:cubicBezTo>
                      <a:pt x="48" y="34"/>
                      <a:pt x="46" y="35"/>
                      <a:pt x="42" y="35"/>
                    </a:cubicBezTo>
                    <a:cubicBezTo>
                      <a:pt x="39" y="35"/>
                      <a:pt x="36" y="34"/>
                      <a:pt x="34" y="32"/>
                    </a:cubicBezTo>
                    <a:cubicBezTo>
                      <a:pt x="33" y="30"/>
                      <a:pt x="32" y="28"/>
                      <a:pt x="32" y="24"/>
                    </a:cubicBezTo>
                    <a:cubicBezTo>
                      <a:pt x="32" y="20"/>
                      <a:pt x="33" y="17"/>
                      <a:pt x="34" y="16"/>
                    </a:cubicBezTo>
                    <a:cubicBezTo>
                      <a:pt x="36" y="14"/>
                      <a:pt x="39" y="13"/>
                      <a:pt x="42" y="13"/>
                    </a:cubicBezTo>
                    <a:cubicBezTo>
                      <a:pt x="46" y="13"/>
                      <a:pt x="48" y="14"/>
                      <a:pt x="50" y="16"/>
                    </a:cubicBezTo>
                    <a:cubicBezTo>
                      <a:pt x="52" y="17"/>
                      <a:pt x="52" y="20"/>
                      <a:pt x="52" y="24"/>
                    </a:cubicBezTo>
                    <a:moveTo>
                      <a:pt x="46" y="24"/>
                    </a:moveTo>
                    <a:cubicBezTo>
                      <a:pt x="46" y="21"/>
                      <a:pt x="45" y="20"/>
                      <a:pt x="45" y="19"/>
                    </a:cubicBezTo>
                    <a:cubicBezTo>
                      <a:pt x="44" y="18"/>
                      <a:pt x="43" y="18"/>
                      <a:pt x="42" y="18"/>
                    </a:cubicBezTo>
                    <a:cubicBezTo>
                      <a:pt x="41" y="18"/>
                      <a:pt x="40" y="18"/>
                      <a:pt x="39" y="19"/>
                    </a:cubicBezTo>
                    <a:cubicBezTo>
                      <a:pt x="39" y="20"/>
                      <a:pt x="39" y="21"/>
                      <a:pt x="39" y="24"/>
                    </a:cubicBezTo>
                    <a:cubicBezTo>
                      <a:pt x="39" y="26"/>
                      <a:pt x="39" y="28"/>
                      <a:pt x="39" y="29"/>
                    </a:cubicBezTo>
                    <a:cubicBezTo>
                      <a:pt x="40" y="30"/>
                      <a:pt x="41" y="30"/>
                      <a:pt x="42" y="30"/>
                    </a:cubicBezTo>
                    <a:cubicBezTo>
                      <a:pt x="43" y="30"/>
                      <a:pt x="44" y="30"/>
                      <a:pt x="45" y="29"/>
                    </a:cubicBezTo>
                    <a:cubicBezTo>
                      <a:pt x="45" y="28"/>
                      <a:pt x="46" y="26"/>
                      <a:pt x="46" y="24"/>
                    </a:cubicBezTo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0" name="Freeform 37"/>
              <p:cNvSpPr>
                <a:spLocks/>
              </p:cNvSpPr>
              <p:nvPr/>
            </p:nvSpPr>
            <p:spPr bwMode="auto">
              <a:xfrm>
                <a:off x="2520" y="2279"/>
                <a:ext cx="415" cy="415"/>
              </a:xfrm>
              <a:custGeom>
                <a:avLst/>
                <a:gdLst>
                  <a:gd name="T0" fmla="*/ 88 w 176"/>
                  <a:gd name="T1" fmla="*/ 0 h 176"/>
                  <a:gd name="T2" fmla="*/ 0 w 176"/>
                  <a:gd name="T3" fmla="*/ 88 h 176"/>
                  <a:gd name="T4" fmla="*/ 88 w 176"/>
                  <a:gd name="T5" fmla="*/ 176 h 176"/>
                  <a:gd name="T6" fmla="*/ 176 w 176"/>
                  <a:gd name="T7" fmla="*/ 88 h 176"/>
                  <a:gd name="T8" fmla="*/ 176 w 176"/>
                  <a:gd name="T9" fmla="*/ 0 h 176"/>
                  <a:gd name="T10" fmla="*/ 88 w 176"/>
                  <a:gd name="T11" fmla="*/ 0 h 17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76" h="176">
                    <a:moveTo>
                      <a:pt x="88" y="0"/>
                    </a:moveTo>
                    <a:cubicBezTo>
                      <a:pt x="39" y="0"/>
                      <a:pt x="0" y="39"/>
                      <a:pt x="0" y="88"/>
                    </a:cubicBezTo>
                    <a:cubicBezTo>
                      <a:pt x="0" y="137"/>
                      <a:pt x="39" y="176"/>
                      <a:pt x="88" y="176"/>
                    </a:cubicBezTo>
                    <a:cubicBezTo>
                      <a:pt x="137" y="176"/>
                      <a:pt x="176" y="137"/>
                      <a:pt x="176" y="88"/>
                    </a:cubicBezTo>
                    <a:cubicBezTo>
                      <a:pt x="176" y="0"/>
                      <a:pt x="176" y="0"/>
                      <a:pt x="176" y="0"/>
                    </a:cubicBezTo>
                    <a:lnTo>
                      <a:pt x="88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1" name="Freeform 38"/>
              <p:cNvSpPr>
                <a:spLocks/>
              </p:cNvSpPr>
              <p:nvPr/>
            </p:nvSpPr>
            <p:spPr bwMode="auto">
              <a:xfrm>
                <a:off x="3077" y="2270"/>
                <a:ext cx="416" cy="417"/>
              </a:xfrm>
              <a:custGeom>
                <a:avLst/>
                <a:gdLst>
                  <a:gd name="T0" fmla="*/ 88 w 176"/>
                  <a:gd name="T1" fmla="*/ 0 h 177"/>
                  <a:gd name="T2" fmla="*/ 0 w 176"/>
                  <a:gd name="T3" fmla="*/ 88 h 177"/>
                  <a:gd name="T4" fmla="*/ 88 w 176"/>
                  <a:gd name="T5" fmla="*/ 177 h 177"/>
                  <a:gd name="T6" fmla="*/ 176 w 176"/>
                  <a:gd name="T7" fmla="*/ 88 h 177"/>
                  <a:gd name="T8" fmla="*/ 176 w 176"/>
                  <a:gd name="T9" fmla="*/ 0 h 177"/>
                  <a:gd name="T10" fmla="*/ 88 w 176"/>
                  <a:gd name="T11" fmla="*/ 0 h 17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76" h="177">
                    <a:moveTo>
                      <a:pt x="88" y="0"/>
                    </a:moveTo>
                    <a:cubicBezTo>
                      <a:pt x="39" y="0"/>
                      <a:pt x="0" y="40"/>
                      <a:pt x="0" y="88"/>
                    </a:cubicBezTo>
                    <a:cubicBezTo>
                      <a:pt x="0" y="137"/>
                      <a:pt x="39" y="177"/>
                      <a:pt x="88" y="177"/>
                    </a:cubicBezTo>
                    <a:cubicBezTo>
                      <a:pt x="137" y="177"/>
                      <a:pt x="176" y="137"/>
                      <a:pt x="176" y="88"/>
                    </a:cubicBezTo>
                    <a:cubicBezTo>
                      <a:pt x="176" y="0"/>
                      <a:pt x="176" y="0"/>
                      <a:pt x="176" y="0"/>
                    </a:cubicBezTo>
                    <a:lnTo>
                      <a:pt x="88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2" name="Freeform 59"/>
              <p:cNvSpPr>
                <a:spLocks noEditPoints="1"/>
              </p:cNvSpPr>
              <p:nvPr/>
            </p:nvSpPr>
            <p:spPr bwMode="auto">
              <a:xfrm>
                <a:off x="2605" y="2397"/>
                <a:ext cx="71" cy="80"/>
              </a:xfrm>
              <a:custGeom>
                <a:avLst/>
                <a:gdLst>
                  <a:gd name="T0" fmla="*/ 71 w 71"/>
                  <a:gd name="T1" fmla="*/ 62 h 80"/>
                  <a:gd name="T2" fmla="*/ 59 w 71"/>
                  <a:gd name="T3" fmla="*/ 62 h 80"/>
                  <a:gd name="T4" fmla="*/ 59 w 71"/>
                  <a:gd name="T5" fmla="*/ 80 h 80"/>
                  <a:gd name="T6" fmla="*/ 40 w 71"/>
                  <a:gd name="T7" fmla="*/ 80 h 80"/>
                  <a:gd name="T8" fmla="*/ 40 w 71"/>
                  <a:gd name="T9" fmla="*/ 62 h 80"/>
                  <a:gd name="T10" fmla="*/ 0 w 71"/>
                  <a:gd name="T11" fmla="*/ 62 h 80"/>
                  <a:gd name="T12" fmla="*/ 0 w 71"/>
                  <a:gd name="T13" fmla="*/ 47 h 80"/>
                  <a:gd name="T14" fmla="*/ 38 w 71"/>
                  <a:gd name="T15" fmla="*/ 0 h 80"/>
                  <a:gd name="T16" fmla="*/ 59 w 71"/>
                  <a:gd name="T17" fmla="*/ 0 h 80"/>
                  <a:gd name="T18" fmla="*/ 59 w 71"/>
                  <a:gd name="T19" fmla="*/ 47 h 80"/>
                  <a:gd name="T20" fmla="*/ 71 w 71"/>
                  <a:gd name="T21" fmla="*/ 47 h 80"/>
                  <a:gd name="T22" fmla="*/ 71 w 71"/>
                  <a:gd name="T23" fmla="*/ 62 h 80"/>
                  <a:gd name="T24" fmla="*/ 40 w 71"/>
                  <a:gd name="T25" fmla="*/ 47 h 80"/>
                  <a:gd name="T26" fmla="*/ 40 w 71"/>
                  <a:gd name="T27" fmla="*/ 19 h 80"/>
                  <a:gd name="T28" fmla="*/ 16 w 71"/>
                  <a:gd name="T29" fmla="*/ 47 h 80"/>
                  <a:gd name="T30" fmla="*/ 40 w 71"/>
                  <a:gd name="T31" fmla="*/ 47 h 8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</a:cxnLst>
                <a:rect l="0" t="0" r="r" b="b"/>
                <a:pathLst>
                  <a:path w="71" h="80">
                    <a:moveTo>
                      <a:pt x="71" y="62"/>
                    </a:moveTo>
                    <a:lnTo>
                      <a:pt x="59" y="62"/>
                    </a:lnTo>
                    <a:lnTo>
                      <a:pt x="59" y="80"/>
                    </a:lnTo>
                    <a:lnTo>
                      <a:pt x="40" y="80"/>
                    </a:lnTo>
                    <a:lnTo>
                      <a:pt x="40" y="62"/>
                    </a:lnTo>
                    <a:lnTo>
                      <a:pt x="0" y="62"/>
                    </a:lnTo>
                    <a:lnTo>
                      <a:pt x="0" y="47"/>
                    </a:lnTo>
                    <a:lnTo>
                      <a:pt x="38" y="0"/>
                    </a:lnTo>
                    <a:lnTo>
                      <a:pt x="59" y="0"/>
                    </a:lnTo>
                    <a:lnTo>
                      <a:pt x="59" y="47"/>
                    </a:lnTo>
                    <a:lnTo>
                      <a:pt x="71" y="47"/>
                    </a:lnTo>
                    <a:lnTo>
                      <a:pt x="71" y="62"/>
                    </a:lnTo>
                    <a:close/>
                    <a:moveTo>
                      <a:pt x="40" y="47"/>
                    </a:moveTo>
                    <a:lnTo>
                      <a:pt x="40" y="19"/>
                    </a:lnTo>
                    <a:lnTo>
                      <a:pt x="16" y="47"/>
                    </a:lnTo>
                    <a:lnTo>
                      <a:pt x="40" y="47"/>
                    </a:lnTo>
                    <a:close/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3" name="Freeform 60"/>
              <p:cNvSpPr>
                <a:spLocks noEditPoints="1"/>
              </p:cNvSpPr>
              <p:nvPr/>
            </p:nvSpPr>
            <p:spPr bwMode="auto">
              <a:xfrm>
                <a:off x="2685" y="2395"/>
                <a:ext cx="66" cy="82"/>
              </a:xfrm>
              <a:custGeom>
                <a:avLst/>
                <a:gdLst>
                  <a:gd name="T0" fmla="*/ 28 w 28"/>
                  <a:gd name="T1" fmla="*/ 18 h 35"/>
                  <a:gd name="T2" fmla="*/ 27 w 28"/>
                  <a:gd name="T3" fmla="*/ 25 h 35"/>
                  <a:gd name="T4" fmla="*/ 25 w 28"/>
                  <a:gd name="T5" fmla="*/ 31 h 35"/>
                  <a:gd name="T6" fmla="*/ 20 w 28"/>
                  <a:gd name="T7" fmla="*/ 34 h 35"/>
                  <a:gd name="T8" fmla="*/ 14 w 28"/>
                  <a:gd name="T9" fmla="*/ 35 h 35"/>
                  <a:gd name="T10" fmla="*/ 7 w 28"/>
                  <a:gd name="T11" fmla="*/ 34 h 35"/>
                  <a:gd name="T12" fmla="*/ 3 w 28"/>
                  <a:gd name="T13" fmla="*/ 31 h 35"/>
                  <a:gd name="T14" fmla="*/ 1 w 28"/>
                  <a:gd name="T15" fmla="*/ 25 h 35"/>
                  <a:gd name="T16" fmla="*/ 0 w 28"/>
                  <a:gd name="T17" fmla="*/ 18 h 35"/>
                  <a:gd name="T18" fmla="*/ 1 w 28"/>
                  <a:gd name="T19" fmla="*/ 10 h 35"/>
                  <a:gd name="T20" fmla="*/ 3 w 28"/>
                  <a:gd name="T21" fmla="*/ 5 h 35"/>
                  <a:gd name="T22" fmla="*/ 8 w 28"/>
                  <a:gd name="T23" fmla="*/ 1 h 35"/>
                  <a:gd name="T24" fmla="*/ 14 w 28"/>
                  <a:gd name="T25" fmla="*/ 0 h 35"/>
                  <a:gd name="T26" fmla="*/ 20 w 28"/>
                  <a:gd name="T27" fmla="*/ 1 h 35"/>
                  <a:gd name="T28" fmla="*/ 25 w 28"/>
                  <a:gd name="T29" fmla="*/ 5 h 35"/>
                  <a:gd name="T30" fmla="*/ 27 w 28"/>
                  <a:gd name="T31" fmla="*/ 10 h 35"/>
                  <a:gd name="T32" fmla="*/ 28 w 28"/>
                  <a:gd name="T33" fmla="*/ 18 h 35"/>
                  <a:gd name="T34" fmla="*/ 19 w 28"/>
                  <a:gd name="T35" fmla="*/ 18 h 35"/>
                  <a:gd name="T36" fmla="*/ 18 w 28"/>
                  <a:gd name="T37" fmla="*/ 9 h 35"/>
                  <a:gd name="T38" fmla="*/ 14 w 28"/>
                  <a:gd name="T39" fmla="*/ 6 h 35"/>
                  <a:gd name="T40" fmla="*/ 10 w 28"/>
                  <a:gd name="T41" fmla="*/ 9 h 35"/>
                  <a:gd name="T42" fmla="*/ 9 w 28"/>
                  <a:gd name="T43" fmla="*/ 18 h 35"/>
                  <a:gd name="T44" fmla="*/ 10 w 28"/>
                  <a:gd name="T45" fmla="*/ 27 h 35"/>
                  <a:gd name="T46" fmla="*/ 14 w 28"/>
                  <a:gd name="T47" fmla="*/ 29 h 35"/>
                  <a:gd name="T48" fmla="*/ 18 w 28"/>
                  <a:gd name="T49" fmla="*/ 27 h 35"/>
                  <a:gd name="T50" fmla="*/ 19 w 28"/>
                  <a:gd name="T51" fmla="*/ 18 h 3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</a:cxnLst>
                <a:rect l="0" t="0" r="r" b="b"/>
                <a:pathLst>
                  <a:path w="28" h="35">
                    <a:moveTo>
                      <a:pt x="28" y="18"/>
                    </a:moveTo>
                    <a:cubicBezTo>
                      <a:pt x="28" y="21"/>
                      <a:pt x="28" y="23"/>
                      <a:pt x="27" y="25"/>
                    </a:cubicBezTo>
                    <a:cubicBezTo>
                      <a:pt x="27" y="28"/>
                      <a:pt x="26" y="30"/>
                      <a:pt x="25" y="31"/>
                    </a:cubicBezTo>
                    <a:cubicBezTo>
                      <a:pt x="24" y="32"/>
                      <a:pt x="22" y="34"/>
                      <a:pt x="20" y="34"/>
                    </a:cubicBezTo>
                    <a:cubicBezTo>
                      <a:pt x="19" y="35"/>
                      <a:pt x="17" y="35"/>
                      <a:pt x="14" y="35"/>
                    </a:cubicBezTo>
                    <a:cubicBezTo>
                      <a:pt x="11" y="35"/>
                      <a:pt x="9" y="35"/>
                      <a:pt x="7" y="34"/>
                    </a:cubicBezTo>
                    <a:cubicBezTo>
                      <a:pt x="6" y="34"/>
                      <a:pt x="4" y="32"/>
                      <a:pt x="3" y="31"/>
                    </a:cubicBezTo>
                    <a:cubicBezTo>
                      <a:pt x="2" y="29"/>
                      <a:pt x="1" y="28"/>
                      <a:pt x="1" y="25"/>
                    </a:cubicBezTo>
                    <a:cubicBezTo>
                      <a:pt x="0" y="23"/>
                      <a:pt x="0" y="21"/>
                      <a:pt x="0" y="18"/>
                    </a:cubicBezTo>
                    <a:cubicBezTo>
                      <a:pt x="0" y="15"/>
                      <a:pt x="0" y="12"/>
                      <a:pt x="1" y="10"/>
                    </a:cubicBezTo>
                    <a:cubicBezTo>
                      <a:pt x="1" y="8"/>
                      <a:pt x="2" y="6"/>
                      <a:pt x="3" y="5"/>
                    </a:cubicBezTo>
                    <a:cubicBezTo>
                      <a:pt x="4" y="3"/>
                      <a:pt x="6" y="2"/>
                      <a:pt x="8" y="1"/>
                    </a:cubicBezTo>
                    <a:cubicBezTo>
                      <a:pt x="9" y="1"/>
                      <a:pt x="11" y="0"/>
                      <a:pt x="14" y="0"/>
                    </a:cubicBezTo>
                    <a:cubicBezTo>
                      <a:pt x="17" y="0"/>
                      <a:pt x="19" y="1"/>
                      <a:pt x="20" y="1"/>
                    </a:cubicBezTo>
                    <a:cubicBezTo>
                      <a:pt x="22" y="2"/>
                      <a:pt x="24" y="3"/>
                      <a:pt x="25" y="5"/>
                    </a:cubicBezTo>
                    <a:cubicBezTo>
                      <a:pt x="26" y="6"/>
                      <a:pt x="27" y="8"/>
                      <a:pt x="27" y="10"/>
                    </a:cubicBezTo>
                    <a:cubicBezTo>
                      <a:pt x="28" y="12"/>
                      <a:pt x="28" y="15"/>
                      <a:pt x="28" y="18"/>
                    </a:cubicBezTo>
                    <a:moveTo>
                      <a:pt x="19" y="18"/>
                    </a:moveTo>
                    <a:cubicBezTo>
                      <a:pt x="19" y="14"/>
                      <a:pt x="19" y="11"/>
                      <a:pt x="18" y="9"/>
                    </a:cubicBezTo>
                    <a:cubicBezTo>
                      <a:pt x="17" y="7"/>
                      <a:pt x="16" y="6"/>
                      <a:pt x="14" y="6"/>
                    </a:cubicBezTo>
                    <a:cubicBezTo>
                      <a:pt x="12" y="6"/>
                      <a:pt x="11" y="7"/>
                      <a:pt x="10" y="9"/>
                    </a:cubicBezTo>
                    <a:cubicBezTo>
                      <a:pt x="9" y="11"/>
                      <a:pt x="9" y="14"/>
                      <a:pt x="9" y="18"/>
                    </a:cubicBezTo>
                    <a:cubicBezTo>
                      <a:pt x="9" y="22"/>
                      <a:pt x="9" y="25"/>
                      <a:pt x="10" y="27"/>
                    </a:cubicBezTo>
                    <a:cubicBezTo>
                      <a:pt x="11" y="28"/>
                      <a:pt x="12" y="29"/>
                      <a:pt x="14" y="29"/>
                    </a:cubicBezTo>
                    <a:cubicBezTo>
                      <a:pt x="16" y="29"/>
                      <a:pt x="17" y="28"/>
                      <a:pt x="18" y="27"/>
                    </a:cubicBezTo>
                    <a:cubicBezTo>
                      <a:pt x="19" y="25"/>
                      <a:pt x="19" y="22"/>
                      <a:pt x="19" y="18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4" name="Freeform 61"/>
              <p:cNvSpPr>
                <a:spLocks noEditPoints="1"/>
              </p:cNvSpPr>
              <p:nvPr/>
            </p:nvSpPr>
            <p:spPr bwMode="auto">
              <a:xfrm>
                <a:off x="2765" y="2395"/>
                <a:ext cx="123" cy="82"/>
              </a:xfrm>
              <a:custGeom>
                <a:avLst/>
                <a:gdLst>
                  <a:gd name="T0" fmla="*/ 20 w 52"/>
                  <a:gd name="T1" fmla="*/ 11 h 35"/>
                  <a:gd name="T2" fmla="*/ 18 w 52"/>
                  <a:gd name="T3" fmla="*/ 20 h 35"/>
                  <a:gd name="T4" fmla="*/ 10 w 52"/>
                  <a:gd name="T5" fmla="*/ 22 h 35"/>
                  <a:gd name="T6" fmla="*/ 2 w 52"/>
                  <a:gd name="T7" fmla="*/ 20 h 35"/>
                  <a:gd name="T8" fmla="*/ 0 w 52"/>
                  <a:gd name="T9" fmla="*/ 11 h 35"/>
                  <a:gd name="T10" fmla="*/ 2 w 52"/>
                  <a:gd name="T11" fmla="*/ 3 h 35"/>
                  <a:gd name="T12" fmla="*/ 10 w 52"/>
                  <a:gd name="T13" fmla="*/ 0 h 35"/>
                  <a:gd name="T14" fmla="*/ 18 w 52"/>
                  <a:gd name="T15" fmla="*/ 3 h 35"/>
                  <a:gd name="T16" fmla="*/ 20 w 52"/>
                  <a:gd name="T17" fmla="*/ 11 h 35"/>
                  <a:gd name="T18" fmla="*/ 14 w 52"/>
                  <a:gd name="T19" fmla="*/ 11 h 35"/>
                  <a:gd name="T20" fmla="*/ 13 w 52"/>
                  <a:gd name="T21" fmla="*/ 6 h 35"/>
                  <a:gd name="T22" fmla="*/ 10 w 52"/>
                  <a:gd name="T23" fmla="*/ 5 h 35"/>
                  <a:gd name="T24" fmla="*/ 7 w 52"/>
                  <a:gd name="T25" fmla="*/ 6 h 35"/>
                  <a:gd name="T26" fmla="*/ 6 w 52"/>
                  <a:gd name="T27" fmla="*/ 11 h 35"/>
                  <a:gd name="T28" fmla="*/ 7 w 52"/>
                  <a:gd name="T29" fmla="*/ 16 h 35"/>
                  <a:gd name="T30" fmla="*/ 10 w 52"/>
                  <a:gd name="T31" fmla="*/ 17 h 35"/>
                  <a:gd name="T32" fmla="*/ 13 w 52"/>
                  <a:gd name="T33" fmla="*/ 16 h 35"/>
                  <a:gd name="T34" fmla="*/ 14 w 52"/>
                  <a:gd name="T35" fmla="*/ 11 h 35"/>
                  <a:gd name="T36" fmla="*/ 38 w 52"/>
                  <a:gd name="T37" fmla="*/ 1 h 35"/>
                  <a:gd name="T38" fmla="*/ 20 w 52"/>
                  <a:gd name="T39" fmla="*/ 35 h 35"/>
                  <a:gd name="T40" fmla="*/ 14 w 52"/>
                  <a:gd name="T41" fmla="*/ 35 h 35"/>
                  <a:gd name="T42" fmla="*/ 32 w 52"/>
                  <a:gd name="T43" fmla="*/ 1 h 35"/>
                  <a:gd name="T44" fmla="*/ 38 w 52"/>
                  <a:gd name="T45" fmla="*/ 1 h 35"/>
                  <a:gd name="T46" fmla="*/ 52 w 52"/>
                  <a:gd name="T47" fmla="*/ 24 h 35"/>
                  <a:gd name="T48" fmla="*/ 50 w 52"/>
                  <a:gd name="T49" fmla="*/ 33 h 35"/>
                  <a:gd name="T50" fmla="*/ 42 w 52"/>
                  <a:gd name="T51" fmla="*/ 35 h 35"/>
                  <a:gd name="T52" fmla="*/ 34 w 52"/>
                  <a:gd name="T53" fmla="*/ 33 h 35"/>
                  <a:gd name="T54" fmla="*/ 32 w 52"/>
                  <a:gd name="T55" fmla="*/ 24 h 35"/>
                  <a:gd name="T56" fmla="*/ 35 w 52"/>
                  <a:gd name="T57" fmla="*/ 16 h 35"/>
                  <a:gd name="T58" fmla="*/ 42 w 52"/>
                  <a:gd name="T59" fmla="*/ 13 h 35"/>
                  <a:gd name="T60" fmla="*/ 50 w 52"/>
                  <a:gd name="T61" fmla="*/ 16 h 35"/>
                  <a:gd name="T62" fmla="*/ 52 w 52"/>
                  <a:gd name="T63" fmla="*/ 24 h 35"/>
                  <a:gd name="T64" fmla="*/ 46 w 52"/>
                  <a:gd name="T65" fmla="*/ 24 h 35"/>
                  <a:gd name="T66" fmla="*/ 45 w 52"/>
                  <a:gd name="T67" fmla="*/ 19 h 35"/>
                  <a:gd name="T68" fmla="*/ 42 w 52"/>
                  <a:gd name="T69" fmla="*/ 18 h 35"/>
                  <a:gd name="T70" fmla="*/ 39 w 52"/>
                  <a:gd name="T71" fmla="*/ 19 h 35"/>
                  <a:gd name="T72" fmla="*/ 39 w 52"/>
                  <a:gd name="T73" fmla="*/ 24 h 35"/>
                  <a:gd name="T74" fmla="*/ 39 w 52"/>
                  <a:gd name="T75" fmla="*/ 29 h 35"/>
                  <a:gd name="T76" fmla="*/ 42 w 52"/>
                  <a:gd name="T77" fmla="*/ 31 h 35"/>
                  <a:gd name="T78" fmla="*/ 45 w 52"/>
                  <a:gd name="T79" fmla="*/ 29 h 35"/>
                  <a:gd name="T80" fmla="*/ 46 w 52"/>
                  <a:gd name="T81" fmla="*/ 24 h 3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</a:cxnLst>
                <a:rect l="0" t="0" r="r" b="b"/>
                <a:pathLst>
                  <a:path w="52" h="35">
                    <a:moveTo>
                      <a:pt x="20" y="11"/>
                    </a:moveTo>
                    <a:cubicBezTo>
                      <a:pt x="20" y="15"/>
                      <a:pt x="19" y="18"/>
                      <a:pt x="18" y="20"/>
                    </a:cubicBezTo>
                    <a:cubicBezTo>
                      <a:pt x="16" y="21"/>
                      <a:pt x="13" y="22"/>
                      <a:pt x="10" y="22"/>
                    </a:cubicBezTo>
                    <a:cubicBezTo>
                      <a:pt x="7" y="22"/>
                      <a:pt x="4" y="21"/>
                      <a:pt x="2" y="20"/>
                    </a:cubicBezTo>
                    <a:cubicBezTo>
                      <a:pt x="1" y="18"/>
                      <a:pt x="0" y="15"/>
                      <a:pt x="0" y="11"/>
                    </a:cubicBezTo>
                    <a:cubicBezTo>
                      <a:pt x="0" y="8"/>
                      <a:pt x="1" y="5"/>
                      <a:pt x="2" y="3"/>
                    </a:cubicBezTo>
                    <a:cubicBezTo>
                      <a:pt x="4" y="1"/>
                      <a:pt x="7" y="0"/>
                      <a:pt x="10" y="0"/>
                    </a:cubicBezTo>
                    <a:cubicBezTo>
                      <a:pt x="13" y="0"/>
                      <a:pt x="16" y="1"/>
                      <a:pt x="18" y="3"/>
                    </a:cubicBezTo>
                    <a:cubicBezTo>
                      <a:pt x="19" y="5"/>
                      <a:pt x="20" y="8"/>
                      <a:pt x="20" y="11"/>
                    </a:cubicBezTo>
                    <a:moveTo>
                      <a:pt x="14" y="11"/>
                    </a:moveTo>
                    <a:cubicBezTo>
                      <a:pt x="14" y="9"/>
                      <a:pt x="13" y="7"/>
                      <a:pt x="13" y="6"/>
                    </a:cubicBezTo>
                    <a:cubicBezTo>
                      <a:pt x="12" y="5"/>
                      <a:pt x="11" y="5"/>
                      <a:pt x="10" y="5"/>
                    </a:cubicBezTo>
                    <a:cubicBezTo>
                      <a:pt x="9" y="5"/>
                      <a:pt x="8" y="5"/>
                      <a:pt x="7" y="6"/>
                    </a:cubicBezTo>
                    <a:cubicBezTo>
                      <a:pt x="7" y="7"/>
                      <a:pt x="6" y="9"/>
                      <a:pt x="6" y="11"/>
                    </a:cubicBezTo>
                    <a:cubicBezTo>
                      <a:pt x="6" y="14"/>
                      <a:pt x="7" y="15"/>
                      <a:pt x="7" y="16"/>
                    </a:cubicBezTo>
                    <a:cubicBezTo>
                      <a:pt x="8" y="17"/>
                      <a:pt x="9" y="17"/>
                      <a:pt x="10" y="17"/>
                    </a:cubicBezTo>
                    <a:cubicBezTo>
                      <a:pt x="11" y="17"/>
                      <a:pt x="12" y="17"/>
                      <a:pt x="13" y="16"/>
                    </a:cubicBezTo>
                    <a:cubicBezTo>
                      <a:pt x="13" y="15"/>
                      <a:pt x="14" y="14"/>
                      <a:pt x="14" y="11"/>
                    </a:cubicBezTo>
                    <a:moveTo>
                      <a:pt x="38" y="1"/>
                    </a:moveTo>
                    <a:cubicBezTo>
                      <a:pt x="20" y="35"/>
                      <a:pt x="20" y="35"/>
                      <a:pt x="20" y="35"/>
                    </a:cubicBezTo>
                    <a:cubicBezTo>
                      <a:pt x="14" y="35"/>
                      <a:pt x="14" y="35"/>
                      <a:pt x="14" y="35"/>
                    </a:cubicBezTo>
                    <a:cubicBezTo>
                      <a:pt x="32" y="1"/>
                      <a:pt x="32" y="1"/>
                      <a:pt x="32" y="1"/>
                    </a:cubicBezTo>
                    <a:lnTo>
                      <a:pt x="38" y="1"/>
                    </a:lnTo>
                    <a:close/>
                    <a:moveTo>
                      <a:pt x="52" y="24"/>
                    </a:moveTo>
                    <a:cubicBezTo>
                      <a:pt x="52" y="28"/>
                      <a:pt x="52" y="31"/>
                      <a:pt x="50" y="33"/>
                    </a:cubicBezTo>
                    <a:cubicBezTo>
                      <a:pt x="48" y="35"/>
                      <a:pt x="46" y="35"/>
                      <a:pt x="42" y="35"/>
                    </a:cubicBezTo>
                    <a:cubicBezTo>
                      <a:pt x="39" y="35"/>
                      <a:pt x="36" y="35"/>
                      <a:pt x="34" y="33"/>
                    </a:cubicBezTo>
                    <a:cubicBezTo>
                      <a:pt x="33" y="31"/>
                      <a:pt x="32" y="28"/>
                      <a:pt x="32" y="24"/>
                    </a:cubicBezTo>
                    <a:cubicBezTo>
                      <a:pt x="32" y="21"/>
                      <a:pt x="33" y="18"/>
                      <a:pt x="35" y="16"/>
                    </a:cubicBezTo>
                    <a:cubicBezTo>
                      <a:pt x="36" y="14"/>
                      <a:pt x="39" y="13"/>
                      <a:pt x="42" y="13"/>
                    </a:cubicBezTo>
                    <a:cubicBezTo>
                      <a:pt x="46" y="13"/>
                      <a:pt x="48" y="14"/>
                      <a:pt x="50" y="16"/>
                    </a:cubicBezTo>
                    <a:cubicBezTo>
                      <a:pt x="52" y="18"/>
                      <a:pt x="52" y="21"/>
                      <a:pt x="52" y="24"/>
                    </a:cubicBezTo>
                    <a:moveTo>
                      <a:pt x="46" y="24"/>
                    </a:moveTo>
                    <a:cubicBezTo>
                      <a:pt x="46" y="22"/>
                      <a:pt x="45" y="20"/>
                      <a:pt x="45" y="19"/>
                    </a:cubicBezTo>
                    <a:cubicBezTo>
                      <a:pt x="44" y="19"/>
                      <a:pt x="43" y="18"/>
                      <a:pt x="42" y="18"/>
                    </a:cubicBezTo>
                    <a:cubicBezTo>
                      <a:pt x="41" y="18"/>
                      <a:pt x="40" y="19"/>
                      <a:pt x="39" y="19"/>
                    </a:cubicBezTo>
                    <a:cubicBezTo>
                      <a:pt x="39" y="20"/>
                      <a:pt x="39" y="22"/>
                      <a:pt x="39" y="24"/>
                    </a:cubicBezTo>
                    <a:cubicBezTo>
                      <a:pt x="39" y="27"/>
                      <a:pt x="39" y="28"/>
                      <a:pt x="39" y="29"/>
                    </a:cubicBezTo>
                    <a:cubicBezTo>
                      <a:pt x="40" y="30"/>
                      <a:pt x="41" y="31"/>
                      <a:pt x="42" y="31"/>
                    </a:cubicBezTo>
                    <a:cubicBezTo>
                      <a:pt x="43" y="31"/>
                      <a:pt x="44" y="30"/>
                      <a:pt x="45" y="29"/>
                    </a:cubicBezTo>
                    <a:cubicBezTo>
                      <a:pt x="45" y="28"/>
                      <a:pt x="46" y="27"/>
                      <a:pt x="46" y="24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5" name="Freeform 62"/>
              <p:cNvSpPr>
                <a:spLocks/>
              </p:cNvSpPr>
              <p:nvPr/>
            </p:nvSpPr>
            <p:spPr bwMode="auto">
              <a:xfrm>
                <a:off x="3167" y="2381"/>
                <a:ext cx="61" cy="82"/>
              </a:xfrm>
              <a:custGeom>
                <a:avLst/>
                <a:gdLst>
                  <a:gd name="T0" fmla="*/ 26 w 26"/>
                  <a:gd name="T1" fmla="*/ 23 h 35"/>
                  <a:gd name="T2" fmla="*/ 25 w 26"/>
                  <a:gd name="T3" fmla="*/ 27 h 35"/>
                  <a:gd name="T4" fmla="*/ 23 w 26"/>
                  <a:gd name="T5" fmla="*/ 31 h 35"/>
                  <a:gd name="T6" fmla="*/ 18 w 26"/>
                  <a:gd name="T7" fmla="*/ 34 h 35"/>
                  <a:gd name="T8" fmla="*/ 12 w 26"/>
                  <a:gd name="T9" fmla="*/ 35 h 35"/>
                  <a:gd name="T10" fmla="*/ 5 w 26"/>
                  <a:gd name="T11" fmla="*/ 34 h 35"/>
                  <a:gd name="T12" fmla="*/ 0 w 26"/>
                  <a:gd name="T13" fmla="*/ 33 h 35"/>
                  <a:gd name="T14" fmla="*/ 0 w 26"/>
                  <a:gd name="T15" fmla="*/ 25 h 35"/>
                  <a:gd name="T16" fmla="*/ 1 w 26"/>
                  <a:gd name="T17" fmla="*/ 25 h 35"/>
                  <a:gd name="T18" fmla="*/ 5 w 26"/>
                  <a:gd name="T19" fmla="*/ 27 h 35"/>
                  <a:gd name="T20" fmla="*/ 10 w 26"/>
                  <a:gd name="T21" fmla="*/ 28 h 35"/>
                  <a:gd name="T22" fmla="*/ 13 w 26"/>
                  <a:gd name="T23" fmla="*/ 28 h 35"/>
                  <a:gd name="T24" fmla="*/ 16 w 26"/>
                  <a:gd name="T25" fmla="*/ 27 h 35"/>
                  <a:gd name="T26" fmla="*/ 17 w 26"/>
                  <a:gd name="T27" fmla="*/ 25 h 35"/>
                  <a:gd name="T28" fmla="*/ 18 w 26"/>
                  <a:gd name="T29" fmla="*/ 23 h 35"/>
                  <a:gd name="T30" fmla="*/ 17 w 26"/>
                  <a:gd name="T31" fmla="*/ 21 h 35"/>
                  <a:gd name="T32" fmla="*/ 16 w 26"/>
                  <a:gd name="T33" fmla="*/ 19 h 35"/>
                  <a:gd name="T34" fmla="*/ 13 w 26"/>
                  <a:gd name="T35" fmla="*/ 18 h 35"/>
                  <a:gd name="T36" fmla="*/ 10 w 26"/>
                  <a:gd name="T37" fmla="*/ 18 h 35"/>
                  <a:gd name="T38" fmla="*/ 6 w 26"/>
                  <a:gd name="T39" fmla="*/ 19 h 35"/>
                  <a:gd name="T40" fmla="*/ 2 w 26"/>
                  <a:gd name="T41" fmla="*/ 19 h 35"/>
                  <a:gd name="T42" fmla="*/ 1 w 26"/>
                  <a:gd name="T43" fmla="*/ 19 h 35"/>
                  <a:gd name="T44" fmla="*/ 1 w 26"/>
                  <a:gd name="T45" fmla="*/ 0 h 35"/>
                  <a:gd name="T46" fmla="*/ 25 w 26"/>
                  <a:gd name="T47" fmla="*/ 0 h 35"/>
                  <a:gd name="T48" fmla="*/ 25 w 26"/>
                  <a:gd name="T49" fmla="*/ 7 h 35"/>
                  <a:gd name="T50" fmla="*/ 10 w 26"/>
                  <a:gd name="T51" fmla="*/ 7 h 35"/>
                  <a:gd name="T52" fmla="*/ 10 w 26"/>
                  <a:gd name="T53" fmla="*/ 12 h 35"/>
                  <a:gd name="T54" fmla="*/ 11 w 26"/>
                  <a:gd name="T55" fmla="*/ 12 h 35"/>
                  <a:gd name="T56" fmla="*/ 13 w 26"/>
                  <a:gd name="T57" fmla="*/ 12 h 35"/>
                  <a:gd name="T58" fmla="*/ 18 w 26"/>
                  <a:gd name="T59" fmla="*/ 13 h 35"/>
                  <a:gd name="T60" fmla="*/ 22 w 26"/>
                  <a:gd name="T61" fmla="*/ 14 h 35"/>
                  <a:gd name="T62" fmla="*/ 25 w 26"/>
                  <a:gd name="T63" fmla="*/ 17 h 35"/>
                  <a:gd name="T64" fmla="*/ 26 w 26"/>
                  <a:gd name="T65" fmla="*/ 23 h 3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6" h="35">
                    <a:moveTo>
                      <a:pt x="26" y="23"/>
                    </a:moveTo>
                    <a:cubicBezTo>
                      <a:pt x="26" y="24"/>
                      <a:pt x="26" y="26"/>
                      <a:pt x="25" y="27"/>
                    </a:cubicBezTo>
                    <a:cubicBezTo>
                      <a:pt x="25" y="29"/>
                      <a:pt x="24" y="30"/>
                      <a:pt x="23" y="31"/>
                    </a:cubicBezTo>
                    <a:cubicBezTo>
                      <a:pt x="21" y="32"/>
                      <a:pt x="20" y="33"/>
                      <a:pt x="18" y="34"/>
                    </a:cubicBezTo>
                    <a:cubicBezTo>
                      <a:pt x="16" y="34"/>
                      <a:pt x="14" y="35"/>
                      <a:pt x="12" y="35"/>
                    </a:cubicBezTo>
                    <a:cubicBezTo>
                      <a:pt x="9" y="35"/>
                      <a:pt x="7" y="34"/>
                      <a:pt x="5" y="34"/>
                    </a:cubicBezTo>
                    <a:cubicBezTo>
                      <a:pt x="3" y="34"/>
                      <a:pt x="1" y="33"/>
                      <a:pt x="0" y="33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1" y="25"/>
                      <a:pt x="1" y="25"/>
                      <a:pt x="1" y="25"/>
                    </a:cubicBezTo>
                    <a:cubicBezTo>
                      <a:pt x="2" y="26"/>
                      <a:pt x="4" y="27"/>
                      <a:pt x="5" y="27"/>
                    </a:cubicBezTo>
                    <a:cubicBezTo>
                      <a:pt x="7" y="28"/>
                      <a:pt x="9" y="28"/>
                      <a:pt x="10" y="28"/>
                    </a:cubicBezTo>
                    <a:cubicBezTo>
                      <a:pt x="11" y="28"/>
                      <a:pt x="12" y="28"/>
                      <a:pt x="13" y="28"/>
                    </a:cubicBezTo>
                    <a:cubicBezTo>
                      <a:pt x="14" y="27"/>
                      <a:pt x="15" y="27"/>
                      <a:pt x="16" y="27"/>
                    </a:cubicBezTo>
                    <a:cubicBezTo>
                      <a:pt x="17" y="26"/>
                      <a:pt x="17" y="26"/>
                      <a:pt x="17" y="25"/>
                    </a:cubicBezTo>
                    <a:cubicBezTo>
                      <a:pt x="17" y="25"/>
                      <a:pt x="18" y="24"/>
                      <a:pt x="18" y="23"/>
                    </a:cubicBezTo>
                    <a:cubicBezTo>
                      <a:pt x="18" y="22"/>
                      <a:pt x="17" y="21"/>
                      <a:pt x="17" y="21"/>
                    </a:cubicBezTo>
                    <a:cubicBezTo>
                      <a:pt x="17" y="20"/>
                      <a:pt x="16" y="20"/>
                      <a:pt x="16" y="19"/>
                    </a:cubicBezTo>
                    <a:cubicBezTo>
                      <a:pt x="15" y="19"/>
                      <a:pt x="14" y="19"/>
                      <a:pt x="13" y="18"/>
                    </a:cubicBezTo>
                    <a:cubicBezTo>
                      <a:pt x="12" y="18"/>
                      <a:pt x="11" y="18"/>
                      <a:pt x="10" y="18"/>
                    </a:cubicBezTo>
                    <a:cubicBezTo>
                      <a:pt x="8" y="18"/>
                      <a:pt x="7" y="18"/>
                      <a:pt x="6" y="19"/>
                    </a:cubicBezTo>
                    <a:cubicBezTo>
                      <a:pt x="4" y="19"/>
                      <a:pt x="3" y="19"/>
                      <a:pt x="2" y="19"/>
                    </a:cubicBezTo>
                    <a:cubicBezTo>
                      <a:pt x="1" y="19"/>
                      <a:pt x="1" y="19"/>
                      <a:pt x="1" y="19"/>
                    </a:cubicBezTo>
                    <a:cubicBezTo>
                      <a:pt x="1" y="0"/>
                      <a:pt x="1" y="0"/>
                      <a:pt x="1" y="0"/>
                    </a:cubicBezTo>
                    <a:cubicBezTo>
                      <a:pt x="25" y="0"/>
                      <a:pt x="25" y="0"/>
                      <a:pt x="25" y="0"/>
                    </a:cubicBezTo>
                    <a:cubicBezTo>
                      <a:pt x="25" y="7"/>
                      <a:pt x="25" y="7"/>
                      <a:pt x="25" y="7"/>
                    </a:cubicBezTo>
                    <a:cubicBezTo>
                      <a:pt x="10" y="7"/>
                      <a:pt x="10" y="7"/>
                      <a:pt x="10" y="7"/>
                    </a:cubicBezTo>
                    <a:cubicBezTo>
                      <a:pt x="10" y="12"/>
                      <a:pt x="10" y="12"/>
                      <a:pt x="10" y="12"/>
                    </a:cubicBezTo>
                    <a:cubicBezTo>
                      <a:pt x="10" y="12"/>
                      <a:pt x="11" y="12"/>
                      <a:pt x="11" y="12"/>
                    </a:cubicBezTo>
                    <a:cubicBezTo>
                      <a:pt x="12" y="12"/>
                      <a:pt x="13" y="12"/>
                      <a:pt x="13" y="12"/>
                    </a:cubicBezTo>
                    <a:cubicBezTo>
                      <a:pt x="15" y="12"/>
                      <a:pt x="17" y="12"/>
                      <a:pt x="18" y="13"/>
                    </a:cubicBezTo>
                    <a:cubicBezTo>
                      <a:pt x="20" y="13"/>
                      <a:pt x="21" y="13"/>
                      <a:pt x="22" y="14"/>
                    </a:cubicBezTo>
                    <a:cubicBezTo>
                      <a:pt x="23" y="15"/>
                      <a:pt x="24" y="16"/>
                      <a:pt x="25" y="17"/>
                    </a:cubicBezTo>
                    <a:cubicBezTo>
                      <a:pt x="26" y="19"/>
                      <a:pt x="26" y="20"/>
                      <a:pt x="26" y="23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6" name="Freeform 63"/>
              <p:cNvSpPr>
                <a:spLocks noEditPoints="1"/>
              </p:cNvSpPr>
              <p:nvPr/>
            </p:nvSpPr>
            <p:spPr bwMode="auto">
              <a:xfrm>
                <a:off x="3243" y="2378"/>
                <a:ext cx="66" cy="85"/>
              </a:xfrm>
              <a:custGeom>
                <a:avLst/>
                <a:gdLst>
                  <a:gd name="T0" fmla="*/ 28 w 28"/>
                  <a:gd name="T1" fmla="*/ 18 h 36"/>
                  <a:gd name="T2" fmla="*/ 27 w 28"/>
                  <a:gd name="T3" fmla="*/ 26 h 36"/>
                  <a:gd name="T4" fmla="*/ 25 w 28"/>
                  <a:gd name="T5" fmla="*/ 31 h 36"/>
                  <a:gd name="T6" fmla="*/ 21 w 28"/>
                  <a:gd name="T7" fmla="*/ 35 h 36"/>
                  <a:gd name="T8" fmla="*/ 14 w 28"/>
                  <a:gd name="T9" fmla="*/ 36 h 36"/>
                  <a:gd name="T10" fmla="*/ 8 w 28"/>
                  <a:gd name="T11" fmla="*/ 35 h 36"/>
                  <a:gd name="T12" fmla="*/ 3 w 28"/>
                  <a:gd name="T13" fmla="*/ 31 h 36"/>
                  <a:gd name="T14" fmla="*/ 1 w 28"/>
                  <a:gd name="T15" fmla="*/ 26 h 36"/>
                  <a:gd name="T16" fmla="*/ 0 w 28"/>
                  <a:gd name="T17" fmla="*/ 18 h 36"/>
                  <a:gd name="T18" fmla="*/ 1 w 28"/>
                  <a:gd name="T19" fmla="*/ 10 h 36"/>
                  <a:gd name="T20" fmla="*/ 3 w 28"/>
                  <a:gd name="T21" fmla="*/ 5 h 36"/>
                  <a:gd name="T22" fmla="*/ 8 w 28"/>
                  <a:gd name="T23" fmla="*/ 2 h 36"/>
                  <a:gd name="T24" fmla="*/ 14 w 28"/>
                  <a:gd name="T25" fmla="*/ 0 h 36"/>
                  <a:gd name="T26" fmla="*/ 21 w 28"/>
                  <a:gd name="T27" fmla="*/ 2 h 36"/>
                  <a:gd name="T28" fmla="*/ 25 w 28"/>
                  <a:gd name="T29" fmla="*/ 5 h 36"/>
                  <a:gd name="T30" fmla="*/ 27 w 28"/>
                  <a:gd name="T31" fmla="*/ 11 h 36"/>
                  <a:gd name="T32" fmla="*/ 28 w 28"/>
                  <a:gd name="T33" fmla="*/ 18 h 36"/>
                  <a:gd name="T34" fmla="*/ 19 w 28"/>
                  <a:gd name="T35" fmla="*/ 18 h 36"/>
                  <a:gd name="T36" fmla="*/ 18 w 28"/>
                  <a:gd name="T37" fmla="*/ 9 h 36"/>
                  <a:gd name="T38" fmla="*/ 14 w 28"/>
                  <a:gd name="T39" fmla="*/ 7 h 36"/>
                  <a:gd name="T40" fmla="*/ 10 w 28"/>
                  <a:gd name="T41" fmla="*/ 9 h 36"/>
                  <a:gd name="T42" fmla="*/ 9 w 28"/>
                  <a:gd name="T43" fmla="*/ 18 h 36"/>
                  <a:gd name="T44" fmla="*/ 10 w 28"/>
                  <a:gd name="T45" fmla="*/ 27 h 36"/>
                  <a:gd name="T46" fmla="*/ 14 w 28"/>
                  <a:gd name="T47" fmla="*/ 29 h 36"/>
                  <a:gd name="T48" fmla="*/ 18 w 28"/>
                  <a:gd name="T49" fmla="*/ 27 h 36"/>
                  <a:gd name="T50" fmla="*/ 19 w 28"/>
                  <a:gd name="T51" fmla="*/ 18 h 3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</a:cxnLst>
                <a:rect l="0" t="0" r="r" b="b"/>
                <a:pathLst>
                  <a:path w="28" h="36">
                    <a:moveTo>
                      <a:pt x="28" y="18"/>
                    </a:moveTo>
                    <a:cubicBezTo>
                      <a:pt x="28" y="21"/>
                      <a:pt x="28" y="23"/>
                      <a:pt x="27" y="26"/>
                    </a:cubicBezTo>
                    <a:cubicBezTo>
                      <a:pt x="27" y="28"/>
                      <a:pt x="26" y="30"/>
                      <a:pt x="25" y="31"/>
                    </a:cubicBezTo>
                    <a:cubicBezTo>
                      <a:pt x="24" y="33"/>
                      <a:pt x="22" y="34"/>
                      <a:pt x="21" y="35"/>
                    </a:cubicBezTo>
                    <a:cubicBezTo>
                      <a:pt x="19" y="35"/>
                      <a:pt x="17" y="36"/>
                      <a:pt x="14" y="36"/>
                    </a:cubicBezTo>
                    <a:cubicBezTo>
                      <a:pt x="11" y="36"/>
                      <a:pt x="9" y="35"/>
                      <a:pt x="8" y="35"/>
                    </a:cubicBezTo>
                    <a:cubicBezTo>
                      <a:pt x="6" y="34"/>
                      <a:pt x="4" y="33"/>
                      <a:pt x="3" y="31"/>
                    </a:cubicBezTo>
                    <a:cubicBezTo>
                      <a:pt x="2" y="30"/>
                      <a:pt x="1" y="28"/>
                      <a:pt x="1" y="26"/>
                    </a:cubicBezTo>
                    <a:cubicBezTo>
                      <a:pt x="0" y="23"/>
                      <a:pt x="0" y="21"/>
                      <a:pt x="0" y="18"/>
                    </a:cubicBezTo>
                    <a:cubicBezTo>
                      <a:pt x="0" y="15"/>
                      <a:pt x="0" y="13"/>
                      <a:pt x="1" y="10"/>
                    </a:cubicBezTo>
                    <a:cubicBezTo>
                      <a:pt x="1" y="8"/>
                      <a:pt x="2" y="6"/>
                      <a:pt x="3" y="5"/>
                    </a:cubicBezTo>
                    <a:cubicBezTo>
                      <a:pt x="4" y="3"/>
                      <a:pt x="6" y="2"/>
                      <a:pt x="8" y="2"/>
                    </a:cubicBezTo>
                    <a:cubicBezTo>
                      <a:pt x="9" y="1"/>
                      <a:pt x="12" y="0"/>
                      <a:pt x="14" y="0"/>
                    </a:cubicBezTo>
                    <a:cubicBezTo>
                      <a:pt x="17" y="0"/>
                      <a:pt x="19" y="1"/>
                      <a:pt x="21" y="2"/>
                    </a:cubicBezTo>
                    <a:cubicBezTo>
                      <a:pt x="22" y="2"/>
                      <a:pt x="24" y="3"/>
                      <a:pt x="25" y="5"/>
                    </a:cubicBezTo>
                    <a:cubicBezTo>
                      <a:pt x="26" y="6"/>
                      <a:pt x="27" y="8"/>
                      <a:pt x="27" y="11"/>
                    </a:cubicBezTo>
                    <a:cubicBezTo>
                      <a:pt x="28" y="13"/>
                      <a:pt x="28" y="15"/>
                      <a:pt x="28" y="18"/>
                    </a:cubicBezTo>
                    <a:moveTo>
                      <a:pt x="19" y="18"/>
                    </a:moveTo>
                    <a:cubicBezTo>
                      <a:pt x="19" y="14"/>
                      <a:pt x="19" y="11"/>
                      <a:pt x="18" y="9"/>
                    </a:cubicBezTo>
                    <a:cubicBezTo>
                      <a:pt x="17" y="8"/>
                      <a:pt x="16" y="7"/>
                      <a:pt x="14" y="7"/>
                    </a:cubicBezTo>
                    <a:cubicBezTo>
                      <a:pt x="12" y="7"/>
                      <a:pt x="11" y="8"/>
                      <a:pt x="10" y="9"/>
                    </a:cubicBezTo>
                    <a:cubicBezTo>
                      <a:pt x="9" y="11"/>
                      <a:pt x="9" y="14"/>
                      <a:pt x="9" y="18"/>
                    </a:cubicBezTo>
                    <a:cubicBezTo>
                      <a:pt x="9" y="22"/>
                      <a:pt x="9" y="25"/>
                      <a:pt x="10" y="27"/>
                    </a:cubicBezTo>
                    <a:cubicBezTo>
                      <a:pt x="11" y="29"/>
                      <a:pt x="12" y="29"/>
                      <a:pt x="14" y="29"/>
                    </a:cubicBezTo>
                    <a:cubicBezTo>
                      <a:pt x="16" y="29"/>
                      <a:pt x="17" y="29"/>
                      <a:pt x="18" y="27"/>
                    </a:cubicBezTo>
                    <a:cubicBezTo>
                      <a:pt x="19" y="25"/>
                      <a:pt x="19" y="22"/>
                      <a:pt x="19" y="18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7" name="Freeform 64"/>
              <p:cNvSpPr>
                <a:spLocks noEditPoints="1"/>
              </p:cNvSpPr>
              <p:nvPr/>
            </p:nvSpPr>
            <p:spPr bwMode="auto">
              <a:xfrm>
                <a:off x="3323" y="2378"/>
                <a:ext cx="125" cy="85"/>
              </a:xfrm>
              <a:custGeom>
                <a:avLst/>
                <a:gdLst>
                  <a:gd name="T0" fmla="*/ 20 w 53"/>
                  <a:gd name="T1" fmla="*/ 11 h 36"/>
                  <a:gd name="T2" fmla="*/ 18 w 53"/>
                  <a:gd name="T3" fmla="*/ 20 h 36"/>
                  <a:gd name="T4" fmla="*/ 10 w 53"/>
                  <a:gd name="T5" fmla="*/ 23 h 36"/>
                  <a:gd name="T6" fmla="*/ 2 w 53"/>
                  <a:gd name="T7" fmla="*/ 20 h 36"/>
                  <a:gd name="T8" fmla="*/ 0 w 53"/>
                  <a:gd name="T9" fmla="*/ 12 h 36"/>
                  <a:gd name="T10" fmla="*/ 2 w 53"/>
                  <a:gd name="T11" fmla="*/ 3 h 36"/>
                  <a:gd name="T12" fmla="*/ 10 w 53"/>
                  <a:gd name="T13" fmla="*/ 0 h 36"/>
                  <a:gd name="T14" fmla="*/ 18 w 53"/>
                  <a:gd name="T15" fmla="*/ 3 h 36"/>
                  <a:gd name="T16" fmla="*/ 20 w 53"/>
                  <a:gd name="T17" fmla="*/ 11 h 36"/>
                  <a:gd name="T18" fmla="*/ 14 w 53"/>
                  <a:gd name="T19" fmla="*/ 12 h 36"/>
                  <a:gd name="T20" fmla="*/ 13 w 53"/>
                  <a:gd name="T21" fmla="*/ 7 h 36"/>
                  <a:gd name="T22" fmla="*/ 10 w 53"/>
                  <a:gd name="T23" fmla="*/ 5 h 36"/>
                  <a:gd name="T24" fmla="*/ 7 w 53"/>
                  <a:gd name="T25" fmla="*/ 7 h 36"/>
                  <a:gd name="T26" fmla="*/ 7 w 53"/>
                  <a:gd name="T27" fmla="*/ 12 h 36"/>
                  <a:gd name="T28" fmla="*/ 7 w 53"/>
                  <a:gd name="T29" fmla="*/ 16 h 36"/>
                  <a:gd name="T30" fmla="*/ 10 w 53"/>
                  <a:gd name="T31" fmla="*/ 18 h 36"/>
                  <a:gd name="T32" fmla="*/ 13 w 53"/>
                  <a:gd name="T33" fmla="*/ 16 h 36"/>
                  <a:gd name="T34" fmla="*/ 14 w 53"/>
                  <a:gd name="T35" fmla="*/ 12 h 36"/>
                  <a:gd name="T36" fmla="*/ 38 w 53"/>
                  <a:gd name="T37" fmla="*/ 1 h 36"/>
                  <a:gd name="T38" fmla="*/ 20 w 53"/>
                  <a:gd name="T39" fmla="*/ 35 h 36"/>
                  <a:gd name="T40" fmla="*/ 14 w 53"/>
                  <a:gd name="T41" fmla="*/ 35 h 36"/>
                  <a:gd name="T42" fmla="*/ 32 w 53"/>
                  <a:gd name="T43" fmla="*/ 1 h 36"/>
                  <a:gd name="T44" fmla="*/ 38 w 53"/>
                  <a:gd name="T45" fmla="*/ 1 h 36"/>
                  <a:gd name="T46" fmla="*/ 53 w 53"/>
                  <a:gd name="T47" fmla="*/ 25 h 36"/>
                  <a:gd name="T48" fmla="*/ 50 w 53"/>
                  <a:gd name="T49" fmla="*/ 33 h 36"/>
                  <a:gd name="T50" fmla="*/ 42 w 53"/>
                  <a:gd name="T51" fmla="*/ 36 h 36"/>
                  <a:gd name="T52" fmla="*/ 35 w 53"/>
                  <a:gd name="T53" fmla="*/ 33 h 36"/>
                  <a:gd name="T54" fmla="*/ 32 w 53"/>
                  <a:gd name="T55" fmla="*/ 25 h 36"/>
                  <a:gd name="T56" fmla="*/ 35 w 53"/>
                  <a:gd name="T57" fmla="*/ 16 h 36"/>
                  <a:gd name="T58" fmla="*/ 42 w 53"/>
                  <a:gd name="T59" fmla="*/ 14 h 36"/>
                  <a:gd name="T60" fmla="*/ 50 w 53"/>
                  <a:gd name="T61" fmla="*/ 16 h 36"/>
                  <a:gd name="T62" fmla="*/ 53 w 53"/>
                  <a:gd name="T63" fmla="*/ 25 h 36"/>
                  <a:gd name="T64" fmla="*/ 46 w 53"/>
                  <a:gd name="T65" fmla="*/ 25 h 36"/>
                  <a:gd name="T66" fmla="*/ 45 w 53"/>
                  <a:gd name="T67" fmla="*/ 20 h 36"/>
                  <a:gd name="T68" fmla="*/ 42 w 53"/>
                  <a:gd name="T69" fmla="*/ 18 h 36"/>
                  <a:gd name="T70" fmla="*/ 39 w 53"/>
                  <a:gd name="T71" fmla="*/ 20 h 36"/>
                  <a:gd name="T72" fmla="*/ 39 w 53"/>
                  <a:gd name="T73" fmla="*/ 25 h 36"/>
                  <a:gd name="T74" fmla="*/ 39 w 53"/>
                  <a:gd name="T75" fmla="*/ 30 h 36"/>
                  <a:gd name="T76" fmla="*/ 42 w 53"/>
                  <a:gd name="T77" fmla="*/ 31 h 36"/>
                  <a:gd name="T78" fmla="*/ 45 w 53"/>
                  <a:gd name="T79" fmla="*/ 30 h 36"/>
                  <a:gd name="T80" fmla="*/ 46 w 53"/>
                  <a:gd name="T81" fmla="*/ 25 h 3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</a:cxnLst>
                <a:rect l="0" t="0" r="r" b="b"/>
                <a:pathLst>
                  <a:path w="53" h="36">
                    <a:moveTo>
                      <a:pt x="20" y="11"/>
                    </a:moveTo>
                    <a:cubicBezTo>
                      <a:pt x="20" y="15"/>
                      <a:pt x="20" y="18"/>
                      <a:pt x="18" y="20"/>
                    </a:cubicBezTo>
                    <a:cubicBezTo>
                      <a:pt x="16" y="22"/>
                      <a:pt x="14" y="23"/>
                      <a:pt x="10" y="23"/>
                    </a:cubicBezTo>
                    <a:cubicBezTo>
                      <a:pt x="7" y="23"/>
                      <a:pt x="4" y="22"/>
                      <a:pt x="2" y="20"/>
                    </a:cubicBezTo>
                    <a:cubicBezTo>
                      <a:pt x="1" y="18"/>
                      <a:pt x="0" y="15"/>
                      <a:pt x="0" y="12"/>
                    </a:cubicBezTo>
                    <a:cubicBezTo>
                      <a:pt x="0" y="8"/>
                      <a:pt x="1" y="5"/>
                      <a:pt x="2" y="3"/>
                    </a:cubicBezTo>
                    <a:cubicBezTo>
                      <a:pt x="4" y="1"/>
                      <a:pt x="7" y="0"/>
                      <a:pt x="10" y="0"/>
                    </a:cubicBezTo>
                    <a:cubicBezTo>
                      <a:pt x="14" y="0"/>
                      <a:pt x="16" y="1"/>
                      <a:pt x="18" y="3"/>
                    </a:cubicBezTo>
                    <a:cubicBezTo>
                      <a:pt x="20" y="5"/>
                      <a:pt x="20" y="8"/>
                      <a:pt x="20" y="11"/>
                    </a:cubicBezTo>
                    <a:moveTo>
                      <a:pt x="14" y="12"/>
                    </a:moveTo>
                    <a:cubicBezTo>
                      <a:pt x="14" y="9"/>
                      <a:pt x="13" y="7"/>
                      <a:pt x="13" y="7"/>
                    </a:cubicBezTo>
                    <a:cubicBezTo>
                      <a:pt x="12" y="6"/>
                      <a:pt x="11" y="5"/>
                      <a:pt x="10" y="5"/>
                    </a:cubicBezTo>
                    <a:cubicBezTo>
                      <a:pt x="9" y="5"/>
                      <a:pt x="8" y="6"/>
                      <a:pt x="7" y="7"/>
                    </a:cubicBezTo>
                    <a:cubicBezTo>
                      <a:pt x="7" y="7"/>
                      <a:pt x="7" y="9"/>
                      <a:pt x="7" y="12"/>
                    </a:cubicBezTo>
                    <a:cubicBezTo>
                      <a:pt x="7" y="14"/>
                      <a:pt x="7" y="16"/>
                      <a:pt x="7" y="16"/>
                    </a:cubicBezTo>
                    <a:cubicBezTo>
                      <a:pt x="8" y="17"/>
                      <a:pt x="9" y="18"/>
                      <a:pt x="10" y="18"/>
                    </a:cubicBezTo>
                    <a:cubicBezTo>
                      <a:pt x="11" y="18"/>
                      <a:pt x="12" y="17"/>
                      <a:pt x="13" y="16"/>
                    </a:cubicBezTo>
                    <a:cubicBezTo>
                      <a:pt x="13" y="16"/>
                      <a:pt x="14" y="14"/>
                      <a:pt x="14" y="12"/>
                    </a:cubicBezTo>
                    <a:moveTo>
                      <a:pt x="38" y="1"/>
                    </a:moveTo>
                    <a:cubicBezTo>
                      <a:pt x="20" y="35"/>
                      <a:pt x="20" y="35"/>
                      <a:pt x="20" y="35"/>
                    </a:cubicBezTo>
                    <a:cubicBezTo>
                      <a:pt x="14" y="35"/>
                      <a:pt x="14" y="35"/>
                      <a:pt x="14" y="35"/>
                    </a:cubicBezTo>
                    <a:cubicBezTo>
                      <a:pt x="32" y="1"/>
                      <a:pt x="32" y="1"/>
                      <a:pt x="32" y="1"/>
                    </a:cubicBezTo>
                    <a:lnTo>
                      <a:pt x="38" y="1"/>
                    </a:lnTo>
                    <a:close/>
                    <a:moveTo>
                      <a:pt x="53" y="25"/>
                    </a:moveTo>
                    <a:cubicBezTo>
                      <a:pt x="53" y="28"/>
                      <a:pt x="52" y="31"/>
                      <a:pt x="50" y="33"/>
                    </a:cubicBezTo>
                    <a:cubicBezTo>
                      <a:pt x="48" y="35"/>
                      <a:pt x="46" y="36"/>
                      <a:pt x="42" y="36"/>
                    </a:cubicBezTo>
                    <a:cubicBezTo>
                      <a:pt x="39" y="36"/>
                      <a:pt x="36" y="35"/>
                      <a:pt x="35" y="33"/>
                    </a:cubicBezTo>
                    <a:cubicBezTo>
                      <a:pt x="33" y="31"/>
                      <a:pt x="32" y="28"/>
                      <a:pt x="32" y="25"/>
                    </a:cubicBezTo>
                    <a:cubicBezTo>
                      <a:pt x="32" y="21"/>
                      <a:pt x="33" y="18"/>
                      <a:pt x="35" y="16"/>
                    </a:cubicBezTo>
                    <a:cubicBezTo>
                      <a:pt x="36" y="15"/>
                      <a:pt x="39" y="14"/>
                      <a:pt x="42" y="14"/>
                    </a:cubicBezTo>
                    <a:cubicBezTo>
                      <a:pt x="46" y="14"/>
                      <a:pt x="48" y="15"/>
                      <a:pt x="50" y="16"/>
                    </a:cubicBezTo>
                    <a:cubicBezTo>
                      <a:pt x="52" y="18"/>
                      <a:pt x="53" y="21"/>
                      <a:pt x="53" y="25"/>
                    </a:cubicBezTo>
                    <a:moveTo>
                      <a:pt x="46" y="25"/>
                    </a:moveTo>
                    <a:cubicBezTo>
                      <a:pt x="46" y="22"/>
                      <a:pt x="46" y="21"/>
                      <a:pt x="45" y="20"/>
                    </a:cubicBezTo>
                    <a:cubicBezTo>
                      <a:pt x="44" y="19"/>
                      <a:pt x="43" y="18"/>
                      <a:pt x="42" y="18"/>
                    </a:cubicBezTo>
                    <a:cubicBezTo>
                      <a:pt x="41" y="18"/>
                      <a:pt x="40" y="19"/>
                      <a:pt x="39" y="20"/>
                    </a:cubicBezTo>
                    <a:cubicBezTo>
                      <a:pt x="39" y="21"/>
                      <a:pt x="39" y="22"/>
                      <a:pt x="39" y="25"/>
                    </a:cubicBezTo>
                    <a:cubicBezTo>
                      <a:pt x="39" y="27"/>
                      <a:pt x="39" y="29"/>
                      <a:pt x="39" y="30"/>
                    </a:cubicBezTo>
                    <a:cubicBezTo>
                      <a:pt x="40" y="30"/>
                      <a:pt x="41" y="31"/>
                      <a:pt x="42" y="31"/>
                    </a:cubicBezTo>
                    <a:cubicBezTo>
                      <a:pt x="43" y="31"/>
                      <a:pt x="44" y="30"/>
                      <a:pt x="45" y="30"/>
                    </a:cubicBezTo>
                    <a:cubicBezTo>
                      <a:pt x="46" y="29"/>
                      <a:pt x="46" y="27"/>
                      <a:pt x="46" y="25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12" name="矩形 11"/>
            <p:cNvSpPr/>
            <p:nvPr/>
          </p:nvSpPr>
          <p:spPr>
            <a:xfrm>
              <a:off x="3186663" y="3877469"/>
              <a:ext cx="492443" cy="348813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>
                <a:lnSpc>
                  <a:spcPts val="2000"/>
                </a:lnSpc>
              </a:pPr>
              <a:r>
                <a:rPr lang="zh-CN" altLang="en-US" sz="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  <a:endParaRPr lang="en-US" altLang="zh-CN" sz="600" kern="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13" name="矩形 12"/>
            <p:cNvSpPr/>
            <p:nvPr/>
          </p:nvSpPr>
          <p:spPr>
            <a:xfrm>
              <a:off x="4110588" y="3877469"/>
              <a:ext cx="492443" cy="348813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>
                <a:lnSpc>
                  <a:spcPts val="2000"/>
                </a:lnSpc>
              </a:pPr>
              <a:r>
                <a:rPr lang="zh-CN" altLang="en-US" sz="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  <a:endParaRPr lang="en-US" altLang="zh-CN" sz="600" kern="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14" name="矩形 13"/>
            <p:cNvSpPr/>
            <p:nvPr/>
          </p:nvSpPr>
          <p:spPr>
            <a:xfrm>
              <a:off x="4991650" y="3877469"/>
              <a:ext cx="492443" cy="348813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>
                <a:lnSpc>
                  <a:spcPts val="2000"/>
                </a:lnSpc>
              </a:pPr>
              <a:r>
                <a:rPr lang="zh-CN" altLang="en-US" sz="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  <a:endParaRPr lang="en-US" altLang="zh-CN" sz="600" kern="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4818701" y="4884688"/>
            <a:ext cx="2465387" cy="82550"/>
            <a:chOff x="3309938" y="4394200"/>
            <a:chExt cx="2465387" cy="82550"/>
          </a:xfrm>
        </p:grpSpPr>
        <p:sp>
          <p:nvSpPr>
            <p:cNvPr id="29" name="Freeform 69"/>
            <p:cNvSpPr>
              <a:spLocks/>
            </p:cNvSpPr>
            <p:nvPr/>
          </p:nvSpPr>
          <p:spPr bwMode="auto">
            <a:xfrm>
              <a:off x="416718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0" name="Freeform 70"/>
            <p:cNvSpPr>
              <a:spLocks/>
            </p:cNvSpPr>
            <p:nvPr/>
          </p:nvSpPr>
          <p:spPr bwMode="auto">
            <a:xfrm>
              <a:off x="4067175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5 w 46"/>
                <a:gd name="T3" fmla="*/ 52 h 52"/>
                <a:gd name="T4" fmla="*/ 0 w 46"/>
                <a:gd name="T5" fmla="*/ 0 h 52"/>
                <a:gd name="T6" fmla="*/ 9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1" name="Freeform 71"/>
            <p:cNvSpPr>
              <a:spLocks/>
            </p:cNvSpPr>
            <p:nvPr/>
          </p:nvSpPr>
          <p:spPr bwMode="auto">
            <a:xfrm>
              <a:off x="4132263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7 w 46"/>
                <a:gd name="T3" fmla="*/ 52 h 52"/>
                <a:gd name="T4" fmla="*/ 0 w 46"/>
                <a:gd name="T5" fmla="*/ 0 h 52"/>
                <a:gd name="T6" fmla="*/ 11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2" name="Freeform 72"/>
            <p:cNvSpPr>
              <a:spLocks/>
            </p:cNvSpPr>
            <p:nvPr/>
          </p:nvSpPr>
          <p:spPr bwMode="auto">
            <a:xfrm>
              <a:off x="4033838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6 w 45"/>
                <a:gd name="T3" fmla="*/ 52 h 52"/>
                <a:gd name="T4" fmla="*/ 0 w 45"/>
                <a:gd name="T5" fmla="*/ 0 h 52"/>
                <a:gd name="T6" fmla="*/ 10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0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3" name="Freeform 73"/>
            <p:cNvSpPr>
              <a:spLocks/>
            </p:cNvSpPr>
            <p:nvPr/>
          </p:nvSpPr>
          <p:spPr bwMode="auto">
            <a:xfrm>
              <a:off x="4102100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4" name="Freeform 74"/>
            <p:cNvSpPr>
              <a:spLocks/>
            </p:cNvSpPr>
            <p:nvPr/>
          </p:nvSpPr>
          <p:spPr bwMode="auto">
            <a:xfrm>
              <a:off x="3933825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7 w 45"/>
                <a:gd name="T3" fmla="*/ 52 h 52"/>
                <a:gd name="T4" fmla="*/ 0 w 45"/>
                <a:gd name="T5" fmla="*/ 0 h 52"/>
                <a:gd name="T6" fmla="*/ 11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5" name="Freeform 75"/>
            <p:cNvSpPr>
              <a:spLocks/>
            </p:cNvSpPr>
            <p:nvPr/>
          </p:nvSpPr>
          <p:spPr bwMode="auto">
            <a:xfrm>
              <a:off x="3968750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4 w 45"/>
                <a:gd name="T3" fmla="*/ 52 h 52"/>
                <a:gd name="T4" fmla="*/ 0 w 45"/>
                <a:gd name="T5" fmla="*/ 0 h 52"/>
                <a:gd name="T6" fmla="*/ 8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6" name="Freeform 76"/>
            <p:cNvSpPr>
              <a:spLocks/>
            </p:cNvSpPr>
            <p:nvPr/>
          </p:nvSpPr>
          <p:spPr bwMode="auto">
            <a:xfrm>
              <a:off x="400208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7" name="Freeform 77"/>
            <p:cNvSpPr>
              <a:spLocks/>
            </p:cNvSpPr>
            <p:nvPr/>
          </p:nvSpPr>
          <p:spPr bwMode="auto">
            <a:xfrm>
              <a:off x="3903663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8" name="Freeform 78"/>
            <p:cNvSpPr>
              <a:spLocks/>
            </p:cNvSpPr>
            <p:nvPr/>
          </p:nvSpPr>
          <p:spPr bwMode="auto">
            <a:xfrm>
              <a:off x="4430713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7 w 46"/>
                <a:gd name="T3" fmla="*/ 52 h 52"/>
                <a:gd name="T4" fmla="*/ 0 w 46"/>
                <a:gd name="T5" fmla="*/ 0 h 52"/>
                <a:gd name="T6" fmla="*/ 11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9" name="Freeform 79"/>
            <p:cNvSpPr>
              <a:spLocks/>
            </p:cNvSpPr>
            <p:nvPr/>
          </p:nvSpPr>
          <p:spPr bwMode="auto">
            <a:xfrm>
              <a:off x="4365625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0" name="Freeform 80"/>
            <p:cNvSpPr>
              <a:spLocks/>
            </p:cNvSpPr>
            <p:nvPr/>
          </p:nvSpPr>
          <p:spPr bwMode="auto">
            <a:xfrm>
              <a:off x="4200525" y="4394200"/>
              <a:ext cx="69850" cy="82550"/>
            </a:xfrm>
            <a:custGeom>
              <a:avLst/>
              <a:gdLst>
                <a:gd name="T0" fmla="*/ 44 w 44"/>
                <a:gd name="T1" fmla="*/ 52 h 52"/>
                <a:gd name="T2" fmla="*/ 35 w 44"/>
                <a:gd name="T3" fmla="*/ 52 h 52"/>
                <a:gd name="T4" fmla="*/ 0 w 44"/>
                <a:gd name="T5" fmla="*/ 0 h 52"/>
                <a:gd name="T6" fmla="*/ 9 w 44"/>
                <a:gd name="T7" fmla="*/ 0 h 52"/>
                <a:gd name="T8" fmla="*/ 44 w 44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52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1" name="Freeform 81"/>
            <p:cNvSpPr>
              <a:spLocks/>
            </p:cNvSpPr>
            <p:nvPr/>
          </p:nvSpPr>
          <p:spPr bwMode="auto">
            <a:xfrm>
              <a:off x="4498975" y="4394200"/>
              <a:ext cx="69850" cy="82550"/>
            </a:xfrm>
            <a:custGeom>
              <a:avLst/>
              <a:gdLst>
                <a:gd name="T0" fmla="*/ 44 w 44"/>
                <a:gd name="T1" fmla="*/ 52 h 52"/>
                <a:gd name="T2" fmla="*/ 35 w 44"/>
                <a:gd name="T3" fmla="*/ 52 h 52"/>
                <a:gd name="T4" fmla="*/ 0 w 44"/>
                <a:gd name="T5" fmla="*/ 0 h 52"/>
                <a:gd name="T6" fmla="*/ 9 w 44"/>
                <a:gd name="T7" fmla="*/ 0 h 52"/>
                <a:gd name="T8" fmla="*/ 44 w 44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52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2" name="Freeform 82"/>
            <p:cNvSpPr>
              <a:spLocks/>
            </p:cNvSpPr>
            <p:nvPr/>
          </p:nvSpPr>
          <p:spPr bwMode="auto">
            <a:xfrm>
              <a:off x="446563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3" name="Freeform 83"/>
            <p:cNvSpPr>
              <a:spLocks/>
            </p:cNvSpPr>
            <p:nvPr/>
          </p:nvSpPr>
          <p:spPr bwMode="auto">
            <a:xfrm>
              <a:off x="4332288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6 w 45"/>
                <a:gd name="T3" fmla="*/ 52 h 52"/>
                <a:gd name="T4" fmla="*/ 0 w 45"/>
                <a:gd name="T5" fmla="*/ 0 h 52"/>
                <a:gd name="T6" fmla="*/ 10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0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4" name="Freeform 84"/>
            <p:cNvSpPr>
              <a:spLocks/>
            </p:cNvSpPr>
            <p:nvPr/>
          </p:nvSpPr>
          <p:spPr bwMode="auto">
            <a:xfrm>
              <a:off x="4232275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7 w 45"/>
                <a:gd name="T3" fmla="*/ 52 h 52"/>
                <a:gd name="T4" fmla="*/ 0 w 45"/>
                <a:gd name="T5" fmla="*/ 0 h 52"/>
                <a:gd name="T6" fmla="*/ 11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5" name="Freeform 85"/>
            <p:cNvSpPr>
              <a:spLocks/>
            </p:cNvSpPr>
            <p:nvPr/>
          </p:nvSpPr>
          <p:spPr bwMode="auto">
            <a:xfrm>
              <a:off x="4265613" y="4394200"/>
              <a:ext cx="69850" cy="82550"/>
            </a:xfrm>
            <a:custGeom>
              <a:avLst/>
              <a:gdLst>
                <a:gd name="T0" fmla="*/ 44 w 44"/>
                <a:gd name="T1" fmla="*/ 52 h 52"/>
                <a:gd name="T2" fmla="*/ 35 w 44"/>
                <a:gd name="T3" fmla="*/ 52 h 52"/>
                <a:gd name="T4" fmla="*/ 0 w 44"/>
                <a:gd name="T5" fmla="*/ 0 h 52"/>
                <a:gd name="T6" fmla="*/ 9 w 44"/>
                <a:gd name="T7" fmla="*/ 0 h 52"/>
                <a:gd name="T8" fmla="*/ 44 w 44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52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6" name="Freeform 86"/>
            <p:cNvSpPr>
              <a:spLocks/>
            </p:cNvSpPr>
            <p:nvPr/>
          </p:nvSpPr>
          <p:spPr bwMode="auto">
            <a:xfrm>
              <a:off x="430053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7" name="Freeform 87"/>
            <p:cNvSpPr>
              <a:spLocks/>
            </p:cNvSpPr>
            <p:nvPr/>
          </p:nvSpPr>
          <p:spPr bwMode="auto">
            <a:xfrm>
              <a:off x="4400550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8" name="Freeform 88"/>
            <p:cNvSpPr>
              <a:spLocks/>
            </p:cNvSpPr>
            <p:nvPr/>
          </p:nvSpPr>
          <p:spPr bwMode="auto">
            <a:xfrm>
              <a:off x="3440113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9" name="Freeform 89"/>
            <p:cNvSpPr>
              <a:spLocks/>
            </p:cNvSpPr>
            <p:nvPr/>
          </p:nvSpPr>
          <p:spPr bwMode="auto">
            <a:xfrm>
              <a:off x="3470275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5 w 46"/>
                <a:gd name="T3" fmla="*/ 52 h 52"/>
                <a:gd name="T4" fmla="*/ 0 w 46"/>
                <a:gd name="T5" fmla="*/ 0 h 52"/>
                <a:gd name="T6" fmla="*/ 9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0" name="Freeform 90"/>
            <p:cNvSpPr>
              <a:spLocks/>
            </p:cNvSpPr>
            <p:nvPr/>
          </p:nvSpPr>
          <p:spPr bwMode="auto">
            <a:xfrm>
              <a:off x="3405188" y="4394200"/>
              <a:ext cx="69850" cy="82550"/>
            </a:xfrm>
            <a:custGeom>
              <a:avLst/>
              <a:gdLst>
                <a:gd name="T0" fmla="*/ 44 w 44"/>
                <a:gd name="T1" fmla="*/ 52 h 52"/>
                <a:gd name="T2" fmla="*/ 35 w 44"/>
                <a:gd name="T3" fmla="*/ 52 h 52"/>
                <a:gd name="T4" fmla="*/ 0 w 44"/>
                <a:gd name="T5" fmla="*/ 0 h 52"/>
                <a:gd name="T6" fmla="*/ 9 w 44"/>
                <a:gd name="T7" fmla="*/ 0 h 52"/>
                <a:gd name="T8" fmla="*/ 44 w 44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52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1" name="Freeform 91"/>
            <p:cNvSpPr>
              <a:spLocks/>
            </p:cNvSpPr>
            <p:nvPr/>
          </p:nvSpPr>
          <p:spPr bwMode="auto">
            <a:xfrm>
              <a:off x="3505200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2" name="Freeform 92"/>
            <p:cNvSpPr>
              <a:spLocks/>
            </p:cNvSpPr>
            <p:nvPr/>
          </p:nvSpPr>
          <p:spPr bwMode="auto">
            <a:xfrm>
              <a:off x="3309938" y="4429125"/>
              <a:ext cx="34925" cy="47625"/>
            </a:xfrm>
            <a:custGeom>
              <a:avLst/>
              <a:gdLst>
                <a:gd name="T0" fmla="*/ 0 w 22"/>
                <a:gd name="T1" fmla="*/ 15 h 30"/>
                <a:gd name="T2" fmla="*/ 0 w 22"/>
                <a:gd name="T3" fmla="*/ 0 h 30"/>
                <a:gd name="T4" fmla="*/ 22 w 22"/>
                <a:gd name="T5" fmla="*/ 30 h 30"/>
                <a:gd name="T6" fmla="*/ 11 w 22"/>
                <a:gd name="T7" fmla="*/ 30 h 30"/>
                <a:gd name="T8" fmla="*/ 0 w 22"/>
                <a:gd name="T9" fmla="*/ 15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30">
                  <a:moveTo>
                    <a:pt x="0" y="15"/>
                  </a:moveTo>
                  <a:lnTo>
                    <a:pt x="0" y="0"/>
                  </a:lnTo>
                  <a:lnTo>
                    <a:pt x="22" y="30"/>
                  </a:lnTo>
                  <a:lnTo>
                    <a:pt x="11" y="30"/>
                  </a:lnTo>
                  <a:lnTo>
                    <a:pt x="0" y="15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3" name="Freeform 93"/>
            <p:cNvSpPr>
              <a:spLocks/>
            </p:cNvSpPr>
            <p:nvPr/>
          </p:nvSpPr>
          <p:spPr bwMode="auto">
            <a:xfrm>
              <a:off x="3540125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4" name="Freeform 94"/>
            <p:cNvSpPr>
              <a:spLocks/>
            </p:cNvSpPr>
            <p:nvPr/>
          </p:nvSpPr>
          <p:spPr bwMode="auto">
            <a:xfrm>
              <a:off x="3309938" y="4394200"/>
              <a:ext cx="65087" cy="82550"/>
            </a:xfrm>
            <a:custGeom>
              <a:avLst/>
              <a:gdLst>
                <a:gd name="T0" fmla="*/ 32 w 41"/>
                <a:gd name="T1" fmla="*/ 52 h 52"/>
                <a:gd name="T2" fmla="*/ 0 w 41"/>
                <a:gd name="T3" fmla="*/ 5 h 52"/>
                <a:gd name="T4" fmla="*/ 0 w 41"/>
                <a:gd name="T5" fmla="*/ 0 h 52"/>
                <a:gd name="T6" fmla="*/ 6 w 41"/>
                <a:gd name="T7" fmla="*/ 0 h 52"/>
                <a:gd name="T8" fmla="*/ 41 w 41"/>
                <a:gd name="T9" fmla="*/ 52 h 52"/>
                <a:gd name="T10" fmla="*/ 32 w 41"/>
                <a:gd name="T11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41" h="52">
                  <a:moveTo>
                    <a:pt x="32" y="52"/>
                  </a:moveTo>
                  <a:lnTo>
                    <a:pt x="0" y="5"/>
                  </a:lnTo>
                  <a:lnTo>
                    <a:pt x="0" y="0"/>
                  </a:lnTo>
                  <a:lnTo>
                    <a:pt x="6" y="0"/>
                  </a:lnTo>
                  <a:lnTo>
                    <a:pt x="41" y="52"/>
                  </a:lnTo>
                  <a:lnTo>
                    <a:pt x="32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5" name="Freeform 95"/>
            <p:cNvSpPr>
              <a:spLocks/>
            </p:cNvSpPr>
            <p:nvPr/>
          </p:nvSpPr>
          <p:spPr bwMode="auto">
            <a:xfrm>
              <a:off x="3340100" y="4394200"/>
              <a:ext cx="69850" cy="82550"/>
            </a:xfrm>
            <a:custGeom>
              <a:avLst/>
              <a:gdLst>
                <a:gd name="T0" fmla="*/ 44 w 44"/>
                <a:gd name="T1" fmla="*/ 52 h 52"/>
                <a:gd name="T2" fmla="*/ 35 w 44"/>
                <a:gd name="T3" fmla="*/ 52 h 52"/>
                <a:gd name="T4" fmla="*/ 0 w 44"/>
                <a:gd name="T5" fmla="*/ 0 h 52"/>
                <a:gd name="T6" fmla="*/ 9 w 44"/>
                <a:gd name="T7" fmla="*/ 0 h 52"/>
                <a:gd name="T8" fmla="*/ 44 w 44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52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6" name="Freeform 96"/>
            <p:cNvSpPr>
              <a:spLocks/>
            </p:cNvSpPr>
            <p:nvPr/>
          </p:nvSpPr>
          <p:spPr bwMode="auto">
            <a:xfrm>
              <a:off x="3371850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4 w 45"/>
                <a:gd name="T3" fmla="*/ 52 h 52"/>
                <a:gd name="T4" fmla="*/ 0 w 45"/>
                <a:gd name="T5" fmla="*/ 0 h 52"/>
                <a:gd name="T6" fmla="*/ 8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7" name="Freeform 97"/>
            <p:cNvSpPr>
              <a:spLocks/>
            </p:cNvSpPr>
            <p:nvPr/>
          </p:nvSpPr>
          <p:spPr bwMode="auto">
            <a:xfrm>
              <a:off x="3803650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8" name="Freeform 98"/>
            <p:cNvSpPr>
              <a:spLocks/>
            </p:cNvSpPr>
            <p:nvPr/>
          </p:nvSpPr>
          <p:spPr bwMode="auto">
            <a:xfrm>
              <a:off x="3735388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6 w 45"/>
                <a:gd name="T3" fmla="*/ 52 h 52"/>
                <a:gd name="T4" fmla="*/ 0 w 45"/>
                <a:gd name="T5" fmla="*/ 0 h 52"/>
                <a:gd name="T6" fmla="*/ 11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9" name="Freeform 99"/>
            <p:cNvSpPr>
              <a:spLocks/>
            </p:cNvSpPr>
            <p:nvPr/>
          </p:nvSpPr>
          <p:spPr bwMode="auto">
            <a:xfrm>
              <a:off x="3868738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5 w 45"/>
                <a:gd name="T3" fmla="*/ 52 h 52"/>
                <a:gd name="T4" fmla="*/ 0 w 45"/>
                <a:gd name="T5" fmla="*/ 0 h 52"/>
                <a:gd name="T6" fmla="*/ 9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0" name="Freeform 100"/>
            <p:cNvSpPr>
              <a:spLocks/>
            </p:cNvSpPr>
            <p:nvPr/>
          </p:nvSpPr>
          <p:spPr bwMode="auto">
            <a:xfrm>
              <a:off x="3768725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5 w 46"/>
                <a:gd name="T3" fmla="*/ 52 h 52"/>
                <a:gd name="T4" fmla="*/ 0 w 46"/>
                <a:gd name="T5" fmla="*/ 0 h 52"/>
                <a:gd name="T6" fmla="*/ 9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1" name="Freeform 101"/>
            <p:cNvSpPr>
              <a:spLocks/>
            </p:cNvSpPr>
            <p:nvPr/>
          </p:nvSpPr>
          <p:spPr bwMode="auto">
            <a:xfrm>
              <a:off x="3833813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7 w 46"/>
                <a:gd name="T3" fmla="*/ 52 h 52"/>
                <a:gd name="T4" fmla="*/ 0 w 46"/>
                <a:gd name="T5" fmla="*/ 0 h 52"/>
                <a:gd name="T6" fmla="*/ 11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2" name="Freeform 102"/>
            <p:cNvSpPr>
              <a:spLocks/>
            </p:cNvSpPr>
            <p:nvPr/>
          </p:nvSpPr>
          <p:spPr bwMode="auto">
            <a:xfrm>
              <a:off x="3638550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3" name="Freeform 103"/>
            <p:cNvSpPr>
              <a:spLocks/>
            </p:cNvSpPr>
            <p:nvPr/>
          </p:nvSpPr>
          <p:spPr bwMode="auto">
            <a:xfrm>
              <a:off x="370363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4" name="Freeform 104"/>
            <p:cNvSpPr>
              <a:spLocks/>
            </p:cNvSpPr>
            <p:nvPr/>
          </p:nvSpPr>
          <p:spPr bwMode="auto">
            <a:xfrm>
              <a:off x="3605213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5" name="Freeform 105"/>
            <p:cNvSpPr>
              <a:spLocks/>
            </p:cNvSpPr>
            <p:nvPr/>
          </p:nvSpPr>
          <p:spPr bwMode="auto">
            <a:xfrm>
              <a:off x="3570288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5 w 45"/>
                <a:gd name="T3" fmla="*/ 52 h 52"/>
                <a:gd name="T4" fmla="*/ 0 w 45"/>
                <a:gd name="T5" fmla="*/ 0 h 52"/>
                <a:gd name="T6" fmla="*/ 9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6" name="Freeform 106"/>
            <p:cNvSpPr>
              <a:spLocks/>
            </p:cNvSpPr>
            <p:nvPr/>
          </p:nvSpPr>
          <p:spPr bwMode="auto">
            <a:xfrm>
              <a:off x="3670300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4 w 45"/>
                <a:gd name="T3" fmla="*/ 52 h 52"/>
                <a:gd name="T4" fmla="*/ 0 w 45"/>
                <a:gd name="T5" fmla="*/ 0 h 52"/>
                <a:gd name="T6" fmla="*/ 8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7" name="Freeform 107"/>
            <p:cNvSpPr>
              <a:spLocks/>
            </p:cNvSpPr>
            <p:nvPr/>
          </p:nvSpPr>
          <p:spPr bwMode="auto">
            <a:xfrm>
              <a:off x="4997450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8" name="Freeform 108"/>
            <p:cNvSpPr>
              <a:spLocks/>
            </p:cNvSpPr>
            <p:nvPr/>
          </p:nvSpPr>
          <p:spPr bwMode="auto">
            <a:xfrm>
              <a:off x="5491163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6 w 45"/>
                <a:gd name="T3" fmla="*/ 52 h 52"/>
                <a:gd name="T4" fmla="*/ 0 w 45"/>
                <a:gd name="T5" fmla="*/ 0 h 52"/>
                <a:gd name="T6" fmla="*/ 10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0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9" name="Freeform 109"/>
            <p:cNvSpPr>
              <a:spLocks/>
            </p:cNvSpPr>
            <p:nvPr/>
          </p:nvSpPr>
          <p:spPr bwMode="auto">
            <a:xfrm>
              <a:off x="5394325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0" name="Freeform 110"/>
            <p:cNvSpPr>
              <a:spLocks/>
            </p:cNvSpPr>
            <p:nvPr/>
          </p:nvSpPr>
          <p:spPr bwMode="auto">
            <a:xfrm>
              <a:off x="5424488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5 w 46"/>
                <a:gd name="T3" fmla="*/ 52 h 52"/>
                <a:gd name="T4" fmla="*/ 0 w 46"/>
                <a:gd name="T5" fmla="*/ 0 h 52"/>
                <a:gd name="T6" fmla="*/ 9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1" name="Freeform 111"/>
            <p:cNvSpPr>
              <a:spLocks/>
            </p:cNvSpPr>
            <p:nvPr/>
          </p:nvSpPr>
          <p:spPr bwMode="auto">
            <a:xfrm>
              <a:off x="5459413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2" name="Freeform 112"/>
            <p:cNvSpPr>
              <a:spLocks/>
            </p:cNvSpPr>
            <p:nvPr/>
          </p:nvSpPr>
          <p:spPr bwMode="auto">
            <a:xfrm>
              <a:off x="5359400" y="4394200"/>
              <a:ext cx="69850" cy="82550"/>
            </a:xfrm>
            <a:custGeom>
              <a:avLst/>
              <a:gdLst>
                <a:gd name="T0" fmla="*/ 44 w 44"/>
                <a:gd name="T1" fmla="*/ 52 h 52"/>
                <a:gd name="T2" fmla="*/ 35 w 44"/>
                <a:gd name="T3" fmla="*/ 52 h 52"/>
                <a:gd name="T4" fmla="*/ 0 w 44"/>
                <a:gd name="T5" fmla="*/ 0 h 52"/>
                <a:gd name="T6" fmla="*/ 9 w 44"/>
                <a:gd name="T7" fmla="*/ 0 h 52"/>
                <a:gd name="T8" fmla="*/ 44 w 44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52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3" name="Freeform 113"/>
            <p:cNvSpPr>
              <a:spLocks/>
            </p:cNvSpPr>
            <p:nvPr/>
          </p:nvSpPr>
          <p:spPr bwMode="auto">
            <a:xfrm>
              <a:off x="5260975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4" name="Freeform 114"/>
            <p:cNvSpPr>
              <a:spLocks/>
            </p:cNvSpPr>
            <p:nvPr/>
          </p:nvSpPr>
          <p:spPr bwMode="auto">
            <a:xfrm>
              <a:off x="4530725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6 w 45"/>
                <a:gd name="T3" fmla="*/ 52 h 52"/>
                <a:gd name="T4" fmla="*/ 0 w 45"/>
                <a:gd name="T5" fmla="*/ 0 h 52"/>
                <a:gd name="T6" fmla="*/ 11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5" name="Freeform 115"/>
            <p:cNvSpPr>
              <a:spLocks/>
            </p:cNvSpPr>
            <p:nvPr/>
          </p:nvSpPr>
          <p:spPr bwMode="auto">
            <a:xfrm>
              <a:off x="5294313" y="4394200"/>
              <a:ext cx="69850" cy="82550"/>
            </a:xfrm>
            <a:custGeom>
              <a:avLst/>
              <a:gdLst>
                <a:gd name="T0" fmla="*/ 44 w 44"/>
                <a:gd name="T1" fmla="*/ 52 h 52"/>
                <a:gd name="T2" fmla="*/ 35 w 44"/>
                <a:gd name="T3" fmla="*/ 52 h 52"/>
                <a:gd name="T4" fmla="*/ 0 w 44"/>
                <a:gd name="T5" fmla="*/ 0 h 52"/>
                <a:gd name="T6" fmla="*/ 9 w 44"/>
                <a:gd name="T7" fmla="*/ 0 h 52"/>
                <a:gd name="T8" fmla="*/ 44 w 44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52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6" name="Freeform 116"/>
            <p:cNvSpPr>
              <a:spLocks/>
            </p:cNvSpPr>
            <p:nvPr/>
          </p:nvSpPr>
          <p:spPr bwMode="auto">
            <a:xfrm>
              <a:off x="5326063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4 w 45"/>
                <a:gd name="T3" fmla="*/ 52 h 52"/>
                <a:gd name="T4" fmla="*/ 0 w 45"/>
                <a:gd name="T5" fmla="*/ 0 h 52"/>
                <a:gd name="T6" fmla="*/ 8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7" name="Freeform 117"/>
            <p:cNvSpPr>
              <a:spLocks/>
            </p:cNvSpPr>
            <p:nvPr/>
          </p:nvSpPr>
          <p:spPr bwMode="auto">
            <a:xfrm>
              <a:off x="5559425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8" name="Freeform 118"/>
            <p:cNvSpPr>
              <a:spLocks/>
            </p:cNvSpPr>
            <p:nvPr/>
          </p:nvSpPr>
          <p:spPr bwMode="auto">
            <a:xfrm>
              <a:off x="5689600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6 w 45"/>
                <a:gd name="T3" fmla="*/ 52 h 52"/>
                <a:gd name="T4" fmla="*/ 0 w 45"/>
                <a:gd name="T5" fmla="*/ 0 h 52"/>
                <a:gd name="T6" fmla="*/ 11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9" name="Freeform 119"/>
            <p:cNvSpPr>
              <a:spLocks/>
            </p:cNvSpPr>
            <p:nvPr/>
          </p:nvSpPr>
          <p:spPr bwMode="auto">
            <a:xfrm>
              <a:off x="5524500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5 w 45"/>
                <a:gd name="T3" fmla="*/ 52 h 52"/>
                <a:gd name="T4" fmla="*/ 0 w 45"/>
                <a:gd name="T5" fmla="*/ 0 h 52"/>
                <a:gd name="T6" fmla="*/ 9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0" name="Freeform 120"/>
            <p:cNvSpPr>
              <a:spLocks/>
            </p:cNvSpPr>
            <p:nvPr/>
          </p:nvSpPr>
          <p:spPr bwMode="auto">
            <a:xfrm>
              <a:off x="5757863" y="4394200"/>
              <a:ext cx="17462" cy="28575"/>
            </a:xfrm>
            <a:custGeom>
              <a:avLst/>
              <a:gdLst>
                <a:gd name="T0" fmla="*/ 11 w 11"/>
                <a:gd name="T1" fmla="*/ 5 h 18"/>
                <a:gd name="T2" fmla="*/ 11 w 11"/>
                <a:gd name="T3" fmla="*/ 18 h 18"/>
                <a:gd name="T4" fmla="*/ 0 w 11"/>
                <a:gd name="T5" fmla="*/ 0 h 18"/>
                <a:gd name="T6" fmla="*/ 9 w 11"/>
                <a:gd name="T7" fmla="*/ 0 h 18"/>
                <a:gd name="T8" fmla="*/ 11 w 11"/>
                <a:gd name="T9" fmla="*/ 5 h 1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18">
                  <a:moveTo>
                    <a:pt x="11" y="5"/>
                  </a:moveTo>
                  <a:lnTo>
                    <a:pt x="11" y="18"/>
                  </a:lnTo>
                  <a:lnTo>
                    <a:pt x="0" y="0"/>
                  </a:lnTo>
                  <a:lnTo>
                    <a:pt x="9" y="0"/>
                  </a:lnTo>
                  <a:lnTo>
                    <a:pt x="11" y="5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1" name="Freeform 121"/>
            <p:cNvSpPr>
              <a:spLocks/>
            </p:cNvSpPr>
            <p:nvPr/>
          </p:nvSpPr>
          <p:spPr bwMode="auto">
            <a:xfrm>
              <a:off x="5657850" y="4394200"/>
              <a:ext cx="69850" cy="82550"/>
            </a:xfrm>
            <a:custGeom>
              <a:avLst/>
              <a:gdLst>
                <a:gd name="T0" fmla="*/ 44 w 44"/>
                <a:gd name="T1" fmla="*/ 52 h 52"/>
                <a:gd name="T2" fmla="*/ 35 w 44"/>
                <a:gd name="T3" fmla="*/ 52 h 52"/>
                <a:gd name="T4" fmla="*/ 0 w 44"/>
                <a:gd name="T5" fmla="*/ 0 h 52"/>
                <a:gd name="T6" fmla="*/ 9 w 44"/>
                <a:gd name="T7" fmla="*/ 0 h 52"/>
                <a:gd name="T8" fmla="*/ 44 w 44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52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2" name="Freeform 122"/>
            <p:cNvSpPr>
              <a:spLocks/>
            </p:cNvSpPr>
            <p:nvPr/>
          </p:nvSpPr>
          <p:spPr bwMode="auto">
            <a:xfrm>
              <a:off x="5722938" y="4394200"/>
              <a:ext cx="52387" cy="79375"/>
            </a:xfrm>
            <a:custGeom>
              <a:avLst/>
              <a:gdLst>
                <a:gd name="T0" fmla="*/ 33 w 33"/>
                <a:gd name="T1" fmla="*/ 35 h 50"/>
                <a:gd name="T2" fmla="*/ 33 w 33"/>
                <a:gd name="T3" fmla="*/ 50 h 50"/>
                <a:gd name="T4" fmla="*/ 0 w 33"/>
                <a:gd name="T5" fmla="*/ 0 h 50"/>
                <a:gd name="T6" fmla="*/ 9 w 33"/>
                <a:gd name="T7" fmla="*/ 0 h 50"/>
                <a:gd name="T8" fmla="*/ 33 w 33"/>
                <a:gd name="T9" fmla="*/ 35 h 5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" h="50">
                  <a:moveTo>
                    <a:pt x="33" y="35"/>
                  </a:moveTo>
                  <a:lnTo>
                    <a:pt x="33" y="50"/>
                  </a:lnTo>
                  <a:lnTo>
                    <a:pt x="0" y="0"/>
                  </a:lnTo>
                  <a:lnTo>
                    <a:pt x="9" y="0"/>
                  </a:lnTo>
                  <a:lnTo>
                    <a:pt x="33" y="35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3" name="Freeform 123"/>
            <p:cNvSpPr>
              <a:spLocks/>
            </p:cNvSpPr>
            <p:nvPr/>
          </p:nvSpPr>
          <p:spPr bwMode="auto">
            <a:xfrm>
              <a:off x="5624513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4 w 45"/>
                <a:gd name="T3" fmla="*/ 52 h 52"/>
                <a:gd name="T4" fmla="*/ 0 w 45"/>
                <a:gd name="T5" fmla="*/ 0 h 52"/>
                <a:gd name="T6" fmla="*/ 8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4" name="Freeform 124"/>
            <p:cNvSpPr>
              <a:spLocks/>
            </p:cNvSpPr>
            <p:nvPr/>
          </p:nvSpPr>
          <p:spPr bwMode="auto">
            <a:xfrm>
              <a:off x="519588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5" name="Freeform 125"/>
            <p:cNvSpPr>
              <a:spLocks/>
            </p:cNvSpPr>
            <p:nvPr/>
          </p:nvSpPr>
          <p:spPr bwMode="auto">
            <a:xfrm>
              <a:off x="5589588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7 w 45"/>
                <a:gd name="T3" fmla="*/ 52 h 52"/>
                <a:gd name="T4" fmla="*/ 0 w 45"/>
                <a:gd name="T5" fmla="*/ 0 h 52"/>
                <a:gd name="T6" fmla="*/ 11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6" name="Freeform 126"/>
            <p:cNvSpPr>
              <a:spLocks/>
            </p:cNvSpPr>
            <p:nvPr/>
          </p:nvSpPr>
          <p:spPr bwMode="auto">
            <a:xfrm>
              <a:off x="5226050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5 w 46"/>
                <a:gd name="T3" fmla="*/ 52 h 52"/>
                <a:gd name="T4" fmla="*/ 0 w 46"/>
                <a:gd name="T5" fmla="*/ 0 h 52"/>
                <a:gd name="T6" fmla="*/ 9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7" name="Freeform 127"/>
            <p:cNvSpPr>
              <a:spLocks/>
            </p:cNvSpPr>
            <p:nvPr/>
          </p:nvSpPr>
          <p:spPr bwMode="auto">
            <a:xfrm>
              <a:off x="4729163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5 w 45"/>
                <a:gd name="T3" fmla="*/ 52 h 52"/>
                <a:gd name="T4" fmla="*/ 0 w 45"/>
                <a:gd name="T5" fmla="*/ 0 h 52"/>
                <a:gd name="T6" fmla="*/ 11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8" name="Freeform 128"/>
            <p:cNvSpPr>
              <a:spLocks/>
            </p:cNvSpPr>
            <p:nvPr/>
          </p:nvSpPr>
          <p:spPr bwMode="auto">
            <a:xfrm>
              <a:off x="5160963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9" name="Freeform 129"/>
            <p:cNvSpPr>
              <a:spLocks/>
            </p:cNvSpPr>
            <p:nvPr/>
          </p:nvSpPr>
          <p:spPr bwMode="auto">
            <a:xfrm>
              <a:off x="4699000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0" name="Freeform 130"/>
            <p:cNvSpPr>
              <a:spLocks/>
            </p:cNvSpPr>
            <p:nvPr/>
          </p:nvSpPr>
          <p:spPr bwMode="auto">
            <a:xfrm>
              <a:off x="4797425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1" name="Freeform 131"/>
            <p:cNvSpPr>
              <a:spLocks/>
            </p:cNvSpPr>
            <p:nvPr/>
          </p:nvSpPr>
          <p:spPr bwMode="auto">
            <a:xfrm>
              <a:off x="4829175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4 w 45"/>
                <a:gd name="T3" fmla="*/ 52 h 52"/>
                <a:gd name="T4" fmla="*/ 0 w 45"/>
                <a:gd name="T5" fmla="*/ 0 h 52"/>
                <a:gd name="T6" fmla="*/ 10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10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2" name="Freeform 132"/>
            <p:cNvSpPr>
              <a:spLocks/>
            </p:cNvSpPr>
            <p:nvPr/>
          </p:nvSpPr>
          <p:spPr bwMode="auto">
            <a:xfrm>
              <a:off x="4664075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3" name="Freeform 133"/>
            <p:cNvSpPr>
              <a:spLocks/>
            </p:cNvSpPr>
            <p:nvPr/>
          </p:nvSpPr>
          <p:spPr bwMode="auto">
            <a:xfrm>
              <a:off x="4564063" y="4394200"/>
              <a:ext cx="69850" cy="82550"/>
            </a:xfrm>
            <a:custGeom>
              <a:avLst/>
              <a:gdLst>
                <a:gd name="T0" fmla="*/ 44 w 44"/>
                <a:gd name="T1" fmla="*/ 52 h 52"/>
                <a:gd name="T2" fmla="*/ 35 w 44"/>
                <a:gd name="T3" fmla="*/ 52 h 52"/>
                <a:gd name="T4" fmla="*/ 0 w 44"/>
                <a:gd name="T5" fmla="*/ 0 h 52"/>
                <a:gd name="T6" fmla="*/ 9 w 44"/>
                <a:gd name="T7" fmla="*/ 0 h 52"/>
                <a:gd name="T8" fmla="*/ 44 w 44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52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4" name="Freeform 134"/>
            <p:cNvSpPr>
              <a:spLocks/>
            </p:cNvSpPr>
            <p:nvPr/>
          </p:nvSpPr>
          <p:spPr bwMode="auto">
            <a:xfrm>
              <a:off x="459898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5" name="Freeform 135"/>
            <p:cNvSpPr>
              <a:spLocks/>
            </p:cNvSpPr>
            <p:nvPr/>
          </p:nvSpPr>
          <p:spPr bwMode="auto">
            <a:xfrm>
              <a:off x="4629150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5 w 46"/>
                <a:gd name="T3" fmla="*/ 52 h 52"/>
                <a:gd name="T4" fmla="*/ 0 w 46"/>
                <a:gd name="T5" fmla="*/ 0 h 52"/>
                <a:gd name="T6" fmla="*/ 11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6" name="Freeform 136"/>
            <p:cNvSpPr>
              <a:spLocks/>
            </p:cNvSpPr>
            <p:nvPr/>
          </p:nvSpPr>
          <p:spPr bwMode="auto">
            <a:xfrm>
              <a:off x="476408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7" name="Freeform 137"/>
            <p:cNvSpPr>
              <a:spLocks/>
            </p:cNvSpPr>
            <p:nvPr/>
          </p:nvSpPr>
          <p:spPr bwMode="auto">
            <a:xfrm>
              <a:off x="506253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8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8" name="Freeform 138"/>
            <p:cNvSpPr>
              <a:spLocks/>
            </p:cNvSpPr>
            <p:nvPr/>
          </p:nvSpPr>
          <p:spPr bwMode="auto">
            <a:xfrm>
              <a:off x="5095875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9" name="Freeform 139"/>
            <p:cNvSpPr>
              <a:spLocks/>
            </p:cNvSpPr>
            <p:nvPr/>
          </p:nvSpPr>
          <p:spPr bwMode="auto">
            <a:xfrm>
              <a:off x="5127625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4 w 45"/>
                <a:gd name="T3" fmla="*/ 52 h 52"/>
                <a:gd name="T4" fmla="*/ 0 w 45"/>
                <a:gd name="T5" fmla="*/ 0 h 52"/>
                <a:gd name="T6" fmla="*/ 8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00" name="Freeform 140"/>
            <p:cNvSpPr>
              <a:spLocks/>
            </p:cNvSpPr>
            <p:nvPr/>
          </p:nvSpPr>
          <p:spPr bwMode="auto">
            <a:xfrm>
              <a:off x="4862513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5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01" name="Freeform 141"/>
            <p:cNvSpPr>
              <a:spLocks/>
            </p:cNvSpPr>
            <p:nvPr/>
          </p:nvSpPr>
          <p:spPr bwMode="auto">
            <a:xfrm>
              <a:off x="5027613" y="4394200"/>
              <a:ext cx="71437" cy="82550"/>
            </a:xfrm>
            <a:custGeom>
              <a:avLst/>
              <a:gdLst>
                <a:gd name="T0" fmla="*/ 45 w 45"/>
                <a:gd name="T1" fmla="*/ 52 h 52"/>
                <a:gd name="T2" fmla="*/ 34 w 45"/>
                <a:gd name="T3" fmla="*/ 52 h 52"/>
                <a:gd name="T4" fmla="*/ 0 w 45"/>
                <a:gd name="T5" fmla="*/ 0 h 52"/>
                <a:gd name="T6" fmla="*/ 9 w 45"/>
                <a:gd name="T7" fmla="*/ 0 h 52"/>
                <a:gd name="T8" fmla="*/ 45 w 45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52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02" name="Freeform 142"/>
            <p:cNvSpPr>
              <a:spLocks/>
            </p:cNvSpPr>
            <p:nvPr/>
          </p:nvSpPr>
          <p:spPr bwMode="auto">
            <a:xfrm>
              <a:off x="4897438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03" name="Freeform 143"/>
            <p:cNvSpPr>
              <a:spLocks/>
            </p:cNvSpPr>
            <p:nvPr/>
          </p:nvSpPr>
          <p:spPr bwMode="auto">
            <a:xfrm>
              <a:off x="4927600" y="4394200"/>
              <a:ext cx="73025" cy="82550"/>
            </a:xfrm>
            <a:custGeom>
              <a:avLst/>
              <a:gdLst>
                <a:gd name="T0" fmla="*/ 46 w 46"/>
                <a:gd name="T1" fmla="*/ 52 h 52"/>
                <a:gd name="T2" fmla="*/ 35 w 46"/>
                <a:gd name="T3" fmla="*/ 52 h 52"/>
                <a:gd name="T4" fmla="*/ 0 w 46"/>
                <a:gd name="T5" fmla="*/ 0 h 52"/>
                <a:gd name="T6" fmla="*/ 11 w 46"/>
                <a:gd name="T7" fmla="*/ 0 h 52"/>
                <a:gd name="T8" fmla="*/ 46 w 46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52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04" name="Freeform 144"/>
            <p:cNvSpPr>
              <a:spLocks/>
            </p:cNvSpPr>
            <p:nvPr/>
          </p:nvSpPr>
          <p:spPr bwMode="auto">
            <a:xfrm>
              <a:off x="4962525" y="4394200"/>
              <a:ext cx="68262" cy="82550"/>
            </a:xfrm>
            <a:custGeom>
              <a:avLst/>
              <a:gdLst>
                <a:gd name="T0" fmla="*/ 43 w 43"/>
                <a:gd name="T1" fmla="*/ 52 h 52"/>
                <a:gd name="T2" fmla="*/ 34 w 43"/>
                <a:gd name="T3" fmla="*/ 52 h 52"/>
                <a:gd name="T4" fmla="*/ 0 w 43"/>
                <a:gd name="T5" fmla="*/ 0 h 52"/>
                <a:gd name="T6" fmla="*/ 9 w 43"/>
                <a:gd name="T7" fmla="*/ 0 h 52"/>
                <a:gd name="T8" fmla="*/ 43 w 43"/>
                <a:gd name="T9" fmla="*/ 52 h 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3" h="52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8" presetClass="entr" presetSubtype="6" fill="hold" grpId="0" nodeType="withEffect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Right)">
                                      <p:cBhvr>
                                        <p:cTn id="1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47" presetClass="entr" presetSubtype="0" fill="hold" nodeType="withEffect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7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7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7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55" presetClass="entr" presetSubtype="0" fill="hold" nodeType="withEffect">
                                  <p:stCondLst>
                                    <p:cond delay="22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4727848" y="2793258"/>
            <a:ext cx="5933624" cy="1296144"/>
            <a:chOff x="726608" y="1628800"/>
            <a:chExt cx="5933624" cy="1296144"/>
          </a:xfrm>
        </p:grpSpPr>
        <p:sp>
          <p:nvSpPr>
            <p:cNvPr id="3" name="矩形 2"/>
            <p:cNvSpPr/>
            <p:nvPr/>
          </p:nvSpPr>
          <p:spPr>
            <a:xfrm>
              <a:off x="726608" y="1628800"/>
              <a:ext cx="5933624" cy="1296144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sp>
          <p:nvSpPr>
            <p:cNvPr id="4" name="矩形 3"/>
            <p:cNvSpPr>
              <a:spLocks noChangeArrowheads="1"/>
            </p:cNvSpPr>
            <p:nvPr/>
          </p:nvSpPr>
          <p:spPr bwMode="auto">
            <a:xfrm>
              <a:off x="844658" y="1851341"/>
              <a:ext cx="5362284" cy="86177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>
                <a:lnSpc>
                  <a:spcPts val="2000"/>
                </a:lnSpc>
              </a:pPr>
              <a:r>
                <a:rPr lang="en-US" altLang="zh-CN" sz="1200" dirty="0">
                  <a:latin typeface="Arial" charset="0"/>
                </a:rPr>
                <a:t>RAPIDPPT, the leader of professional PPT designer in China. </a:t>
              </a:r>
            </a:p>
            <a:p>
              <a:pPr>
                <a:lnSpc>
                  <a:spcPts val="2000"/>
                </a:lnSpc>
              </a:pPr>
              <a:r>
                <a:rPr lang="en-US" altLang="zh-CN" sz="1200" dirty="0">
                  <a:latin typeface="Arial" charset="0"/>
                </a:rPr>
                <a:t>5years of making professional PPT, 500 case studies for the classical PPT, make sure you will be be</a:t>
              </a:r>
            </a:p>
          </p:txBody>
        </p:sp>
      </p:grpSp>
      <p:grpSp>
        <p:nvGrpSpPr>
          <p:cNvPr id="5" name="组合 4"/>
          <p:cNvGrpSpPr/>
          <p:nvPr/>
        </p:nvGrpSpPr>
        <p:grpSpPr>
          <a:xfrm>
            <a:off x="1820863" y="2143674"/>
            <a:ext cx="825500" cy="2606598"/>
            <a:chOff x="296863" y="1566158"/>
            <a:chExt cx="825500" cy="2606598"/>
          </a:xfrm>
        </p:grpSpPr>
        <p:grpSp>
          <p:nvGrpSpPr>
            <p:cNvPr id="6" name="组合 5"/>
            <p:cNvGrpSpPr/>
            <p:nvPr/>
          </p:nvGrpSpPr>
          <p:grpSpPr>
            <a:xfrm>
              <a:off x="296863" y="2062969"/>
              <a:ext cx="825500" cy="2109787"/>
              <a:chOff x="296863" y="1549401"/>
              <a:chExt cx="825500" cy="2109787"/>
            </a:xfrm>
            <a:solidFill>
              <a:schemeClr val="tx1">
                <a:lumMod val="75000"/>
                <a:lumOff val="25000"/>
              </a:schemeClr>
            </a:solidFill>
          </p:grpSpPr>
          <p:sp>
            <p:nvSpPr>
              <p:cNvPr id="8" name="Freeform 6"/>
              <p:cNvSpPr>
                <a:spLocks/>
              </p:cNvSpPr>
              <p:nvPr/>
            </p:nvSpPr>
            <p:spPr bwMode="auto">
              <a:xfrm>
                <a:off x="296863" y="1912938"/>
                <a:ext cx="825500" cy="1746250"/>
              </a:xfrm>
              <a:custGeom>
                <a:avLst/>
                <a:gdLst>
                  <a:gd name="T0" fmla="*/ 32 w 43"/>
                  <a:gd name="T1" fmla="*/ 0 h 91"/>
                  <a:gd name="T2" fmla="*/ 11 w 43"/>
                  <a:gd name="T3" fmla="*/ 0 h 91"/>
                  <a:gd name="T4" fmla="*/ 0 w 43"/>
                  <a:gd name="T5" fmla="*/ 9 h 91"/>
                  <a:gd name="T6" fmla="*/ 0 w 43"/>
                  <a:gd name="T7" fmla="*/ 9 h 91"/>
                  <a:gd name="T8" fmla="*/ 0 w 43"/>
                  <a:gd name="T9" fmla="*/ 10 h 91"/>
                  <a:gd name="T10" fmla="*/ 0 w 43"/>
                  <a:gd name="T11" fmla="*/ 41 h 91"/>
                  <a:gd name="T12" fmla="*/ 3 w 43"/>
                  <a:gd name="T13" fmla="*/ 44 h 91"/>
                  <a:gd name="T14" fmla="*/ 7 w 43"/>
                  <a:gd name="T15" fmla="*/ 41 h 91"/>
                  <a:gd name="T16" fmla="*/ 7 w 43"/>
                  <a:gd name="T17" fmla="*/ 14 h 91"/>
                  <a:gd name="T18" fmla="*/ 10 w 43"/>
                  <a:gd name="T19" fmla="*/ 14 h 91"/>
                  <a:gd name="T20" fmla="*/ 10 w 43"/>
                  <a:gd name="T21" fmla="*/ 40 h 91"/>
                  <a:gd name="T22" fmla="*/ 10 w 43"/>
                  <a:gd name="T23" fmla="*/ 41 h 91"/>
                  <a:gd name="T24" fmla="*/ 10 w 43"/>
                  <a:gd name="T25" fmla="*/ 86 h 91"/>
                  <a:gd name="T26" fmla="*/ 15 w 43"/>
                  <a:gd name="T27" fmla="*/ 91 h 91"/>
                  <a:gd name="T28" fmla="*/ 20 w 43"/>
                  <a:gd name="T29" fmla="*/ 86 h 91"/>
                  <a:gd name="T30" fmla="*/ 20 w 43"/>
                  <a:gd name="T31" fmla="*/ 46 h 91"/>
                  <a:gd name="T32" fmla="*/ 22 w 43"/>
                  <a:gd name="T33" fmla="*/ 46 h 91"/>
                  <a:gd name="T34" fmla="*/ 22 w 43"/>
                  <a:gd name="T35" fmla="*/ 86 h 91"/>
                  <a:gd name="T36" fmla="*/ 27 w 43"/>
                  <a:gd name="T37" fmla="*/ 91 h 91"/>
                  <a:gd name="T38" fmla="*/ 32 w 43"/>
                  <a:gd name="T39" fmla="*/ 86 h 91"/>
                  <a:gd name="T40" fmla="*/ 32 w 43"/>
                  <a:gd name="T41" fmla="*/ 40 h 91"/>
                  <a:gd name="T42" fmla="*/ 32 w 43"/>
                  <a:gd name="T43" fmla="*/ 39 h 91"/>
                  <a:gd name="T44" fmla="*/ 32 w 43"/>
                  <a:gd name="T45" fmla="*/ 14 h 91"/>
                  <a:gd name="T46" fmla="*/ 35 w 43"/>
                  <a:gd name="T47" fmla="*/ 14 h 91"/>
                  <a:gd name="T48" fmla="*/ 35 w 43"/>
                  <a:gd name="T49" fmla="*/ 41 h 91"/>
                  <a:gd name="T50" fmla="*/ 39 w 43"/>
                  <a:gd name="T51" fmla="*/ 44 h 91"/>
                  <a:gd name="T52" fmla="*/ 43 w 43"/>
                  <a:gd name="T53" fmla="*/ 41 h 91"/>
                  <a:gd name="T54" fmla="*/ 43 w 43"/>
                  <a:gd name="T55" fmla="*/ 10 h 91"/>
                  <a:gd name="T56" fmla="*/ 43 w 43"/>
                  <a:gd name="T57" fmla="*/ 9 h 91"/>
                  <a:gd name="T58" fmla="*/ 43 w 43"/>
                  <a:gd name="T59" fmla="*/ 8 h 91"/>
                  <a:gd name="T60" fmla="*/ 32 w 43"/>
                  <a:gd name="T61" fmla="*/ 0 h 9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43" h="91">
                    <a:moveTo>
                      <a:pt x="32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3" y="0"/>
                      <a:pt x="0" y="6"/>
                      <a:pt x="0" y="9"/>
                    </a:cubicBezTo>
                    <a:cubicBezTo>
                      <a:pt x="0" y="9"/>
                      <a:pt x="0" y="9"/>
                      <a:pt x="0" y="9"/>
                    </a:cubicBezTo>
                    <a:cubicBezTo>
                      <a:pt x="0" y="10"/>
                      <a:pt x="0" y="10"/>
                      <a:pt x="0" y="10"/>
                    </a:cubicBezTo>
                    <a:cubicBezTo>
                      <a:pt x="0" y="41"/>
                      <a:pt x="0" y="41"/>
                      <a:pt x="0" y="41"/>
                    </a:cubicBezTo>
                    <a:cubicBezTo>
                      <a:pt x="0" y="43"/>
                      <a:pt x="1" y="44"/>
                      <a:pt x="3" y="44"/>
                    </a:cubicBezTo>
                    <a:cubicBezTo>
                      <a:pt x="5" y="44"/>
                      <a:pt x="7" y="43"/>
                      <a:pt x="7" y="41"/>
                    </a:cubicBezTo>
                    <a:cubicBezTo>
                      <a:pt x="7" y="14"/>
                      <a:pt x="7" y="14"/>
                      <a:pt x="7" y="14"/>
                    </a:cubicBezTo>
                    <a:cubicBezTo>
                      <a:pt x="10" y="14"/>
                      <a:pt x="10" y="14"/>
                      <a:pt x="10" y="14"/>
                    </a:cubicBezTo>
                    <a:cubicBezTo>
                      <a:pt x="10" y="40"/>
                      <a:pt x="10" y="40"/>
                      <a:pt x="10" y="40"/>
                    </a:cubicBezTo>
                    <a:cubicBezTo>
                      <a:pt x="10" y="40"/>
                      <a:pt x="10" y="40"/>
                      <a:pt x="10" y="41"/>
                    </a:cubicBezTo>
                    <a:cubicBezTo>
                      <a:pt x="10" y="86"/>
                      <a:pt x="10" y="86"/>
                      <a:pt x="10" y="86"/>
                    </a:cubicBezTo>
                    <a:cubicBezTo>
                      <a:pt x="10" y="89"/>
                      <a:pt x="12" y="91"/>
                      <a:pt x="15" y="91"/>
                    </a:cubicBezTo>
                    <a:cubicBezTo>
                      <a:pt x="18" y="91"/>
                      <a:pt x="20" y="89"/>
                      <a:pt x="20" y="86"/>
                    </a:cubicBezTo>
                    <a:cubicBezTo>
                      <a:pt x="20" y="46"/>
                      <a:pt x="20" y="46"/>
                      <a:pt x="20" y="46"/>
                    </a:cubicBezTo>
                    <a:cubicBezTo>
                      <a:pt x="22" y="46"/>
                      <a:pt x="22" y="46"/>
                      <a:pt x="22" y="46"/>
                    </a:cubicBezTo>
                    <a:cubicBezTo>
                      <a:pt x="22" y="86"/>
                      <a:pt x="22" y="86"/>
                      <a:pt x="22" y="86"/>
                    </a:cubicBezTo>
                    <a:cubicBezTo>
                      <a:pt x="22" y="89"/>
                      <a:pt x="25" y="91"/>
                      <a:pt x="27" y="91"/>
                    </a:cubicBezTo>
                    <a:cubicBezTo>
                      <a:pt x="30" y="91"/>
                      <a:pt x="32" y="89"/>
                      <a:pt x="32" y="86"/>
                    </a:cubicBezTo>
                    <a:cubicBezTo>
                      <a:pt x="32" y="40"/>
                      <a:pt x="32" y="40"/>
                      <a:pt x="32" y="40"/>
                    </a:cubicBezTo>
                    <a:cubicBezTo>
                      <a:pt x="32" y="39"/>
                      <a:pt x="32" y="39"/>
                      <a:pt x="32" y="39"/>
                    </a:cubicBezTo>
                    <a:cubicBezTo>
                      <a:pt x="32" y="14"/>
                      <a:pt x="32" y="14"/>
                      <a:pt x="32" y="14"/>
                    </a:cubicBezTo>
                    <a:cubicBezTo>
                      <a:pt x="35" y="14"/>
                      <a:pt x="35" y="14"/>
                      <a:pt x="35" y="14"/>
                    </a:cubicBezTo>
                    <a:cubicBezTo>
                      <a:pt x="35" y="41"/>
                      <a:pt x="35" y="41"/>
                      <a:pt x="35" y="41"/>
                    </a:cubicBezTo>
                    <a:cubicBezTo>
                      <a:pt x="35" y="43"/>
                      <a:pt x="37" y="44"/>
                      <a:pt x="39" y="44"/>
                    </a:cubicBezTo>
                    <a:cubicBezTo>
                      <a:pt x="41" y="44"/>
                      <a:pt x="43" y="43"/>
                      <a:pt x="43" y="41"/>
                    </a:cubicBezTo>
                    <a:cubicBezTo>
                      <a:pt x="43" y="10"/>
                      <a:pt x="43" y="10"/>
                      <a:pt x="43" y="10"/>
                    </a:cubicBezTo>
                    <a:cubicBezTo>
                      <a:pt x="43" y="9"/>
                      <a:pt x="43" y="9"/>
                      <a:pt x="43" y="9"/>
                    </a:cubicBezTo>
                    <a:cubicBezTo>
                      <a:pt x="43" y="8"/>
                      <a:pt x="43" y="8"/>
                      <a:pt x="43" y="8"/>
                    </a:cubicBezTo>
                    <a:cubicBezTo>
                      <a:pt x="43" y="5"/>
                      <a:pt x="39" y="0"/>
                      <a:pt x="32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" name="Oval 7"/>
              <p:cNvSpPr>
                <a:spLocks noChangeArrowheads="1"/>
              </p:cNvSpPr>
              <p:nvPr/>
            </p:nvSpPr>
            <p:spPr bwMode="auto">
              <a:xfrm>
                <a:off x="546101" y="1549401"/>
                <a:ext cx="327025" cy="325438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7" name="TextBox 6"/>
            <p:cNvSpPr txBox="1"/>
            <p:nvPr/>
          </p:nvSpPr>
          <p:spPr>
            <a:xfrm>
              <a:off x="410144" y="1566158"/>
              <a:ext cx="511679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20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60</a:t>
              </a:r>
              <a:r>
                <a:rPr lang="en-US" altLang="zh-CN" sz="11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20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  <p:grpSp>
        <p:nvGrpSpPr>
          <p:cNvPr id="10" name="组合 9"/>
          <p:cNvGrpSpPr/>
          <p:nvPr/>
        </p:nvGrpSpPr>
        <p:grpSpPr>
          <a:xfrm>
            <a:off x="2762252" y="2143674"/>
            <a:ext cx="825500" cy="2606598"/>
            <a:chOff x="1238251" y="1566158"/>
            <a:chExt cx="825500" cy="2606598"/>
          </a:xfrm>
        </p:grpSpPr>
        <p:grpSp>
          <p:nvGrpSpPr>
            <p:cNvPr id="11" name="组合 10"/>
            <p:cNvGrpSpPr/>
            <p:nvPr/>
          </p:nvGrpSpPr>
          <p:grpSpPr>
            <a:xfrm>
              <a:off x="1238251" y="2062969"/>
              <a:ext cx="825500" cy="2109787"/>
              <a:chOff x="1238251" y="1549401"/>
              <a:chExt cx="825500" cy="2109787"/>
            </a:xfrm>
            <a:solidFill>
              <a:srgbClr val="729A95"/>
            </a:solidFill>
          </p:grpSpPr>
          <p:sp>
            <p:nvSpPr>
              <p:cNvPr id="13" name="Freeform 8"/>
              <p:cNvSpPr>
                <a:spLocks/>
              </p:cNvSpPr>
              <p:nvPr/>
            </p:nvSpPr>
            <p:spPr bwMode="auto">
              <a:xfrm>
                <a:off x="1238251" y="1912938"/>
                <a:ext cx="825500" cy="1746250"/>
              </a:xfrm>
              <a:custGeom>
                <a:avLst/>
                <a:gdLst>
                  <a:gd name="T0" fmla="*/ 32 w 43"/>
                  <a:gd name="T1" fmla="*/ 0 h 91"/>
                  <a:gd name="T2" fmla="*/ 11 w 43"/>
                  <a:gd name="T3" fmla="*/ 0 h 91"/>
                  <a:gd name="T4" fmla="*/ 0 w 43"/>
                  <a:gd name="T5" fmla="*/ 9 h 91"/>
                  <a:gd name="T6" fmla="*/ 0 w 43"/>
                  <a:gd name="T7" fmla="*/ 9 h 91"/>
                  <a:gd name="T8" fmla="*/ 0 w 43"/>
                  <a:gd name="T9" fmla="*/ 10 h 91"/>
                  <a:gd name="T10" fmla="*/ 0 w 43"/>
                  <a:gd name="T11" fmla="*/ 41 h 91"/>
                  <a:gd name="T12" fmla="*/ 3 w 43"/>
                  <a:gd name="T13" fmla="*/ 44 h 91"/>
                  <a:gd name="T14" fmla="*/ 7 w 43"/>
                  <a:gd name="T15" fmla="*/ 41 h 91"/>
                  <a:gd name="T16" fmla="*/ 7 w 43"/>
                  <a:gd name="T17" fmla="*/ 14 h 91"/>
                  <a:gd name="T18" fmla="*/ 10 w 43"/>
                  <a:gd name="T19" fmla="*/ 14 h 91"/>
                  <a:gd name="T20" fmla="*/ 10 w 43"/>
                  <a:gd name="T21" fmla="*/ 40 h 91"/>
                  <a:gd name="T22" fmla="*/ 10 w 43"/>
                  <a:gd name="T23" fmla="*/ 41 h 91"/>
                  <a:gd name="T24" fmla="*/ 10 w 43"/>
                  <a:gd name="T25" fmla="*/ 86 h 91"/>
                  <a:gd name="T26" fmla="*/ 15 w 43"/>
                  <a:gd name="T27" fmla="*/ 91 h 91"/>
                  <a:gd name="T28" fmla="*/ 20 w 43"/>
                  <a:gd name="T29" fmla="*/ 86 h 91"/>
                  <a:gd name="T30" fmla="*/ 20 w 43"/>
                  <a:gd name="T31" fmla="*/ 46 h 91"/>
                  <a:gd name="T32" fmla="*/ 22 w 43"/>
                  <a:gd name="T33" fmla="*/ 46 h 91"/>
                  <a:gd name="T34" fmla="*/ 22 w 43"/>
                  <a:gd name="T35" fmla="*/ 86 h 91"/>
                  <a:gd name="T36" fmla="*/ 27 w 43"/>
                  <a:gd name="T37" fmla="*/ 91 h 91"/>
                  <a:gd name="T38" fmla="*/ 32 w 43"/>
                  <a:gd name="T39" fmla="*/ 86 h 91"/>
                  <a:gd name="T40" fmla="*/ 32 w 43"/>
                  <a:gd name="T41" fmla="*/ 40 h 91"/>
                  <a:gd name="T42" fmla="*/ 32 w 43"/>
                  <a:gd name="T43" fmla="*/ 39 h 91"/>
                  <a:gd name="T44" fmla="*/ 32 w 43"/>
                  <a:gd name="T45" fmla="*/ 14 h 91"/>
                  <a:gd name="T46" fmla="*/ 35 w 43"/>
                  <a:gd name="T47" fmla="*/ 14 h 91"/>
                  <a:gd name="T48" fmla="*/ 35 w 43"/>
                  <a:gd name="T49" fmla="*/ 41 h 91"/>
                  <a:gd name="T50" fmla="*/ 39 w 43"/>
                  <a:gd name="T51" fmla="*/ 44 h 91"/>
                  <a:gd name="T52" fmla="*/ 43 w 43"/>
                  <a:gd name="T53" fmla="*/ 41 h 91"/>
                  <a:gd name="T54" fmla="*/ 43 w 43"/>
                  <a:gd name="T55" fmla="*/ 10 h 91"/>
                  <a:gd name="T56" fmla="*/ 43 w 43"/>
                  <a:gd name="T57" fmla="*/ 9 h 91"/>
                  <a:gd name="T58" fmla="*/ 43 w 43"/>
                  <a:gd name="T59" fmla="*/ 8 h 91"/>
                  <a:gd name="T60" fmla="*/ 32 w 43"/>
                  <a:gd name="T61" fmla="*/ 0 h 9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43" h="91">
                    <a:moveTo>
                      <a:pt x="32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2" y="0"/>
                      <a:pt x="0" y="6"/>
                      <a:pt x="0" y="9"/>
                    </a:cubicBezTo>
                    <a:cubicBezTo>
                      <a:pt x="0" y="9"/>
                      <a:pt x="0" y="9"/>
                      <a:pt x="0" y="9"/>
                    </a:cubicBezTo>
                    <a:cubicBezTo>
                      <a:pt x="0" y="10"/>
                      <a:pt x="0" y="10"/>
                      <a:pt x="0" y="10"/>
                    </a:cubicBezTo>
                    <a:cubicBezTo>
                      <a:pt x="0" y="41"/>
                      <a:pt x="0" y="41"/>
                      <a:pt x="0" y="41"/>
                    </a:cubicBezTo>
                    <a:cubicBezTo>
                      <a:pt x="0" y="43"/>
                      <a:pt x="1" y="44"/>
                      <a:pt x="3" y="44"/>
                    </a:cubicBezTo>
                    <a:cubicBezTo>
                      <a:pt x="5" y="44"/>
                      <a:pt x="7" y="43"/>
                      <a:pt x="7" y="41"/>
                    </a:cubicBezTo>
                    <a:cubicBezTo>
                      <a:pt x="7" y="14"/>
                      <a:pt x="7" y="14"/>
                      <a:pt x="7" y="14"/>
                    </a:cubicBezTo>
                    <a:cubicBezTo>
                      <a:pt x="10" y="14"/>
                      <a:pt x="10" y="14"/>
                      <a:pt x="10" y="14"/>
                    </a:cubicBezTo>
                    <a:cubicBezTo>
                      <a:pt x="10" y="40"/>
                      <a:pt x="10" y="40"/>
                      <a:pt x="10" y="40"/>
                    </a:cubicBezTo>
                    <a:cubicBezTo>
                      <a:pt x="10" y="40"/>
                      <a:pt x="10" y="40"/>
                      <a:pt x="10" y="41"/>
                    </a:cubicBezTo>
                    <a:cubicBezTo>
                      <a:pt x="10" y="86"/>
                      <a:pt x="10" y="86"/>
                      <a:pt x="10" y="86"/>
                    </a:cubicBezTo>
                    <a:cubicBezTo>
                      <a:pt x="10" y="89"/>
                      <a:pt x="12" y="91"/>
                      <a:pt x="15" y="91"/>
                    </a:cubicBezTo>
                    <a:cubicBezTo>
                      <a:pt x="18" y="91"/>
                      <a:pt x="20" y="89"/>
                      <a:pt x="20" y="86"/>
                    </a:cubicBezTo>
                    <a:cubicBezTo>
                      <a:pt x="20" y="46"/>
                      <a:pt x="20" y="46"/>
                      <a:pt x="20" y="46"/>
                    </a:cubicBezTo>
                    <a:cubicBezTo>
                      <a:pt x="22" y="46"/>
                      <a:pt x="22" y="46"/>
                      <a:pt x="22" y="46"/>
                    </a:cubicBezTo>
                    <a:cubicBezTo>
                      <a:pt x="22" y="86"/>
                      <a:pt x="22" y="86"/>
                      <a:pt x="22" y="86"/>
                    </a:cubicBezTo>
                    <a:cubicBezTo>
                      <a:pt x="22" y="89"/>
                      <a:pt x="25" y="91"/>
                      <a:pt x="27" y="91"/>
                    </a:cubicBezTo>
                    <a:cubicBezTo>
                      <a:pt x="30" y="91"/>
                      <a:pt x="32" y="89"/>
                      <a:pt x="32" y="86"/>
                    </a:cubicBezTo>
                    <a:cubicBezTo>
                      <a:pt x="32" y="40"/>
                      <a:pt x="32" y="40"/>
                      <a:pt x="32" y="40"/>
                    </a:cubicBezTo>
                    <a:cubicBezTo>
                      <a:pt x="32" y="39"/>
                      <a:pt x="32" y="39"/>
                      <a:pt x="32" y="39"/>
                    </a:cubicBezTo>
                    <a:cubicBezTo>
                      <a:pt x="32" y="14"/>
                      <a:pt x="32" y="14"/>
                      <a:pt x="32" y="14"/>
                    </a:cubicBezTo>
                    <a:cubicBezTo>
                      <a:pt x="35" y="14"/>
                      <a:pt x="35" y="14"/>
                      <a:pt x="35" y="14"/>
                    </a:cubicBezTo>
                    <a:cubicBezTo>
                      <a:pt x="35" y="41"/>
                      <a:pt x="35" y="41"/>
                      <a:pt x="35" y="41"/>
                    </a:cubicBezTo>
                    <a:cubicBezTo>
                      <a:pt x="35" y="43"/>
                      <a:pt x="37" y="44"/>
                      <a:pt x="39" y="44"/>
                    </a:cubicBezTo>
                    <a:cubicBezTo>
                      <a:pt x="41" y="44"/>
                      <a:pt x="43" y="43"/>
                      <a:pt x="43" y="41"/>
                    </a:cubicBezTo>
                    <a:cubicBezTo>
                      <a:pt x="43" y="10"/>
                      <a:pt x="43" y="10"/>
                      <a:pt x="43" y="10"/>
                    </a:cubicBezTo>
                    <a:cubicBezTo>
                      <a:pt x="43" y="9"/>
                      <a:pt x="43" y="9"/>
                      <a:pt x="43" y="9"/>
                    </a:cubicBezTo>
                    <a:cubicBezTo>
                      <a:pt x="43" y="8"/>
                      <a:pt x="43" y="8"/>
                      <a:pt x="43" y="8"/>
                    </a:cubicBezTo>
                    <a:cubicBezTo>
                      <a:pt x="43" y="5"/>
                      <a:pt x="39" y="0"/>
                      <a:pt x="32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4" name="Oval 9"/>
              <p:cNvSpPr>
                <a:spLocks noChangeArrowheads="1"/>
              </p:cNvSpPr>
              <p:nvPr/>
            </p:nvSpPr>
            <p:spPr bwMode="auto">
              <a:xfrm>
                <a:off x="1468438" y="1549401"/>
                <a:ext cx="346075" cy="325438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12" name="TextBox 11"/>
            <p:cNvSpPr txBox="1"/>
            <p:nvPr/>
          </p:nvSpPr>
          <p:spPr>
            <a:xfrm>
              <a:off x="1374648" y="1566158"/>
              <a:ext cx="511679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20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80</a:t>
              </a:r>
              <a:r>
                <a:rPr lang="en-US" altLang="zh-CN" sz="11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20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684590" y="2143674"/>
            <a:ext cx="844550" cy="2606598"/>
            <a:chOff x="2160588" y="1566158"/>
            <a:chExt cx="844550" cy="2606598"/>
          </a:xfrm>
        </p:grpSpPr>
        <p:grpSp>
          <p:nvGrpSpPr>
            <p:cNvPr id="16" name="组合 15"/>
            <p:cNvGrpSpPr/>
            <p:nvPr/>
          </p:nvGrpSpPr>
          <p:grpSpPr>
            <a:xfrm>
              <a:off x="2160588" y="2062969"/>
              <a:ext cx="844550" cy="2109787"/>
              <a:chOff x="2160588" y="1549401"/>
              <a:chExt cx="844550" cy="2109787"/>
            </a:xfrm>
            <a:solidFill>
              <a:srgbClr val="CABD6C"/>
            </a:solidFill>
          </p:grpSpPr>
          <p:sp>
            <p:nvSpPr>
              <p:cNvPr id="18" name="Freeform 10"/>
              <p:cNvSpPr>
                <a:spLocks/>
              </p:cNvSpPr>
              <p:nvPr/>
            </p:nvSpPr>
            <p:spPr bwMode="auto">
              <a:xfrm>
                <a:off x="2160588" y="1912938"/>
                <a:ext cx="844550" cy="1746250"/>
              </a:xfrm>
              <a:custGeom>
                <a:avLst/>
                <a:gdLst>
                  <a:gd name="T0" fmla="*/ 33 w 44"/>
                  <a:gd name="T1" fmla="*/ 0 h 91"/>
                  <a:gd name="T2" fmla="*/ 11 w 44"/>
                  <a:gd name="T3" fmla="*/ 0 h 91"/>
                  <a:gd name="T4" fmla="*/ 0 w 44"/>
                  <a:gd name="T5" fmla="*/ 9 h 91"/>
                  <a:gd name="T6" fmla="*/ 0 w 44"/>
                  <a:gd name="T7" fmla="*/ 9 h 91"/>
                  <a:gd name="T8" fmla="*/ 0 w 44"/>
                  <a:gd name="T9" fmla="*/ 10 h 91"/>
                  <a:gd name="T10" fmla="*/ 0 w 44"/>
                  <a:gd name="T11" fmla="*/ 41 h 91"/>
                  <a:gd name="T12" fmla="*/ 4 w 44"/>
                  <a:gd name="T13" fmla="*/ 44 h 91"/>
                  <a:gd name="T14" fmla="*/ 8 w 44"/>
                  <a:gd name="T15" fmla="*/ 41 h 91"/>
                  <a:gd name="T16" fmla="*/ 8 w 44"/>
                  <a:gd name="T17" fmla="*/ 14 h 91"/>
                  <a:gd name="T18" fmla="*/ 11 w 44"/>
                  <a:gd name="T19" fmla="*/ 14 h 91"/>
                  <a:gd name="T20" fmla="*/ 11 w 44"/>
                  <a:gd name="T21" fmla="*/ 40 h 91"/>
                  <a:gd name="T22" fmla="*/ 11 w 44"/>
                  <a:gd name="T23" fmla="*/ 41 h 91"/>
                  <a:gd name="T24" fmla="*/ 11 w 44"/>
                  <a:gd name="T25" fmla="*/ 86 h 91"/>
                  <a:gd name="T26" fmla="*/ 16 w 44"/>
                  <a:gd name="T27" fmla="*/ 91 h 91"/>
                  <a:gd name="T28" fmla="*/ 21 w 44"/>
                  <a:gd name="T29" fmla="*/ 86 h 91"/>
                  <a:gd name="T30" fmla="*/ 21 w 44"/>
                  <a:gd name="T31" fmla="*/ 46 h 91"/>
                  <a:gd name="T32" fmla="*/ 23 w 44"/>
                  <a:gd name="T33" fmla="*/ 46 h 91"/>
                  <a:gd name="T34" fmla="*/ 23 w 44"/>
                  <a:gd name="T35" fmla="*/ 86 h 91"/>
                  <a:gd name="T36" fmla="*/ 28 w 44"/>
                  <a:gd name="T37" fmla="*/ 91 h 91"/>
                  <a:gd name="T38" fmla="*/ 33 w 44"/>
                  <a:gd name="T39" fmla="*/ 86 h 91"/>
                  <a:gd name="T40" fmla="*/ 33 w 44"/>
                  <a:gd name="T41" fmla="*/ 40 h 91"/>
                  <a:gd name="T42" fmla="*/ 33 w 44"/>
                  <a:gd name="T43" fmla="*/ 39 h 91"/>
                  <a:gd name="T44" fmla="*/ 33 w 44"/>
                  <a:gd name="T45" fmla="*/ 14 h 91"/>
                  <a:gd name="T46" fmla="*/ 36 w 44"/>
                  <a:gd name="T47" fmla="*/ 14 h 91"/>
                  <a:gd name="T48" fmla="*/ 36 w 44"/>
                  <a:gd name="T49" fmla="*/ 41 h 91"/>
                  <a:gd name="T50" fmla="*/ 40 w 44"/>
                  <a:gd name="T51" fmla="*/ 44 h 91"/>
                  <a:gd name="T52" fmla="*/ 44 w 44"/>
                  <a:gd name="T53" fmla="*/ 41 h 91"/>
                  <a:gd name="T54" fmla="*/ 44 w 44"/>
                  <a:gd name="T55" fmla="*/ 10 h 91"/>
                  <a:gd name="T56" fmla="*/ 44 w 44"/>
                  <a:gd name="T57" fmla="*/ 9 h 91"/>
                  <a:gd name="T58" fmla="*/ 44 w 44"/>
                  <a:gd name="T59" fmla="*/ 8 h 91"/>
                  <a:gd name="T60" fmla="*/ 33 w 44"/>
                  <a:gd name="T61" fmla="*/ 0 h 9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44" h="91">
                    <a:moveTo>
                      <a:pt x="33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3" y="0"/>
                      <a:pt x="0" y="6"/>
                      <a:pt x="0" y="9"/>
                    </a:cubicBezTo>
                    <a:cubicBezTo>
                      <a:pt x="0" y="9"/>
                      <a:pt x="0" y="9"/>
                      <a:pt x="0" y="9"/>
                    </a:cubicBezTo>
                    <a:cubicBezTo>
                      <a:pt x="0" y="10"/>
                      <a:pt x="0" y="10"/>
                      <a:pt x="0" y="10"/>
                    </a:cubicBezTo>
                    <a:cubicBezTo>
                      <a:pt x="0" y="41"/>
                      <a:pt x="0" y="41"/>
                      <a:pt x="0" y="41"/>
                    </a:cubicBezTo>
                    <a:cubicBezTo>
                      <a:pt x="0" y="43"/>
                      <a:pt x="2" y="44"/>
                      <a:pt x="4" y="44"/>
                    </a:cubicBezTo>
                    <a:cubicBezTo>
                      <a:pt x="6" y="44"/>
                      <a:pt x="8" y="43"/>
                      <a:pt x="8" y="41"/>
                    </a:cubicBezTo>
                    <a:cubicBezTo>
                      <a:pt x="8" y="14"/>
                      <a:pt x="8" y="14"/>
                      <a:pt x="8" y="14"/>
                    </a:cubicBezTo>
                    <a:cubicBezTo>
                      <a:pt x="11" y="14"/>
                      <a:pt x="11" y="14"/>
                      <a:pt x="11" y="14"/>
                    </a:cubicBezTo>
                    <a:cubicBezTo>
                      <a:pt x="11" y="40"/>
                      <a:pt x="11" y="40"/>
                      <a:pt x="11" y="40"/>
                    </a:cubicBezTo>
                    <a:cubicBezTo>
                      <a:pt x="11" y="40"/>
                      <a:pt x="11" y="40"/>
                      <a:pt x="11" y="41"/>
                    </a:cubicBezTo>
                    <a:cubicBezTo>
                      <a:pt x="11" y="86"/>
                      <a:pt x="11" y="86"/>
                      <a:pt x="11" y="86"/>
                    </a:cubicBezTo>
                    <a:cubicBezTo>
                      <a:pt x="11" y="89"/>
                      <a:pt x="13" y="91"/>
                      <a:pt x="16" y="91"/>
                    </a:cubicBezTo>
                    <a:cubicBezTo>
                      <a:pt x="18" y="91"/>
                      <a:pt x="21" y="89"/>
                      <a:pt x="21" y="86"/>
                    </a:cubicBezTo>
                    <a:cubicBezTo>
                      <a:pt x="21" y="46"/>
                      <a:pt x="21" y="46"/>
                      <a:pt x="21" y="46"/>
                    </a:cubicBezTo>
                    <a:cubicBezTo>
                      <a:pt x="23" y="46"/>
                      <a:pt x="23" y="46"/>
                      <a:pt x="23" y="46"/>
                    </a:cubicBezTo>
                    <a:cubicBezTo>
                      <a:pt x="23" y="86"/>
                      <a:pt x="23" y="86"/>
                      <a:pt x="23" y="86"/>
                    </a:cubicBezTo>
                    <a:cubicBezTo>
                      <a:pt x="23" y="89"/>
                      <a:pt x="25" y="91"/>
                      <a:pt x="28" y="91"/>
                    </a:cubicBezTo>
                    <a:cubicBezTo>
                      <a:pt x="31" y="91"/>
                      <a:pt x="33" y="89"/>
                      <a:pt x="33" y="86"/>
                    </a:cubicBezTo>
                    <a:cubicBezTo>
                      <a:pt x="33" y="40"/>
                      <a:pt x="33" y="40"/>
                      <a:pt x="33" y="40"/>
                    </a:cubicBezTo>
                    <a:cubicBezTo>
                      <a:pt x="33" y="39"/>
                      <a:pt x="33" y="39"/>
                      <a:pt x="33" y="39"/>
                    </a:cubicBezTo>
                    <a:cubicBezTo>
                      <a:pt x="33" y="14"/>
                      <a:pt x="33" y="14"/>
                      <a:pt x="33" y="14"/>
                    </a:cubicBezTo>
                    <a:cubicBezTo>
                      <a:pt x="36" y="14"/>
                      <a:pt x="36" y="14"/>
                      <a:pt x="36" y="14"/>
                    </a:cubicBezTo>
                    <a:cubicBezTo>
                      <a:pt x="36" y="41"/>
                      <a:pt x="36" y="41"/>
                      <a:pt x="36" y="41"/>
                    </a:cubicBezTo>
                    <a:cubicBezTo>
                      <a:pt x="36" y="43"/>
                      <a:pt x="38" y="44"/>
                      <a:pt x="40" y="44"/>
                    </a:cubicBezTo>
                    <a:cubicBezTo>
                      <a:pt x="42" y="44"/>
                      <a:pt x="44" y="43"/>
                      <a:pt x="44" y="41"/>
                    </a:cubicBezTo>
                    <a:cubicBezTo>
                      <a:pt x="44" y="10"/>
                      <a:pt x="44" y="10"/>
                      <a:pt x="44" y="10"/>
                    </a:cubicBezTo>
                    <a:cubicBezTo>
                      <a:pt x="44" y="9"/>
                      <a:pt x="44" y="9"/>
                      <a:pt x="44" y="9"/>
                    </a:cubicBezTo>
                    <a:cubicBezTo>
                      <a:pt x="44" y="8"/>
                      <a:pt x="44" y="8"/>
                      <a:pt x="44" y="8"/>
                    </a:cubicBezTo>
                    <a:cubicBezTo>
                      <a:pt x="44" y="5"/>
                      <a:pt x="40" y="0"/>
                      <a:pt x="33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9" name="Oval 11"/>
              <p:cNvSpPr>
                <a:spLocks noChangeArrowheads="1"/>
              </p:cNvSpPr>
              <p:nvPr/>
            </p:nvSpPr>
            <p:spPr bwMode="auto">
              <a:xfrm>
                <a:off x="2409826" y="1549401"/>
                <a:ext cx="346075" cy="325438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17" name="TextBox 16"/>
            <p:cNvSpPr txBox="1"/>
            <p:nvPr/>
          </p:nvSpPr>
          <p:spPr>
            <a:xfrm>
              <a:off x="2314100" y="1566158"/>
              <a:ext cx="511679" cy="40011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20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90</a:t>
              </a:r>
              <a:r>
                <a:rPr lang="en-US" altLang="zh-CN" sz="11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20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2" presetClass="entr" presetSubtype="8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矩形 30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grpSp>
        <p:nvGrpSpPr>
          <p:cNvPr id="32" name="组合 31"/>
          <p:cNvGrpSpPr/>
          <p:nvPr/>
        </p:nvGrpSpPr>
        <p:grpSpPr>
          <a:xfrm>
            <a:off x="2385819" y="2996146"/>
            <a:ext cx="936104" cy="936104"/>
            <a:chOff x="971600" y="1635646"/>
            <a:chExt cx="936104" cy="936104"/>
          </a:xfrm>
        </p:grpSpPr>
        <p:sp>
          <p:nvSpPr>
            <p:cNvPr id="33" name="椭圆 32"/>
            <p:cNvSpPr/>
            <p:nvPr/>
          </p:nvSpPr>
          <p:spPr>
            <a:xfrm>
              <a:off x="971600" y="1635646"/>
              <a:ext cx="936104" cy="936104"/>
            </a:xfrm>
            <a:prstGeom prst="ellipse">
              <a:avLst/>
            </a:prstGeom>
            <a:noFill/>
            <a:ln w="19050">
              <a:solidFill>
                <a:schemeClr val="tx1">
                  <a:lumMod val="65000"/>
                  <a:lumOff val="3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bg1">
                    <a:lumMod val="50000"/>
                  </a:schemeClr>
                </a:solidFill>
              </a:endParaRP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1135417" y="1744378"/>
              <a:ext cx="572593" cy="76944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44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方正正中黑简体" pitchFamily="2" charset="-122"/>
                  <a:ea typeface="方正正中黑简体" pitchFamily="2" charset="-122"/>
                </a:rPr>
                <a:t>3</a:t>
              </a:r>
              <a:endParaRPr lang="zh-CN" altLang="en-US" sz="4400" dirty="0">
                <a:solidFill>
                  <a:schemeClr val="tx1">
                    <a:lumMod val="65000"/>
                    <a:lumOff val="35000"/>
                  </a:schemeClr>
                </a:solidFill>
                <a:latin typeface="方正正中黑简体" pitchFamily="2" charset="-122"/>
                <a:ea typeface="方正正中黑简体" pitchFamily="2" charset="-122"/>
              </a:endParaRPr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5322601" y="1947593"/>
            <a:ext cx="2349499" cy="2057471"/>
            <a:chOff x="3482595" y="805643"/>
            <a:chExt cx="2349499" cy="2057471"/>
          </a:xfrm>
        </p:grpSpPr>
        <p:grpSp>
          <p:nvGrpSpPr>
            <p:cNvPr id="36" name="组合 35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38" name="任意多边形 3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39" name="任意多边形 3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37" name="矩形 36"/>
            <p:cNvSpPr/>
            <p:nvPr/>
          </p:nvSpPr>
          <p:spPr>
            <a:xfrm rot="3269671">
              <a:off x="3699646" y="1549437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40" name="组合 39"/>
          <p:cNvGrpSpPr/>
          <p:nvPr/>
        </p:nvGrpSpPr>
        <p:grpSpPr>
          <a:xfrm>
            <a:off x="6478511" y="2011091"/>
            <a:ext cx="2349499" cy="1993973"/>
            <a:chOff x="4716310" y="869141"/>
            <a:chExt cx="2349499" cy="1993973"/>
          </a:xfrm>
        </p:grpSpPr>
        <p:grpSp>
          <p:nvGrpSpPr>
            <p:cNvPr id="41" name="组合 40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43" name="任意多边形 4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44" name="任意多边形 43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2" name="矩形 41"/>
            <p:cNvSpPr/>
            <p:nvPr/>
          </p:nvSpPr>
          <p:spPr>
            <a:xfrm rot="3257822">
              <a:off x="4978718" y="1612935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7634419" y="1972991"/>
            <a:ext cx="2349499" cy="2032072"/>
            <a:chOff x="6138710" y="831042"/>
            <a:chExt cx="2349499" cy="2032072"/>
          </a:xfrm>
        </p:grpSpPr>
        <p:grpSp>
          <p:nvGrpSpPr>
            <p:cNvPr id="46" name="组合 45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48" name="任意多边形 4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49" name="任意多边形 4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7" name="矩形 46"/>
            <p:cNvSpPr/>
            <p:nvPr/>
          </p:nvSpPr>
          <p:spPr>
            <a:xfrm rot="3279009">
              <a:off x="6355761" y="1574836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50" name="组合 49"/>
          <p:cNvGrpSpPr/>
          <p:nvPr/>
        </p:nvGrpSpPr>
        <p:grpSpPr>
          <a:xfrm>
            <a:off x="4166693" y="1972993"/>
            <a:ext cx="2349499" cy="2032071"/>
            <a:chOff x="3482595" y="831043"/>
            <a:chExt cx="2349499" cy="2032071"/>
          </a:xfrm>
        </p:grpSpPr>
        <p:grpSp>
          <p:nvGrpSpPr>
            <p:cNvPr id="51" name="组合 50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53" name="任意多边形 5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54" name="任意多边形 53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52" name="矩形 51"/>
            <p:cNvSpPr/>
            <p:nvPr/>
          </p:nvSpPr>
          <p:spPr>
            <a:xfrm rot="3273216">
              <a:off x="3674245" y="1574837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55" name="组合 54"/>
          <p:cNvGrpSpPr/>
          <p:nvPr/>
        </p:nvGrpSpPr>
        <p:grpSpPr>
          <a:xfrm>
            <a:off x="6467090" y="2023005"/>
            <a:ext cx="2829559" cy="2661364"/>
            <a:chOff x="2171701" y="890977"/>
            <a:chExt cx="2829559" cy="2661364"/>
          </a:xfrm>
        </p:grpSpPr>
        <p:grpSp>
          <p:nvGrpSpPr>
            <p:cNvPr id="56" name="组合 55"/>
            <p:cNvGrpSpPr/>
            <p:nvPr/>
          </p:nvGrpSpPr>
          <p:grpSpPr>
            <a:xfrm>
              <a:off x="2171701" y="939799"/>
              <a:ext cx="2829559" cy="2612542"/>
              <a:chOff x="2171701" y="939799"/>
              <a:chExt cx="2829559" cy="2612542"/>
            </a:xfrm>
          </p:grpSpPr>
          <p:sp>
            <p:nvSpPr>
              <p:cNvPr id="58" name="任意多边形 5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  <a:gd name="connsiteX0" fmla="*/ 135732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35732 w 292894"/>
                  <a:gd name="connsiteY3" fmla="*/ 0 h 159545"/>
                  <a:gd name="connsiteX0" fmla="*/ 130969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30969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30969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30969" y="0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59" name="任意多边形 58"/>
              <p:cNvSpPr/>
              <p:nvPr/>
            </p:nvSpPr>
            <p:spPr>
              <a:xfrm>
                <a:off x="2298700" y="939799"/>
                <a:ext cx="2702560" cy="2612542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  <a:gd name="connsiteX0" fmla="*/ 0 w 3098800"/>
                  <a:gd name="connsiteY0" fmla="*/ 0 h 2298700"/>
                  <a:gd name="connsiteX1" fmla="*/ 1397000 w 3098800"/>
                  <a:gd name="connsiteY1" fmla="*/ 1397000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3098800"/>
                  <a:gd name="connsiteY0" fmla="*/ 0 h 2298700"/>
                  <a:gd name="connsiteX1" fmla="*/ 2311400 w 3098800"/>
                  <a:gd name="connsiteY1" fmla="*/ 2286000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3098800"/>
                  <a:gd name="connsiteY0" fmla="*/ 0 h 2305050"/>
                  <a:gd name="connsiteX1" fmla="*/ 235426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305050"/>
                  <a:gd name="connsiteX1" fmla="*/ 233140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305050"/>
                  <a:gd name="connsiteX1" fmla="*/ 228568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298700"/>
                  <a:gd name="connsiteX1" fmla="*/ 1889443 w 3098800"/>
                  <a:gd name="connsiteY1" fmla="*/ 1893388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2710180"/>
                  <a:gd name="connsiteY0" fmla="*/ 0 h 1920416"/>
                  <a:gd name="connsiteX1" fmla="*/ 1889443 w 2710180"/>
                  <a:gd name="connsiteY1" fmla="*/ 1893388 h 1920416"/>
                  <a:gd name="connsiteX2" fmla="*/ 2710180 w 2710180"/>
                  <a:gd name="connsiteY2" fmla="*/ 1920416 h 1920416"/>
                  <a:gd name="connsiteX3" fmla="*/ 825500 w 2710180"/>
                  <a:gd name="connsiteY3" fmla="*/ 0 h 1920416"/>
                  <a:gd name="connsiteX4" fmla="*/ 0 w 2710180"/>
                  <a:gd name="connsiteY4" fmla="*/ 0 h 1920416"/>
                  <a:gd name="connsiteX0" fmla="*/ 0 w 2702560"/>
                  <a:gd name="connsiteY0" fmla="*/ 0 h 1909290"/>
                  <a:gd name="connsiteX1" fmla="*/ 1889443 w 2702560"/>
                  <a:gd name="connsiteY1" fmla="*/ 1893388 h 1909290"/>
                  <a:gd name="connsiteX2" fmla="*/ 2702560 w 2702560"/>
                  <a:gd name="connsiteY2" fmla="*/ 1909290 h 1909290"/>
                  <a:gd name="connsiteX3" fmla="*/ 825500 w 2702560"/>
                  <a:gd name="connsiteY3" fmla="*/ 0 h 1909290"/>
                  <a:gd name="connsiteX4" fmla="*/ 0 w 2702560"/>
                  <a:gd name="connsiteY4" fmla="*/ 0 h 1909290"/>
                  <a:gd name="connsiteX0" fmla="*/ 0 w 2702560"/>
                  <a:gd name="connsiteY0" fmla="*/ 0 h 1909290"/>
                  <a:gd name="connsiteX1" fmla="*/ 1898968 w 2702560"/>
                  <a:gd name="connsiteY1" fmla="*/ 1907295 h 1909290"/>
                  <a:gd name="connsiteX2" fmla="*/ 2702560 w 2702560"/>
                  <a:gd name="connsiteY2" fmla="*/ 1909290 h 1909290"/>
                  <a:gd name="connsiteX3" fmla="*/ 825500 w 2702560"/>
                  <a:gd name="connsiteY3" fmla="*/ 0 h 1909290"/>
                  <a:gd name="connsiteX4" fmla="*/ 0 w 2702560"/>
                  <a:gd name="connsiteY4" fmla="*/ 0 h 1909290"/>
                  <a:gd name="connsiteX0" fmla="*/ 0 w 2702560"/>
                  <a:gd name="connsiteY0" fmla="*/ 0 h 1907295"/>
                  <a:gd name="connsiteX1" fmla="*/ 1898968 w 2702560"/>
                  <a:gd name="connsiteY1" fmla="*/ 1907295 h 1907295"/>
                  <a:gd name="connsiteX2" fmla="*/ 2702560 w 2702560"/>
                  <a:gd name="connsiteY2" fmla="*/ 1904654 h 1907295"/>
                  <a:gd name="connsiteX3" fmla="*/ 825500 w 2702560"/>
                  <a:gd name="connsiteY3" fmla="*/ 0 h 1907295"/>
                  <a:gd name="connsiteX4" fmla="*/ 0 w 2702560"/>
                  <a:gd name="connsiteY4" fmla="*/ 0 h 190729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702560" h="1907295">
                    <a:moveTo>
                      <a:pt x="0" y="0"/>
                    </a:moveTo>
                    <a:lnTo>
                      <a:pt x="1898968" y="1907295"/>
                    </a:lnTo>
                    <a:lnTo>
                      <a:pt x="2702560" y="1904654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57" name="矩形 56"/>
            <p:cNvSpPr/>
            <p:nvPr/>
          </p:nvSpPr>
          <p:spPr>
            <a:xfrm rot="3329058">
              <a:off x="2353506" y="1839955"/>
              <a:ext cx="2236510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a text title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5" dur="500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070100" y="1926390"/>
            <a:ext cx="8202364" cy="1385888"/>
            <a:chOff x="546100" y="1397000"/>
            <a:chExt cx="8202364" cy="1385888"/>
          </a:xfrm>
        </p:grpSpPr>
        <p:grpSp>
          <p:nvGrpSpPr>
            <p:cNvPr id="3" name="组合 2"/>
            <p:cNvGrpSpPr/>
            <p:nvPr/>
          </p:nvGrpSpPr>
          <p:grpSpPr>
            <a:xfrm>
              <a:off x="546100" y="1397000"/>
              <a:ext cx="8202364" cy="1385888"/>
              <a:chOff x="546100" y="1447800"/>
              <a:chExt cx="8202364" cy="1385888"/>
            </a:xfrm>
          </p:grpSpPr>
          <p:sp>
            <p:nvSpPr>
              <p:cNvPr id="7" name="矩形 6"/>
              <p:cNvSpPr/>
              <p:nvPr/>
            </p:nvSpPr>
            <p:spPr>
              <a:xfrm>
                <a:off x="546100" y="1447800"/>
                <a:ext cx="8202364" cy="1385888"/>
              </a:xfrm>
              <a:prstGeom prst="rect">
                <a:avLst/>
              </a:pr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pic>
            <p:nvPicPr>
              <p:cNvPr id="8" name="Picture 3"/>
              <p:cNvPicPr>
                <a:picLocks noChangeAspect="1" noChangeArrowheads="1"/>
              </p:cNvPicPr>
              <p:nvPr/>
            </p:nvPicPr>
            <p:blipFill>
              <a:blip r:embed="rId2" cstate="screen">
                <a:grayscl/>
                <a:extLst>
                  <a:ext uri="{BEBA8EAE-BF5A-486C-A8C5-ECC9F3942E4B}">
                    <a14:imgProps xmlns:a14="http://schemas.microsoft.com/office/drawing/2010/main">
                      <a14:imgLayer r:embed="rId3">
                        <a14:imgEffect>
                          <a14:saturation sat="0"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/>
                  </a:ext>
                </a:extLst>
              </a:blip>
              <a:stretch>
                <a:fillRect/>
              </a:stretch>
            </p:blipFill>
            <p:spPr bwMode="auto">
              <a:xfrm>
                <a:off x="762218" y="1490563"/>
                <a:ext cx="1807083" cy="1297256"/>
              </a:xfrm>
              <a:prstGeom prst="rect">
                <a:avLst/>
              </a:prstGeom>
              <a:noFill/>
              <a:ln w="3175">
                <a:noFill/>
                <a:miter lim="800000"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</a:extLst>
            </p:spPr>
          </p:pic>
          <p:grpSp>
            <p:nvGrpSpPr>
              <p:cNvPr id="9" name="组合 8"/>
              <p:cNvGrpSpPr/>
              <p:nvPr/>
            </p:nvGrpSpPr>
            <p:grpSpPr>
              <a:xfrm>
                <a:off x="2799815" y="1471683"/>
                <a:ext cx="5604312" cy="1243954"/>
                <a:chOff x="2954340" y="1255708"/>
                <a:chExt cx="5604312" cy="1243954"/>
              </a:xfrm>
            </p:grpSpPr>
            <p:sp>
              <p:nvSpPr>
                <p:cNvPr id="10" name="矩形 9"/>
                <p:cNvSpPr>
                  <a:spLocks noChangeArrowheads="1"/>
                </p:cNvSpPr>
                <p:nvPr/>
              </p:nvSpPr>
              <p:spPr bwMode="auto">
                <a:xfrm>
                  <a:off x="2954340" y="1637888"/>
                  <a:ext cx="5604312" cy="861774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 wrap="square">
                  <a:spAutoFit/>
                </a:bodyPr>
                <a:lstStyle/>
                <a:p>
                  <a:pPr>
                    <a:lnSpc>
                      <a:spcPts val="2000"/>
                    </a:lnSpc>
                  </a:pPr>
                  <a:r>
                    <a:rPr lang="en-US" altLang="zh-CN" sz="1200" dirty="0">
                      <a:solidFill>
                        <a:schemeClr val="bg1"/>
                      </a:solidFill>
                      <a:latin typeface="Arial" charset="0"/>
                    </a:rPr>
                    <a:t>RAPIDPPT, the leader of professional PPT designer in China. </a:t>
                  </a:r>
                </a:p>
                <a:p>
                  <a:pPr>
                    <a:lnSpc>
                      <a:spcPts val="2000"/>
                    </a:lnSpc>
                  </a:pPr>
                  <a:r>
                    <a:rPr lang="en-US" altLang="zh-CN" sz="1200" dirty="0">
                      <a:solidFill>
                        <a:schemeClr val="bg1"/>
                      </a:solidFill>
                      <a:latin typeface="Arial" charset="0"/>
                    </a:rPr>
                    <a:t>5years of making professional PPT, classical PPT, </a:t>
                  </a:r>
                </a:p>
                <a:p>
                  <a:pPr>
                    <a:lnSpc>
                      <a:spcPts val="2000"/>
                    </a:lnSpc>
                  </a:pPr>
                  <a:r>
                    <a:rPr lang="en-US" altLang="zh-CN" sz="1200" dirty="0">
                      <a:solidFill>
                        <a:schemeClr val="bg1"/>
                      </a:solidFill>
                      <a:latin typeface="Arial" charset="0"/>
                    </a:rPr>
                    <a:t>the swof s from the the old production model, and create a new PPTexperience.</a:t>
                  </a:r>
                </a:p>
              </p:txBody>
            </p:sp>
            <p:sp>
              <p:nvSpPr>
                <p:cNvPr id="11" name="矩形 10"/>
                <p:cNvSpPr/>
                <p:nvPr/>
              </p:nvSpPr>
              <p:spPr>
                <a:xfrm>
                  <a:off x="2963100" y="1255708"/>
                  <a:ext cx="2236510" cy="387798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 defTabSz="185738">
                    <a:lnSpc>
                      <a:spcPct val="120000"/>
                    </a:lnSpc>
                  </a:pPr>
                  <a:r>
                    <a:rPr lang="zh-CN" altLang="en-US" sz="1600" kern="0" dirty="0">
                      <a:solidFill>
                        <a:schemeClr val="bg1"/>
                      </a:solidFill>
                      <a:latin typeface="微软雅黑" pitchFamily="34" charset="-122"/>
                      <a:ea typeface="微软雅黑" pitchFamily="34" charset="-122"/>
                    </a:rPr>
                    <a:t>Click here to add text</a:t>
                  </a:r>
                </a:p>
              </p:txBody>
            </p:sp>
          </p:grpSp>
        </p:grpSp>
        <p:grpSp>
          <p:nvGrpSpPr>
            <p:cNvPr id="4" name="组合 3"/>
            <p:cNvGrpSpPr/>
            <p:nvPr/>
          </p:nvGrpSpPr>
          <p:grpSpPr>
            <a:xfrm>
              <a:off x="1134414" y="2436465"/>
              <a:ext cx="936104" cy="253916"/>
              <a:chOff x="1763688" y="2264213"/>
              <a:chExt cx="936104" cy="253916"/>
            </a:xfrm>
          </p:grpSpPr>
          <p:sp>
            <p:nvSpPr>
              <p:cNvPr id="5" name="矩形 4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6" name="矩形 5"/>
              <p:cNvSpPr/>
              <p:nvPr/>
            </p:nvSpPr>
            <p:spPr>
              <a:xfrm>
                <a:off x="1868151" y="2264213"/>
                <a:ext cx="723275" cy="25391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zh-CN" altLang="en-US" sz="1050" kern="0" dirty="0">
                    <a:solidFill>
                      <a:schemeClr val="bg1"/>
                    </a:solidFill>
                    <a:latin typeface="微软雅黑" pitchFamily="34" charset="-122"/>
                    <a:ea typeface="微软雅黑" pitchFamily="34" charset="-122"/>
                  </a:rPr>
                  <a:t>Add text</a:t>
                </a:r>
                <a:endParaRPr lang="zh-CN" altLang="en-US" sz="1050" dirty="0">
                  <a:solidFill>
                    <a:schemeClr val="bg1"/>
                  </a:solidFill>
                </a:endParaRPr>
              </a:p>
            </p:txBody>
          </p:sp>
        </p:grpSp>
      </p:grpSp>
      <p:grpSp>
        <p:nvGrpSpPr>
          <p:cNvPr id="12" name="组合 11"/>
          <p:cNvGrpSpPr/>
          <p:nvPr/>
        </p:nvGrpSpPr>
        <p:grpSpPr>
          <a:xfrm>
            <a:off x="2070100" y="3488490"/>
            <a:ext cx="8202364" cy="1385888"/>
            <a:chOff x="546100" y="2959100"/>
            <a:chExt cx="8202364" cy="1385888"/>
          </a:xfrm>
        </p:grpSpPr>
        <p:grpSp>
          <p:nvGrpSpPr>
            <p:cNvPr id="13" name="组合 12"/>
            <p:cNvGrpSpPr/>
            <p:nvPr/>
          </p:nvGrpSpPr>
          <p:grpSpPr>
            <a:xfrm>
              <a:off x="546100" y="2959100"/>
              <a:ext cx="8202364" cy="1385888"/>
              <a:chOff x="546100" y="2959100"/>
              <a:chExt cx="8202364" cy="1385888"/>
            </a:xfrm>
          </p:grpSpPr>
          <p:sp>
            <p:nvSpPr>
              <p:cNvPr id="17" name="矩形 16"/>
              <p:cNvSpPr/>
              <p:nvPr/>
            </p:nvSpPr>
            <p:spPr>
              <a:xfrm>
                <a:off x="546100" y="2959100"/>
                <a:ext cx="8202364" cy="1385888"/>
              </a:xfrm>
              <a:prstGeom prst="rect">
                <a:avLst/>
              </a:pr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grpSp>
            <p:nvGrpSpPr>
              <p:cNvPr id="18" name="组合 17"/>
              <p:cNvGrpSpPr/>
              <p:nvPr/>
            </p:nvGrpSpPr>
            <p:grpSpPr>
              <a:xfrm>
                <a:off x="2799815" y="2982983"/>
                <a:ext cx="5604312" cy="1243954"/>
                <a:chOff x="2954340" y="1255708"/>
                <a:chExt cx="5604312" cy="1243954"/>
              </a:xfrm>
            </p:grpSpPr>
            <p:sp>
              <p:nvSpPr>
                <p:cNvPr id="20" name="矩形 19"/>
                <p:cNvSpPr>
                  <a:spLocks noChangeArrowheads="1"/>
                </p:cNvSpPr>
                <p:nvPr/>
              </p:nvSpPr>
              <p:spPr bwMode="auto">
                <a:xfrm>
                  <a:off x="2954340" y="1637888"/>
                  <a:ext cx="5604312" cy="861774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 wrap="square">
                  <a:spAutoFit/>
                </a:bodyPr>
                <a:lstStyle/>
                <a:p>
                  <a:pPr>
                    <a:lnSpc>
                      <a:spcPts val="2000"/>
                    </a:lnSpc>
                  </a:pPr>
                  <a:r>
                    <a:rPr lang="en-US" altLang="zh-CN" sz="1200" dirty="0">
                      <a:solidFill>
                        <a:schemeClr val="bg1"/>
                      </a:solidFill>
                      <a:latin typeface="Arial" charset="0"/>
                    </a:rPr>
                    <a:t>RAPIDPPT, the leader of professional PPT designer in China. </a:t>
                  </a:r>
                </a:p>
                <a:p>
                  <a:pPr>
                    <a:lnSpc>
                      <a:spcPts val="2000"/>
                    </a:lnSpc>
                  </a:pPr>
                  <a:r>
                    <a:rPr lang="en-US" altLang="zh-CN" sz="1200" dirty="0">
                      <a:solidFill>
                        <a:schemeClr val="bg1"/>
                      </a:solidFill>
                      <a:latin typeface="Arial" charset="0"/>
                    </a:rPr>
                    <a:t>5years of making professional PPT, classical PPT, </a:t>
                  </a:r>
                </a:p>
                <a:p>
                  <a:pPr>
                    <a:lnSpc>
                      <a:spcPts val="2000"/>
                    </a:lnSpc>
                  </a:pPr>
                  <a:r>
                    <a:rPr lang="en-US" altLang="zh-CN" sz="1200" dirty="0">
                      <a:solidFill>
                        <a:schemeClr val="bg1"/>
                      </a:solidFill>
                      <a:latin typeface="Arial" charset="0"/>
                    </a:rPr>
                    <a:t>the swof s from the the old production model, and create a new PPTexperience.</a:t>
                  </a:r>
                </a:p>
              </p:txBody>
            </p:sp>
            <p:sp>
              <p:nvSpPr>
                <p:cNvPr id="21" name="矩形 20"/>
                <p:cNvSpPr/>
                <p:nvPr/>
              </p:nvSpPr>
              <p:spPr>
                <a:xfrm>
                  <a:off x="2963100" y="1255708"/>
                  <a:ext cx="2236510" cy="387798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 defTabSz="185738">
                    <a:lnSpc>
                      <a:spcPct val="120000"/>
                    </a:lnSpc>
                  </a:pPr>
                  <a:r>
                    <a:rPr lang="zh-CN" altLang="en-US" sz="1600" kern="0" dirty="0">
                      <a:solidFill>
                        <a:schemeClr val="bg1"/>
                      </a:solidFill>
                      <a:latin typeface="微软雅黑" pitchFamily="34" charset="-122"/>
                      <a:ea typeface="微软雅黑" pitchFamily="34" charset="-122"/>
                    </a:rPr>
                    <a:t>Click here to add text</a:t>
                  </a:r>
                </a:p>
              </p:txBody>
            </p:sp>
          </p:grpSp>
          <p:pic>
            <p:nvPicPr>
              <p:cNvPr id="19" name="Picture 3"/>
              <p:cNvPicPr>
                <a:picLocks noChangeAspect="1" noChangeArrowheads="1"/>
              </p:cNvPicPr>
              <p:nvPr/>
            </p:nvPicPr>
            <p:blipFill>
              <a:blip r:embed="rId4" cstate="screen">
                <a:grayscl/>
                <a:extLst>
                  <a:ext uri="{BEBA8EAE-BF5A-486C-A8C5-ECC9F3942E4B}">
                    <a14:imgProps xmlns:a14="http://schemas.microsoft.com/office/drawing/2010/main">
                      <a14:imgLayer r:embed="rId5">
                        <a14:imgEffect>
                          <a14:saturation sat="0"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/>
                  </a:ext>
                </a:extLst>
              </a:blip>
              <a:stretch>
                <a:fillRect/>
              </a:stretch>
            </p:blipFill>
            <p:spPr bwMode="auto">
              <a:xfrm>
                <a:off x="762218" y="2991414"/>
                <a:ext cx="1807083" cy="1310331"/>
              </a:xfrm>
              <a:prstGeom prst="rect">
                <a:avLst/>
              </a:prstGeom>
              <a:noFill/>
              <a:ln w="3175">
                <a:noFill/>
                <a:miter lim="800000"/>
                <a:headEnd/>
                <a:tailE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</a:extLst>
            </p:spPr>
          </p:pic>
        </p:grpSp>
        <p:grpSp>
          <p:nvGrpSpPr>
            <p:cNvPr id="14" name="组合 13"/>
            <p:cNvGrpSpPr/>
            <p:nvPr/>
          </p:nvGrpSpPr>
          <p:grpSpPr>
            <a:xfrm>
              <a:off x="1134414" y="3989692"/>
              <a:ext cx="936104" cy="253916"/>
              <a:chOff x="1763688" y="2264213"/>
              <a:chExt cx="936104" cy="253916"/>
            </a:xfrm>
          </p:grpSpPr>
          <p:sp>
            <p:nvSpPr>
              <p:cNvPr id="15" name="矩形 14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16" name="矩形 15"/>
              <p:cNvSpPr/>
              <p:nvPr/>
            </p:nvSpPr>
            <p:spPr>
              <a:xfrm>
                <a:off x="1868151" y="2264213"/>
                <a:ext cx="723275" cy="25391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zh-CN" altLang="en-US" sz="1050" kern="0" dirty="0">
                    <a:solidFill>
                      <a:schemeClr val="bg1"/>
                    </a:solidFill>
                    <a:latin typeface="微软雅黑" pitchFamily="34" charset="-122"/>
                    <a:ea typeface="微软雅黑" pitchFamily="34" charset="-122"/>
                  </a:rPr>
                  <a:t>Add text</a:t>
                </a:r>
                <a:endParaRPr lang="zh-CN" altLang="en-US" sz="1050" dirty="0">
                  <a:solidFill>
                    <a:schemeClr val="bg1"/>
                  </a:solidFill>
                </a:endParaRP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75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75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75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55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75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75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75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609652" y="2053104"/>
            <a:ext cx="2013148" cy="2808312"/>
            <a:chOff x="539552" y="1491630"/>
            <a:chExt cx="2013148" cy="2808312"/>
          </a:xfrm>
        </p:grpSpPr>
        <p:sp>
          <p:nvSpPr>
            <p:cNvPr id="3" name="矩形 2"/>
            <p:cNvSpPr/>
            <p:nvPr/>
          </p:nvSpPr>
          <p:spPr>
            <a:xfrm>
              <a:off x="539552" y="1491630"/>
              <a:ext cx="2013148" cy="2808312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pic>
          <p:nvPicPr>
            <p:cNvPr id="4" name="Picture 3"/>
            <p:cNvPicPr>
              <a:picLocks noChangeAspect="1" noChangeArrowheads="1"/>
            </p:cNvPicPr>
            <p:nvPr/>
          </p:nvPicPr>
          <p:blipFill>
            <a:blip r:embed="rId2" cstate="screen">
              <a:grayscl/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 bwMode="auto">
            <a:xfrm>
              <a:off x="642585" y="1690975"/>
              <a:ext cx="1807083" cy="1335670"/>
            </a:xfrm>
            <a:prstGeom prst="rect">
              <a:avLst/>
            </a:prstGeom>
            <a:noFill/>
            <a:ln w="38100">
              <a:solidFill>
                <a:schemeClr val="bg1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</a:extLst>
          </p:spPr>
        </p:pic>
        <p:sp>
          <p:nvSpPr>
            <p:cNvPr id="5" name="TextBox 33"/>
            <p:cNvSpPr txBox="1">
              <a:spLocks noChangeArrowheads="1"/>
            </p:cNvSpPr>
            <p:nvPr/>
          </p:nvSpPr>
          <p:spPr bwMode="auto">
            <a:xfrm>
              <a:off x="642585" y="3144607"/>
              <a:ext cx="1655123" cy="93686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 algn="ctr">
                <a:lnSpc>
                  <a:spcPct val="150000"/>
                </a:lnSpc>
                <a:defRPr/>
              </a:pPr>
              <a:r>
                <a:rPr lang="zh-CN" altLang="en-US" sz="1400" b="1" kern="0" dirty="0">
                  <a:solidFill>
                    <a:srgbClr val="C00000"/>
                  </a:solidFill>
                  <a:latin typeface="微软雅黑" pitchFamily="34" charset="-122"/>
                  <a:ea typeface="微软雅黑" pitchFamily="34" charset="-122"/>
                </a:rPr>
                <a:t>Add text here</a:t>
              </a:r>
              <a:endParaRPr lang="en-US" altLang="zh-CN" sz="1400" b="1" kern="0" dirty="0">
                <a:solidFill>
                  <a:srgbClr val="C00000"/>
                </a:solidFill>
                <a:latin typeface="微软雅黑" pitchFamily="34" charset="-122"/>
                <a:ea typeface="微软雅黑" pitchFamily="34" charset="-122"/>
              </a:endParaRPr>
            </a:p>
            <a:p>
              <a:pPr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Add text here Click here to add text</a:t>
              </a:r>
            </a:p>
          </p:txBody>
        </p:sp>
      </p:grpSp>
      <p:grpSp>
        <p:nvGrpSpPr>
          <p:cNvPr id="6" name="组合 5"/>
          <p:cNvGrpSpPr/>
          <p:nvPr/>
        </p:nvGrpSpPr>
        <p:grpSpPr>
          <a:xfrm>
            <a:off x="5053855" y="2053104"/>
            <a:ext cx="2013149" cy="2808312"/>
            <a:chOff x="539551" y="1491630"/>
            <a:chExt cx="2013149" cy="2808312"/>
          </a:xfrm>
        </p:grpSpPr>
        <p:sp>
          <p:nvSpPr>
            <p:cNvPr id="7" name="矩形 6"/>
            <p:cNvSpPr/>
            <p:nvPr/>
          </p:nvSpPr>
          <p:spPr>
            <a:xfrm>
              <a:off x="539552" y="1491630"/>
              <a:ext cx="2013148" cy="2808312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pic>
          <p:nvPicPr>
            <p:cNvPr id="8" name="Picture 3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642585" y="1700297"/>
              <a:ext cx="1807083" cy="1317026"/>
            </a:xfrm>
            <a:prstGeom prst="rect">
              <a:avLst/>
            </a:prstGeom>
            <a:noFill/>
            <a:ln w="38100">
              <a:solidFill>
                <a:schemeClr val="bg1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</a:extLst>
          </p:spPr>
        </p:pic>
        <p:sp>
          <p:nvSpPr>
            <p:cNvPr id="9" name="TextBox 33"/>
            <p:cNvSpPr txBox="1">
              <a:spLocks noChangeArrowheads="1"/>
            </p:cNvSpPr>
            <p:nvPr/>
          </p:nvSpPr>
          <p:spPr bwMode="auto">
            <a:xfrm>
              <a:off x="539551" y="3144607"/>
              <a:ext cx="1899145" cy="96949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 algn="ctr">
                <a:lnSpc>
                  <a:spcPct val="150000"/>
                </a:lnSpc>
                <a:defRPr/>
              </a:pPr>
              <a:r>
                <a:rPr lang="zh-CN" altLang="en-US" sz="1400" b="1" kern="0" dirty="0">
                  <a:solidFill>
                    <a:srgbClr val="C00000"/>
                  </a:solidFill>
                  <a:latin typeface="微软雅黑" pitchFamily="34" charset="-122"/>
                  <a:ea typeface="微软雅黑" pitchFamily="34" charset="-122"/>
                </a:rPr>
                <a:t>Add text here</a:t>
              </a:r>
              <a:endParaRPr lang="en-US" altLang="zh-CN" sz="1400" b="1" kern="0" dirty="0">
                <a:solidFill>
                  <a:srgbClr val="C00000"/>
                </a:solidFill>
                <a:latin typeface="微软雅黑" pitchFamily="34" charset="-122"/>
                <a:ea typeface="微软雅黑" pitchFamily="34" charset="-122"/>
              </a:endParaRPr>
            </a:p>
            <a:p>
              <a:pPr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Add text here Click here to add text</a:t>
              </a:r>
            </a:p>
          </p:txBody>
        </p:sp>
      </p:grpSp>
      <p:grpSp>
        <p:nvGrpSpPr>
          <p:cNvPr id="10" name="组合 9"/>
          <p:cNvGrpSpPr/>
          <p:nvPr/>
        </p:nvGrpSpPr>
        <p:grpSpPr>
          <a:xfrm>
            <a:off x="7498060" y="2053104"/>
            <a:ext cx="2013148" cy="2808312"/>
            <a:chOff x="539552" y="1491630"/>
            <a:chExt cx="2013148" cy="2808312"/>
          </a:xfrm>
        </p:grpSpPr>
        <p:sp>
          <p:nvSpPr>
            <p:cNvPr id="11" name="矩形 10"/>
            <p:cNvSpPr/>
            <p:nvPr/>
          </p:nvSpPr>
          <p:spPr>
            <a:xfrm>
              <a:off x="539552" y="1491630"/>
              <a:ext cx="2013148" cy="2808312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pic>
          <p:nvPicPr>
            <p:cNvPr id="12" name="Picture 3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642585" y="1700297"/>
              <a:ext cx="1807083" cy="1317026"/>
            </a:xfrm>
            <a:prstGeom prst="rect">
              <a:avLst/>
            </a:prstGeom>
            <a:noFill/>
            <a:ln w="38100">
              <a:solidFill>
                <a:schemeClr val="bg1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</a:extLst>
          </p:spPr>
        </p:pic>
        <p:sp>
          <p:nvSpPr>
            <p:cNvPr id="13" name="TextBox 33"/>
            <p:cNvSpPr txBox="1">
              <a:spLocks noChangeArrowheads="1"/>
            </p:cNvSpPr>
            <p:nvPr/>
          </p:nvSpPr>
          <p:spPr bwMode="auto">
            <a:xfrm>
              <a:off x="642585" y="3144607"/>
              <a:ext cx="1663259" cy="93686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 algn="ctr">
                <a:lnSpc>
                  <a:spcPct val="150000"/>
                </a:lnSpc>
                <a:defRPr/>
              </a:pPr>
              <a:r>
                <a:rPr lang="zh-CN" altLang="en-US" sz="1400" b="1" kern="0" dirty="0">
                  <a:solidFill>
                    <a:srgbClr val="C00000"/>
                  </a:solidFill>
                  <a:latin typeface="微软雅黑" pitchFamily="34" charset="-122"/>
                  <a:ea typeface="微软雅黑" pitchFamily="34" charset="-122"/>
                </a:rPr>
                <a:t>Add text here</a:t>
              </a:r>
              <a:endParaRPr lang="en-US" altLang="zh-CN" sz="1400" b="1" kern="0" dirty="0">
                <a:solidFill>
                  <a:srgbClr val="C00000"/>
                </a:solidFill>
                <a:latin typeface="微软雅黑" pitchFamily="34" charset="-122"/>
                <a:ea typeface="微软雅黑" pitchFamily="34" charset="-122"/>
              </a:endParaRPr>
            </a:p>
            <a:p>
              <a:pPr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Add text here Click here to add text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75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75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75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75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75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2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75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75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75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3031192" y="1871839"/>
            <a:ext cx="1410814" cy="1410814"/>
            <a:chOff x="1507192" y="1326406"/>
            <a:chExt cx="1410814" cy="1410814"/>
          </a:xfrm>
        </p:grpSpPr>
        <p:sp>
          <p:nvSpPr>
            <p:cNvPr id="3" name="椭圆 2"/>
            <p:cNvSpPr/>
            <p:nvPr/>
          </p:nvSpPr>
          <p:spPr>
            <a:xfrm>
              <a:off x="1507192" y="1326406"/>
              <a:ext cx="1410814" cy="1410814"/>
            </a:xfrm>
            <a:prstGeom prst="ellipse">
              <a:avLst/>
            </a:prstGeom>
            <a:blipFill dpi="0" rotWithShape="1">
              <a:blip r:embed="rId2"/>
              <a:srcRect/>
              <a:stretch>
                <a:fillRect l="-5000" t="-5000" r="-5000" b="-5000"/>
              </a:stretch>
            </a:blipFill>
            <a:ln w="19050">
              <a:solidFill>
                <a:srgbClr val="9DB9B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grpSp>
          <p:nvGrpSpPr>
            <p:cNvPr id="4" name="组合 3"/>
            <p:cNvGrpSpPr/>
            <p:nvPr/>
          </p:nvGrpSpPr>
          <p:grpSpPr>
            <a:xfrm>
              <a:off x="1763688" y="2264213"/>
              <a:ext cx="936104" cy="253916"/>
              <a:chOff x="1763688" y="2264213"/>
              <a:chExt cx="936104" cy="253916"/>
            </a:xfrm>
          </p:grpSpPr>
          <p:sp>
            <p:nvSpPr>
              <p:cNvPr id="5" name="矩形 4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95000"/>
                  <a:lumOff val="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6" name="矩形 5"/>
              <p:cNvSpPr/>
              <p:nvPr/>
            </p:nvSpPr>
            <p:spPr>
              <a:xfrm>
                <a:off x="1868151" y="2264213"/>
                <a:ext cx="723275" cy="25391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zh-CN" altLang="en-US" sz="1050" kern="0" dirty="0">
                    <a:solidFill>
                      <a:schemeClr val="bg1"/>
                    </a:solidFill>
                    <a:latin typeface="微软雅黑" pitchFamily="34" charset="-122"/>
                    <a:ea typeface="微软雅黑" pitchFamily="34" charset="-122"/>
                  </a:rPr>
                  <a:t>Add text</a:t>
                </a:r>
                <a:endParaRPr lang="zh-CN" altLang="en-US" sz="1050" dirty="0">
                  <a:solidFill>
                    <a:schemeClr val="bg1"/>
                  </a:solidFill>
                </a:endParaRPr>
              </a:p>
            </p:txBody>
          </p:sp>
        </p:grpSp>
      </p:grpSp>
      <p:grpSp>
        <p:nvGrpSpPr>
          <p:cNvPr id="7" name="组合 6"/>
          <p:cNvGrpSpPr/>
          <p:nvPr/>
        </p:nvGrpSpPr>
        <p:grpSpPr>
          <a:xfrm>
            <a:off x="5357258" y="1871839"/>
            <a:ext cx="1410814" cy="1410814"/>
            <a:chOff x="3833258" y="1326406"/>
            <a:chExt cx="1410814" cy="1410814"/>
          </a:xfrm>
        </p:grpSpPr>
        <p:sp>
          <p:nvSpPr>
            <p:cNvPr id="8" name="椭圆 7"/>
            <p:cNvSpPr/>
            <p:nvPr/>
          </p:nvSpPr>
          <p:spPr>
            <a:xfrm>
              <a:off x="3833258" y="1326406"/>
              <a:ext cx="1410814" cy="1410814"/>
            </a:xfrm>
            <a:prstGeom prst="ellipse">
              <a:avLst/>
            </a:prstGeom>
            <a:blipFill dpi="0" rotWithShape="1">
              <a:blip r:embed="rId3"/>
              <a:srcRect/>
              <a:stretch>
                <a:fillRect l="-5000" t="-5000" r="-5000" b="-5000"/>
              </a:stretch>
            </a:blipFill>
            <a:ln>
              <a:solidFill>
                <a:srgbClr val="9DB9B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grpSp>
          <p:nvGrpSpPr>
            <p:cNvPr id="9" name="组合 8"/>
            <p:cNvGrpSpPr/>
            <p:nvPr/>
          </p:nvGrpSpPr>
          <p:grpSpPr>
            <a:xfrm>
              <a:off x="4097313" y="2264213"/>
              <a:ext cx="936104" cy="253916"/>
              <a:chOff x="1763688" y="2264213"/>
              <a:chExt cx="936104" cy="253916"/>
            </a:xfrm>
          </p:grpSpPr>
          <p:sp>
            <p:nvSpPr>
              <p:cNvPr id="10" name="矩形 9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95000"/>
                  <a:lumOff val="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1" name="矩形 10"/>
              <p:cNvSpPr/>
              <p:nvPr/>
            </p:nvSpPr>
            <p:spPr>
              <a:xfrm>
                <a:off x="1868151" y="2264213"/>
                <a:ext cx="723275" cy="25391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zh-CN" altLang="en-US" sz="1050" kern="0" dirty="0">
                    <a:solidFill>
                      <a:schemeClr val="bg1"/>
                    </a:solidFill>
                    <a:latin typeface="微软雅黑" pitchFamily="34" charset="-122"/>
                    <a:ea typeface="微软雅黑" pitchFamily="34" charset="-122"/>
                  </a:rPr>
                  <a:t>Add text</a:t>
                </a:r>
                <a:endParaRPr lang="zh-CN" altLang="en-US" sz="1050" dirty="0">
                  <a:solidFill>
                    <a:schemeClr val="bg1"/>
                  </a:solidFill>
                </a:endParaRPr>
              </a:p>
            </p:txBody>
          </p:sp>
        </p:grpSp>
      </p:grpSp>
      <p:grpSp>
        <p:nvGrpSpPr>
          <p:cNvPr id="12" name="组合 11"/>
          <p:cNvGrpSpPr/>
          <p:nvPr/>
        </p:nvGrpSpPr>
        <p:grpSpPr>
          <a:xfrm>
            <a:off x="7683324" y="1871839"/>
            <a:ext cx="1410814" cy="1410814"/>
            <a:chOff x="6159324" y="1326406"/>
            <a:chExt cx="1410814" cy="1410814"/>
          </a:xfrm>
        </p:grpSpPr>
        <p:sp>
          <p:nvSpPr>
            <p:cNvPr id="13" name="椭圆 12"/>
            <p:cNvSpPr/>
            <p:nvPr/>
          </p:nvSpPr>
          <p:spPr>
            <a:xfrm>
              <a:off x="6159324" y="1326406"/>
              <a:ext cx="1410814" cy="1410814"/>
            </a:xfrm>
            <a:prstGeom prst="ellipse">
              <a:avLst/>
            </a:prstGeom>
            <a:blipFill dpi="0" rotWithShape="1">
              <a:blip r:embed="rId4"/>
              <a:srcRect/>
              <a:stretch>
                <a:fillRect l="-5000" t="-5000" r="-5000" b="-5000"/>
              </a:stretch>
            </a:blipFill>
            <a:ln>
              <a:solidFill>
                <a:srgbClr val="9DB9B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grpSp>
          <p:nvGrpSpPr>
            <p:cNvPr id="14" name="组合 13"/>
            <p:cNvGrpSpPr/>
            <p:nvPr/>
          </p:nvGrpSpPr>
          <p:grpSpPr>
            <a:xfrm>
              <a:off x="6402363" y="2264213"/>
              <a:ext cx="936104" cy="253916"/>
              <a:chOff x="1763688" y="2264213"/>
              <a:chExt cx="936104" cy="253916"/>
            </a:xfrm>
          </p:grpSpPr>
          <p:sp>
            <p:nvSpPr>
              <p:cNvPr id="15" name="矩形 14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95000"/>
                  <a:lumOff val="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6" name="矩形 15"/>
              <p:cNvSpPr/>
              <p:nvPr/>
            </p:nvSpPr>
            <p:spPr>
              <a:xfrm>
                <a:off x="1868151" y="2264213"/>
                <a:ext cx="723275" cy="25391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zh-CN" altLang="en-US" sz="1050" kern="0" dirty="0">
                    <a:solidFill>
                      <a:schemeClr val="bg1"/>
                    </a:solidFill>
                    <a:latin typeface="微软雅黑" pitchFamily="34" charset="-122"/>
                    <a:ea typeface="微软雅黑" pitchFamily="34" charset="-122"/>
                  </a:rPr>
                  <a:t>Add text</a:t>
                </a:r>
                <a:endParaRPr lang="zh-CN" altLang="en-US" sz="1050" dirty="0">
                  <a:solidFill>
                    <a:schemeClr val="bg1"/>
                  </a:solidFill>
                </a:endParaRPr>
              </a:p>
            </p:txBody>
          </p:sp>
        </p:grpSp>
      </p:grpSp>
      <p:grpSp>
        <p:nvGrpSpPr>
          <p:cNvPr id="17" name="组合 16"/>
          <p:cNvGrpSpPr/>
          <p:nvPr/>
        </p:nvGrpSpPr>
        <p:grpSpPr>
          <a:xfrm>
            <a:off x="2999658" y="3384631"/>
            <a:ext cx="1493013" cy="1669474"/>
            <a:chOff x="1538285" y="2839197"/>
            <a:chExt cx="1493013" cy="1669474"/>
          </a:xfrm>
        </p:grpSpPr>
        <p:grpSp>
          <p:nvGrpSpPr>
            <p:cNvPr id="18" name="组合 17"/>
            <p:cNvGrpSpPr/>
            <p:nvPr/>
          </p:nvGrpSpPr>
          <p:grpSpPr>
            <a:xfrm>
              <a:off x="1538285" y="2839197"/>
              <a:ext cx="1493013" cy="1669474"/>
              <a:chOff x="1538285" y="2839197"/>
              <a:chExt cx="1493013" cy="1669474"/>
            </a:xfrm>
          </p:grpSpPr>
          <p:sp>
            <p:nvSpPr>
              <p:cNvPr id="20" name="矩形标注 17"/>
              <p:cNvSpPr/>
              <p:nvPr/>
            </p:nvSpPr>
            <p:spPr>
              <a:xfrm rot="10800000">
                <a:off x="1538285" y="2839197"/>
                <a:ext cx="1493013" cy="1666127"/>
              </a:xfrm>
              <a:custGeom>
                <a:avLst/>
                <a:gdLst>
                  <a:gd name="connsiteX0" fmla="*/ 0 w 1410814"/>
                  <a:gd name="connsiteY0" fmla="*/ 0 h 1368152"/>
                  <a:gd name="connsiteX1" fmla="*/ 822975 w 1410814"/>
                  <a:gd name="connsiteY1" fmla="*/ 0 h 1368152"/>
                  <a:gd name="connsiteX2" fmla="*/ 822975 w 1410814"/>
                  <a:gd name="connsiteY2" fmla="*/ 0 h 1368152"/>
                  <a:gd name="connsiteX3" fmla="*/ 1175678 w 1410814"/>
                  <a:gd name="connsiteY3" fmla="*/ 0 h 1368152"/>
                  <a:gd name="connsiteX4" fmla="*/ 1410814 w 1410814"/>
                  <a:gd name="connsiteY4" fmla="*/ 0 h 1368152"/>
                  <a:gd name="connsiteX5" fmla="*/ 1410814 w 1410814"/>
                  <a:gd name="connsiteY5" fmla="*/ 798089 h 1368152"/>
                  <a:gd name="connsiteX6" fmla="*/ 1410814 w 1410814"/>
                  <a:gd name="connsiteY6" fmla="*/ 798089 h 1368152"/>
                  <a:gd name="connsiteX7" fmla="*/ 1410814 w 1410814"/>
                  <a:gd name="connsiteY7" fmla="*/ 1140127 h 1368152"/>
                  <a:gd name="connsiteX8" fmla="*/ 1410814 w 1410814"/>
                  <a:gd name="connsiteY8" fmla="*/ 1368152 h 1368152"/>
                  <a:gd name="connsiteX9" fmla="*/ 1175678 w 1410814"/>
                  <a:gd name="connsiteY9" fmla="*/ 1368152 h 1368152"/>
                  <a:gd name="connsiteX10" fmla="*/ 1000225 w 1410814"/>
                  <a:gd name="connsiteY10" fmla="*/ 1539171 h 1368152"/>
                  <a:gd name="connsiteX11" fmla="*/ 822975 w 1410814"/>
                  <a:gd name="connsiteY11" fmla="*/ 1368152 h 1368152"/>
                  <a:gd name="connsiteX12" fmla="*/ 0 w 1410814"/>
                  <a:gd name="connsiteY12" fmla="*/ 1368152 h 1368152"/>
                  <a:gd name="connsiteX13" fmla="*/ 0 w 1410814"/>
                  <a:gd name="connsiteY13" fmla="*/ 1140127 h 1368152"/>
                  <a:gd name="connsiteX14" fmla="*/ 0 w 1410814"/>
                  <a:gd name="connsiteY14" fmla="*/ 798089 h 1368152"/>
                  <a:gd name="connsiteX15" fmla="*/ 0 w 1410814"/>
                  <a:gd name="connsiteY15" fmla="*/ 798089 h 1368152"/>
                  <a:gd name="connsiteX16" fmla="*/ 0 w 1410814"/>
                  <a:gd name="connsiteY16" fmla="*/ 0 h 1368152"/>
                  <a:gd name="connsiteX0" fmla="*/ 0 w 1410814"/>
                  <a:gd name="connsiteY0" fmla="*/ 0 h 1539171"/>
                  <a:gd name="connsiteX1" fmla="*/ 822975 w 1410814"/>
                  <a:gd name="connsiteY1" fmla="*/ 0 h 1539171"/>
                  <a:gd name="connsiteX2" fmla="*/ 822975 w 1410814"/>
                  <a:gd name="connsiteY2" fmla="*/ 0 h 1539171"/>
                  <a:gd name="connsiteX3" fmla="*/ 1175678 w 1410814"/>
                  <a:gd name="connsiteY3" fmla="*/ 0 h 1539171"/>
                  <a:gd name="connsiteX4" fmla="*/ 1410814 w 1410814"/>
                  <a:gd name="connsiteY4" fmla="*/ 0 h 1539171"/>
                  <a:gd name="connsiteX5" fmla="*/ 1410814 w 1410814"/>
                  <a:gd name="connsiteY5" fmla="*/ 798089 h 1539171"/>
                  <a:gd name="connsiteX6" fmla="*/ 1410814 w 1410814"/>
                  <a:gd name="connsiteY6" fmla="*/ 798089 h 1539171"/>
                  <a:gd name="connsiteX7" fmla="*/ 1410814 w 1410814"/>
                  <a:gd name="connsiteY7" fmla="*/ 1140127 h 1539171"/>
                  <a:gd name="connsiteX8" fmla="*/ 1410814 w 1410814"/>
                  <a:gd name="connsiteY8" fmla="*/ 1368152 h 1539171"/>
                  <a:gd name="connsiteX9" fmla="*/ 1175678 w 1410814"/>
                  <a:gd name="connsiteY9" fmla="*/ 1368152 h 1539171"/>
                  <a:gd name="connsiteX10" fmla="*/ 1000225 w 1410814"/>
                  <a:gd name="connsiteY10" fmla="*/ 1539171 h 1539171"/>
                  <a:gd name="connsiteX11" fmla="*/ 561037 w 1410814"/>
                  <a:gd name="connsiteY11" fmla="*/ 1368152 h 1539171"/>
                  <a:gd name="connsiteX12" fmla="*/ 0 w 1410814"/>
                  <a:gd name="connsiteY12" fmla="*/ 1368152 h 1539171"/>
                  <a:gd name="connsiteX13" fmla="*/ 0 w 1410814"/>
                  <a:gd name="connsiteY13" fmla="*/ 1140127 h 1539171"/>
                  <a:gd name="connsiteX14" fmla="*/ 0 w 1410814"/>
                  <a:gd name="connsiteY14" fmla="*/ 798089 h 1539171"/>
                  <a:gd name="connsiteX15" fmla="*/ 0 w 1410814"/>
                  <a:gd name="connsiteY15" fmla="*/ 798089 h 1539171"/>
                  <a:gd name="connsiteX16" fmla="*/ 0 w 1410814"/>
                  <a:gd name="connsiteY16" fmla="*/ 0 h 1539171"/>
                  <a:gd name="connsiteX0" fmla="*/ 0 w 1410814"/>
                  <a:gd name="connsiteY0" fmla="*/ 0 h 1539171"/>
                  <a:gd name="connsiteX1" fmla="*/ 822975 w 1410814"/>
                  <a:gd name="connsiteY1" fmla="*/ 0 h 1539171"/>
                  <a:gd name="connsiteX2" fmla="*/ 822975 w 1410814"/>
                  <a:gd name="connsiteY2" fmla="*/ 0 h 1539171"/>
                  <a:gd name="connsiteX3" fmla="*/ 1175678 w 1410814"/>
                  <a:gd name="connsiteY3" fmla="*/ 0 h 1539171"/>
                  <a:gd name="connsiteX4" fmla="*/ 1410814 w 1410814"/>
                  <a:gd name="connsiteY4" fmla="*/ 0 h 1539171"/>
                  <a:gd name="connsiteX5" fmla="*/ 1410814 w 1410814"/>
                  <a:gd name="connsiteY5" fmla="*/ 798089 h 1539171"/>
                  <a:gd name="connsiteX6" fmla="*/ 1410814 w 1410814"/>
                  <a:gd name="connsiteY6" fmla="*/ 798089 h 1539171"/>
                  <a:gd name="connsiteX7" fmla="*/ 1410814 w 1410814"/>
                  <a:gd name="connsiteY7" fmla="*/ 1140127 h 1539171"/>
                  <a:gd name="connsiteX8" fmla="*/ 1410814 w 1410814"/>
                  <a:gd name="connsiteY8" fmla="*/ 1368152 h 1539171"/>
                  <a:gd name="connsiteX9" fmla="*/ 773247 w 1410814"/>
                  <a:gd name="connsiteY9" fmla="*/ 1370533 h 1539171"/>
                  <a:gd name="connsiteX10" fmla="*/ 1000225 w 1410814"/>
                  <a:gd name="connsiteY10" fmla="*/ 1539171 h 1539171"/>
                  <a:gd name="connsiteX11" fmla="*/ 561037 w 1410814"/>
                  <a:gd name="connsiteY11" fmla="*/ 1368152 h 1539171"/>
                  <a:gd name="connsiteX12" fmla="*/ 0 w 1410814"/>
                  <a:gd name="connsiteY12" fmla="*/ 1368152 h 1539171"/>
                  <a:gd name="connsiteX13" fmla="*/ 0 w 1410814"/>
                  <a:gd name="connsiteY13" fmla="*/ 1140127 h 1539171"/>
                  <a:gd name="connsiteX14" fmla="*/ 0 w 1410814"/>
                  <a:gd name="connsiteY14" fmla="*/ 798089 h 1539171"/>
                  <a:gd name="connsiteX15" fmla="*/ 0 w 1410814"/>
                  <a:gd name="connsiteY15" fmla="*/ 798089 h 1539171"/>
                  <a:gd name="connsiteX16" fmla="*/ 0 w 1410814"/>
                  <a:gd name="connsiteY16" fmla="*/ 0 h 1539171"/>
                  <a:gd name="connsiteX0" fmla="*/ 0 w 1410814"/>
                  <a:gd name="connsiteY0" fmla="*/ 0 h 1515359"/>
                  <a:gd name="connsiteX1" fmla="*/ 822975 w 1410814"/>
                  <a:gd name="connsiteY1" fmla="*/ 0 h 1515359"/>
                  <a:gd name="connsiteX2" fmla="*/ 822975 w 1410814"/>
                  <a:gd name="connsiteY2" fmla="*/ 0 h 1515359"/>
                  <a:gd name="connsiteX3" fmla="*/ 1175678 w 1410814"/>
                  <a:gd name="connsiteY3" fmla="*/ 0 h 1515359"/>
                  <a:gd name="connsiteX4" fmla="*/ 1410814 w 1410814"/>
                  <a:gd name="connsiteY4" fmla="*/ 0 h 1515359"/>
                  <a:gd name="connsiteX5" fmla="*/ 1410814 w 1410814"/>
                  <a:gd name="connsiteY5" fmla="*/ 798089 h 1515359"/>
                  <a:gd name="connsiteX6" fmla="*/ 1410814 w 1410814"/>
                  <a:gd name="connsiteY6" fmla="*/ 798089 h 1515359"/>
                  <a:gd name="connsiteX7" fmla="*/ 1410814 w 1410814"/>
                  <a:gd name="connsiteY7" fmla="*/ 1140127 h 1515359"/>
                  <a:gd name="connsiteX8" fmla="*/ 1410814 w 1410814"/>
                  <a:gd name="connsiteY8" fmla="*/ 1368152 h 1515359"/>
                  <a:gd name="connsiteX9" fmla="*/ 773247 w 1410814"/>
                  <a:gd name="connsiteY9" fmla="*/ 1370533 h 1515359"/>
                  <a:gd name="connsiteX10" fmla="*/ 683519 w 1410814"/>
                  <a:gd name="connsiteY10" fmla="*/ 1515359 h 1515359"/>
                  <a:gd name="connsiteX11" fmla="*/ 561037 w 1410814"/>
                  <a:gd name="connsiteY11" fmla="*/ 1368152 h 1515359"/>
                  <a:gd name="connsiteX12" fmla="*/ 0 w 1410814"/>
                  <a:gd name="connsiteY12" fmla="*/ 1368152 h 1515359"/>
                  <a:gd name="connsiteX13" fmla="*/ 0 w 1410814"/>
                  <a:gd name="connsiteY13" fmla="*/ 1140127 h 1515359"/>
                  <a:gd name="connsiteX14" fmla="*/ 0 w 1410814"/>
                  <a:gd name="connsiteY14" fmla="*/ 798089 h 1515359"/>
                  <a:gd name="connsiteX15" fmla="*/ 0 w 1410814"/>
                  <a:gd name="connsiteY15" fmla="*/ 798089 h 1515359"/>
                  <a:gd name="connsiteX16" fmla="*/ 0 w 1410814"/>
                  <a:gd name="connsiteY16" fmla="*/ 0 h 1515359"/>
                  <a:gd name="connsiteX0" fmla="*/ 0 w 1410814"/>
                  <a:gd name="connsiteY0" fmla="*/ 0 h 1512978"/>
                  <a:gd name="connsiteX1" fmla="*/ 822975 w 1410814"/>
                  <a:gd name="connsiteY1" fmla="*/ 0 h 1512978"/>
                  <a:gd name="connsiteX2" fmla="*/ 822975 w 1410814"/>
                  <a:gd name="connsiteY2" fmla="*/ 0 h 1512978"/>
                  <a:gd name="connsiteX3" fmla="*/ 1175678 w 1410814"/>
                  <a:gd name="connsiteY3" fmla="*/ 0 h 1512978"/>
                  <a:gd name="connsiteX4" fmla="*/ 1410814 w 1410814"/>
                  <a:gd name="connsiteY4" fmla="*/ 0 h 1512978"/>
                  <a:gd name="connsiteX5" fmla="*/ 1410814 w 1410814"/>
                  <a:gd name="connsiteY5" fmla="*/ 798089 h 1512978"/>
                  <a:gd name="connsiteX6" fmla="*/ 1410814 w 1410814"/>
                  <a:gd name="connsiteY6" fmla="*/ 798089 h 1512978"/>
                  <a:gd name="connsiteX7" fmla="*/ 1410814 w 1410814"/>
                  <a:gd name="connsiteY7" fmla="*/ 1140127 h 1512978"/>
                  <a:gd name="connsiteX8" fmla="*/ 1410814 w 1410814"/>
                  <a:gd name="connsiteY8" fmla="*/ 1368152 h 1512978"/>
                  <a:gd name="connsiteX9" fmla="*/ 773247 w 1410814"/>
                  <a:gd name="connsiteY9" fmla="*/ 1370533 h 1512978"/>
                  <a:gd name="connsiteX10" fmla="*/ 671613 w 1410814"/>
                  <a:gd name="connsiteY10" fmla="*/ 1512978 h 1512978"/>
                  <a:gd name="connsiteX11" fmla="*/ 561037 w 1410814"/>
                  <a:gd name="connsiteY11" fmla="*/ 1368152 h 1512978"/>
                  <a:gd name="connsiteX12" fmla="*/ 0 w 1410814"/>
                  <a:gd name="connsiteY12" fmla="*/ 1368152 h 1512978"/>
                  <a:gd name="connsiteX13" fmla="*/ 0 w 1410814"/>
                  <a:gd name="connsiteY13" fmla="*/ 1140127 h 1512978"/>
                  <a:gd name="connsiteX14" fmla="*/ 0 w 1410814"/>
                  <a:gd name="connsiteY14" fmla="*/ 798089 h 1512978"/>
                  <a:gd name="connsiteX15" fmla="*/ 0 w 1410814"/>
                  <a:gd name="connsiteY15" fmla="*/ 798089 h 1512978"/>
                  <a:gd name="connsiteX16" fmla="*/ 0 w 1410814"/>
                  <a:gd name="connsiteY16" fmla="*/ 0 h 1512978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773247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561037 w 1410814"/>
                  <a:gd name="connsiteY11" fmla="*/ 1368152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47502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561037 w 1410814"/>
                  <a:gd name="connsiteY11" fmla="*/ 1368152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47502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612791 w 1410814"/>
                  <a:gd name="connsiteY11" fmla="*/ 1370333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27250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612791 w 1410814"/>
                  <a:gd name="connsiteY11" fmla="*/ 1370333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27250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639792 w 1410814"/>
                  <a:gd name="connsiteY11" fmla="*/ 1372514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26064"/>
                  <a:gd name="connsiteX1" fmla="*/ 822975 w 1410814"/>
                  <a:gd name="connsiteY1" fmla="*/ 0 h 1526064"/>
                  <a:gd name="connsiteX2" fmla="*/ 822975 w 1410814"/>
                  <a:gd name="connsiteY2" fmla="*/ 0 h 1526064"/>
                  <a:gd name="connsiteX3" fmla="*/ 1175678 w 1410814"/>
                  <a:gd name="connsiteY3" fmla="*/ 0 h 1526064"/>
                  <a:gd name="connsiteX4" fmla="*/ 1410814 w 1410814"/>
                  <a:gd name="connsiteY4" fmla="*/ 0 h 1526064"/>
                  <a:gd name="connsiteX5" fmla="*/ 1410814 w 1410814"/>
                  <a:gd name="connsiteY5" fmla="*/ 798089 h 1526064"/>
                  <a:gd name="connsiteX6" fmla="*/ 1410814 w 1410814"/>
                  <a:gd name="connsiteY6" fmla="*/ 798089 h 1526064"/>
                  <a:gd name="connsiteX7" fmla="*/ 1410814 w 1410814"/>
                  <a:gd name="connsiteY7" fmla="*/ 1140127 h 1526064"/>
                  <a:gd name="connsiteX8" fmla="*/ 1410814 w 1410814"/>
                  <a:gd name="connsiteY8" fmla="*/ 1368152 h 1526064"/>
                  <a:gd name="connsiteX9" fmla="*/ 827250 w 1410814"/>
                  <a:gd name="connsiteY9" fmla="*/ 1370533 h 1526064"/>
                  <a:gd name="connsiteX10" fmla="*/ 736868 w 1410814"/>
                  <a:gd name="connsiteY10" fmla="*/ 1526064 h 1526064"/>
                  <a:gd name="connsiteX11" fmla="*/ 639792 w 1410814"/>
                  <a:gd name="connsiteY11" fmla="*/ 1372514 h 1526064"/>
                  <a:gd name="connsiteX12" fmla="*/ 0 w 1410814"/>
                  <a:gd name="connsiteY12" fmla="*/ 1368152 h 1526064"/>
                  <a:gd name="connsiteX13" fmla="*/ 0 w 1410814"/>
                  <a:gd name="connsiteY13" fmla="*/ 1140127 h 1526064"/>
                  <a:gd name="connsiteX14" fmla="*/ 0 w 1410814"/>
                  <a:gd name="connsiteY14" fmla="*/ 798089 h 1526064"/>
                  <a:gd name="connsiteX15" fmla="*/ 0 w 1410814"/>
                  <a:gd name="connsiteY15" fmla="*/ 798089 h 1526064"/>
                  <a:gd name="connsiteX16" fmla="*/ 0 w 1410814"/>
                  <a:gd name="connsiteY16" fmla="*/ 0 h 152606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</a:cxnLst>
                <a:rect l="l" t="t" r="r" b="b"/>
                <a:pathLst>
                  <a:path w="1410814" h="1526064">
                    <a:moveTo>
                      <a:pt x="0" y="0"/>
                    </a:moveTo>
                    <a:lnTo>
                      <a:pt x="822975" y="0"/>
                    </a:lnTo>
                    <a:lnTo>
                      <a:pt x="822975" y="0"/>
                    </a:lnTo>
                    <a:lnTo>
                      <a:pt x="1175678" y="0"/>
                    </a:lnTo>
                    <a:lnTo>
                      <a:pt x="1410814" y="0"/>
                    </a:lnTo>
                    <a:lnTo>
                      <a:pt x="1410814" y="798089"/>
                    </a:lnTo>
                    <a:lnTo>
                      <a:pt x="1410814" y="798089"/>
                    </a:lnTo>
                    <a:lnTo>
                      <a:pt x="1410814" y="1140127"/>
                    </a:lnTo>
                    <a:lnTo>
                      <a:pt x="1410814" y="1368152"/>
                    </a:lnTo>
                    <a:lnTo>
                      <a:pt x="827250" y="1370533"/>
                    </a:lnTo>
                    <a:lnTo>
                      <a:pt x="736868" y="1526064"/>
                    </a:lnTo>
                    <a:lnTo>
                      <a:pt x="639792" y="1372514"/>
                    </a:lnTo>
                    <a:lnTo>
                      <a:pt x="0" y="1368152"/>
                    </a:lnTo>
                    <a:lnTo>
                      <a:pt x="0" y="1140127"/>
                    </a:lnTo>
                    <a:lnTo>
                      <a:pt x="0" y="798089"/>
                    </a:lnTo>
                    <a:lnTo>
                      <a:pt x="0" y="798089"/>
                    </a:lnTo>
                    <a:lnTo>
                      <a:pt x="0" y="0"/>
                    </a:lnTo>
                    <a:close/>
                  </a:path>
                </a:pathLst>
              </a:cu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  <p:sp>
            <p:nvSpPr>
              <p:cNvPr id="21" name="TextBox 33"/>
              <p:cNvSpPr txBox="1">
                <a:spLocks noChangeArrowheads="1"/>
              </p:cNvSpPr>
              <p:nvPr/>
            </p:nvSpPr>
            <p:spPr bwMode="auto">
              <a:xfrm>
                <a:off x="1550947" y="3294813"/>
                <a:ext cx="1414684" cy="1213858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 wrap="square">
                <a:spAutoFit/>
              </a:bodyPr>
              <a:lstStyle/>
              <a:p>
                <a:pPr algn="ctr">
                  <a:lnSpc>
                    <a:spcPct val="150000"/>
                  </a:lnSpc>
                  <a:defRPr/>
                </a:pPr>
                <a:r>
                  <a:rPr lang="zh-CN" altLang="en-US" sz="1400" kern="0" dirty="0">
                    <a:solidFill>
                      <a:srgbClr val="C00000"/>
                    </a:solidFill>
                    <a:latin typeface="微软雅黑" pitchFamily="34" charset="-122"/>
                    <a:ea typeface="微软雅黑" pitchFamily="34" charset="-122"/>
                  </a:rPr>
                  <a:t>Add text here</a:t>
                </a:r>
                <a:endParaRPr lang="en-US" altLang="zh-CN" sz="1400" kern="0" dirty="0">
                  <a:solidFill>
                    <a:srgbClr val="C00000"/>
                  </a:solidFill>
                  <a:latin typeface="微软雅黑" pitchFamily="34" charset="-122"/>
                  <a:ea typeface="微软雅黑" pitchFamily="34" charset="-122"/>
                </a:endParaRPr>
              </a:p>
              <a:p>
                <a:pPr algn="ctr">
                  <a:lnSpc>
                    <a:spcPct val="150000"/>
                  </a:lnSpc>
                  <a:defRPr/>
                </a:pPr>
                <a:r>
                  <a:rPr lang="zh-CN" altLang="en-US" sz="1200" kern="0" dirty="0">
                    <a:latin typeface="微软雅黑" pitchFamily="34" charset="-122"/>
                    <a:ea typeface="微软雅黑" pitchFamily="34" charset="-122"/>
                  </a:rPr>
                  <a:t>Add text here Click here to add text</a:t>
                </a:r>
              </a:p>
            </p:txBody>
          </p:sp>
        </p:grpSp>
        <p:sp>
          <p:nvSpPr>
            <p:cNvPr id="19" name="TextBox 18"/>
            <p:cNvSpPr txBox="1"/>
            <p:nvPr/>
          </p:nvSpPr>
          <p:spPr>
            <a:xfrm>
              <a:off x="1859729" y="3097710"/>
              <a:ext cx="620683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MStiffHeiHK-UltraBold" pitchFamily="50" charset="-120"/>
                  <a:ea typeface="MStiffHeiHK-UltraBold" pitchFamily="50" charset="-120"/>
                </a:rPr>
                <a:t>Text</a:t>
              </a:r>
              <a:endPara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MStiffHeiHK-UltraBold" pitchFamily="50" charset="-120"/>
                <a:ea typeface="MStiffHeiHK-UltraBold" pitchFamily="50" charset="-120"/>
              </a:endParaRPr>
            </a:p>
          </p:txBody>
        </p:sp>
      </p:grpSp>
      <p:grpSp>
        <p:nvGrpSpPr>
          <p:cNvPr id="22" name="组合 21"/>
          <p:cNvGrpSpPr/>
          <p:nvPr/>
        </p:nvGrpSpPr>
        <p:grpSpPr>
          <a:xfrm>
            <a:off x="5227232" y="3384631"/>
            <a:ext cx="1650379" cy="1666127"/>
            <a:chOff x="3753333" y="2839197"/>
            <a:chExt cx="1650379" cy="1666127"/>
          </a:xfrm>
        </p:grpSpPr>
        <p:grpSp>
          <p:nvGrpSpPr>
            <p:cNvPr id="23" name="组合 22"/>
            <p:cNvGrpSpPr/>
            <p:nvPr/>
          </p:nvGrpSpPr>
          <p:grpSpPr>
            <a:xfrm>
              <a:off x="3753333" y="2839197"/>
              <a:ext cx="1650379" cy="1666127"/>
              <a:chOff x="1441933" y="2839197"/>
              <a:chExt cx="1650379" cy="1666127"/>
            </a:xfrm>
          </p:grpSpPr>
          <p:sp>
            <p:nvSpPr>
              <p:cNvPr id="25" name="矩形标注 17"/>
              <p:cNvSpPr/>
              <p:nvPr/>
            </p:nvSpPr>
            <p:spPr>
              <a:xfrm rot="10800000">
                <a:off x="1538285" y="2839197"/>
                <a:ext cx="1493013" cy="1666127"/>
              </a:xfrm>
              <a:custGeom>
                <a:avLst/>
                <a:gdLst>
                  <a:gd name="connsiteX0" fmla="*/ 0 w 1410814"/>
                  <a:gd name="connsiteY0" fmla="*/ 0 h 1368152"/>
                  <a:gd name="connsiteX1" fmla="*/ 822975 w 1410814"/>
                  <a:gd name="connsiteY1" fmla="*/ 0 h 1368152"/>
                  <a:gd name="connsiteX2" fmla="*/ 822975 w 1410814"/>
                  <a:gd name="connsiteY2" fmla="*/ 0 h 1368152"/>
                  <a:gd name="connsiteX3" fmla="*/ 1175678 w 1410814"/>
                  <a:gd name="connsiteY3" fmla="*/ 0 h 1368152"/>
                  <a:gd name="connsiteX4" fmla="*/ 1410814 w 1410814"/>
                  <a:gd name="connsiteY4" fmla="*/ 0 h 1368152"/>
                  <a:gd name="connsiteX5" fmla="*/ 1410814 w 1410814"/>
                  <a:gd name="connsiteY5" fmla="*/ 798089 h 1368152"/>
                  <a:gd name="connsiteX6" fmla="*/ 1410814 w 1410814"/>
                  <a:gd name="connsiteY6" fmla="*/ 798089 h 1368152"/>
                  <a:gd name="connsiteX7" fmla="*/ 1410814 w 1410814"/>
                  <a:gd name="connsiteY7" fmla="*/ 1140127 h 1368152"/>
                  <a:gd name="connsiteX8" fmla="*/ 1410814 w 1410814"/>
                  <a:gd name="connsiteY8" fmla="*/ 1368152 h 1368152"/>
                  <a:gd name="connsiteX9" fmla="*/ 1175678 w 1410814"/>
                  <a:gd name="connsiteY9" fmla="*/ 1368152 h 1368152"/>
                  <a:gd name="connsiteX10" fmla="*/ 1000225 w 1410814"/>
                  <a:gd name="connsiteY10" fmla="*/ 1539171 h 1368152"/>
                  <a:gd name="connsiteX11" fmla="*/ 822975 w 1410814"/>
                  <a:gd name="connsiteY11" fmla="*/ 1368152 h 1368152"/>
                  <a:gd name="connsiteX12" fmla="*/ 0 w 1410814"/>
                  <a:gd name="connsiteY12" fmla="*/ 1368152 h 1368152"/>
                  <a:gd name="connsiteX13" fmla="*/ 0 w 1410814"/>
                  <a:gd name="connsiteY13" fmla="*/ 1140127 h 1368152"/>
                  <a:gd name="connsiteX14" fmla="*/ 0 w 1410814"/>
                  <a:gd name="connsiteY14" fmla="*/ 798089 h 1368152"/>
                  <a:gd name="connsiteX15" fmla="*/ 0 w 1410814"/>
                  <a:gd name="connsiteY15" fmla="*/ 798089 h 1368152"/>
                  <a:gd name="connsiteX16" fmla="*/ 0 w 1410814"/>
                  <a:gd name="connsiteY16" fmla="*/ 0 h 1368152"/>
                  <a:gd name="connsiteX0" fmla="*/ 0 w 1410814"/>
                  <a:gd name="connsiteY0" fmla="*/ 0 h 1539171"/>
                  <a:gd name="connsiteX1" fmla="*/ 822975 w 1410814"/>
                  <a:gd name="connsiteY1" fmla="*/ 0 h 1539171"/>
                  <a:gd name="connsiteX2" fmla="*/ 822975 w 1410814"/>
                  <a:gd name="connsiteY2" fmla="*/ 0 h 1539171"/>
                  <a:gd name="connsiteX3" fmla="*/ 1175678 w 1410814"/>
                  <a:gd name="connsiteY3" fmla="*/ 0 h 1539171"/>
                  <a:gd name="connsiteX4" fmla="*/ 1410814 w 1410814"/>
                  <a:gd name="connsiteY4" fmla="*/ 0 h 1539171"/>
                  <a:gd name="connsiteX5" fmla="*/ 1410814 w 1410814"/>
                  <a:gd name="connsiteY5" fmla="*/ 798089 h 1539171"/>
                  <a:gd name="connsiteX6" fmla="*/ 1410814 w 1410814"/>
                  <a:gd name="connsiteY6" fmla="*/ 798089 h 1539171"/>
                  <a:gd name="connsiteX7" fmla="*/ 1410814 w 1410814"/>
                  <a:gd name="connsiteY7" fmla="*/ 1140127 h 1539171"/>
                  <a:gd name="connsiteX8" fmla="*/ 1410814 w 1410814"/>
                  <a:gd name="connsiteY8" fmla="*/ 1368152 h 1539171"/>
                  <a:gd name="connsiteX9" fmla="*/ 1175678 w 1410814"/>
                  <a:gd name="connsiteY9" fmla="*/ 1368152 h 1539171"/>
                  <a:gd name="connsiteX10" fmla="*/ 1000225 w 1410814"/>
                  <a:gd name="connsiteY10" fmla="*/ 1539171 h 1539171"/>
                  <a:gd name="connsiteX11" fmla="*/ 561037 w 1410814"/>
                  <a:gd name="connsiteY11" fmla="*/ 1368152 h 1539171"/>
                  <a:gd name="connsiteX12" fmla="*/ 0 w 1410814"/>
                  <a:gd name="connsiteY12" fmla="*/ 1368152 h 1539171"/>
                  <a:gd name="connsiteX13" fmla="*/ 0 w 1410814"/>
                  <a:gd name="connsiteY13" fmla="*/ 1140127 h 1539171"/>
                  <a:gd name="connsiteX14" fmla="*/ 0 w 1410814"/>
                  <a:gd name="connsiteY14" fmla="*/ 798089 h 1539171"/>
                  <a:gd name="connsiteX15" fmla="*/ 0 w 1410814"/>
                  <a:gd name="connsiteY15" fmla="*/ 798089 h 1539171"/>
                  <a:gd name="connsiteX16" fmla="*/ 0 w 1410814"/>
                  <a:gd name="connsiteY16" fmla="*/ 0 h 1539171"/>
                  <a:gd name="connsiteX0" fmla="*/ 0 w 1410814"/>
                  <a:gd name="connsiteY0" fmla="*/ 0 h 1539171"/>
                  <a:gd name="connsiteX1" fmla="*/ 822975 w 1410814"/>
                  <a:gd name="connsiteY1" fmla="*/ 0 h 1539171"/>
                  <a:gd name="connsiteX2" fmla="*/ 822975 w 1410814"/>
                  <a:gd name="connsiteY2" fmla="*/ 0 h 1539171"/>
                  <a:gd name="connsiteX3" fmla="*/ 1175678 w 1410814"/>
                  <a:gd name="connsiteY3" fmla="*/ 0 h 1539171"/>
                  <a:gd name="connsiteX4" fmla="*/ 1410814 w 1410814"/>
                  <a:gd name="connsiteY4" fmla="*/ 0 h 1539171"/>
                  <a:gd name="connsiteX5" fmla="*/ 1410814 w 1410814"/>
                  <a:gd name="connsiteY5" fmla="*/ 798089 h 1539171"/>
                  <a:gd name="connsiteX6" fmla="*/ 1410814 w 1410814"/>
                  <a:gd name="connsiteY6" fmla="*/ 798089 h 1539171"/>
                  <a:gd name="connsiteX7" fmla="*/ 1410814 w 1410814"/>
                  <a:gd name="connsiteY7" fmla="*/ 1140127 h 1539171"/>
                  <a:gd name="connsiteX8" fmla="*/ 1410814 w 1410814"/>
                  <a:gd name="connsiteY8" fmla="*/ 1368152 h 1539171"/>
                  <a:gd name="connsiteX9" fmla="*/ 773247 w 1410814"/>
                  <a:gd name="connsiteY9" fmla="*/ 1370533 h 1539171"/>
                  <a:gd name="connsiteX10" fmla="*/ 1000225 w 1410814"/>
                  <a:gd name="connsiteY10" fmla="*/ 1539171 h 1539171"/>
                  <a:gd name="connsiteX11" fmla="*/ 561037 w 1410814"/>
                  <a:gd name="connsiteY11" fmla="*/ 1368152 h 1539171"/>
                  <a:gd name="connsiteX12" fmla="*/ 0 w 1410814"/>
                  <a:gd name="connsiteY12" fmla="*/ 1368152 h 1539171"/>
                  <a:gd name="connsiteX13" fmla="*/ 0 w 1410814"/>
                  <a:gd name="connsiteY13" fmla="*/ 1140127 h 1539171"/>
                  <a:gd name="connsiteX14" fmla="*/ 0 w 1410814"/>
                  <a:gd name="connsiteY14" fmla="*/ 798089 h 1539171"/>
                  <a:gd name="connsiteX15" fmla="*/ 0 w 1410814"/>
                  <a:gd name="connsiteY15" fmla="*/ 798089 h 1539171"/>
                  <a:gd name="connsiteX16" fmla="*/ 0 w 1410814"/>
                  <a:gd name="connsiteY16" fmla="*/ 0 h 1539171"/>
                  <a:gd name="connsiteX0" fmla="*/ 0 w 1410814"/>
                  <a:gd name="connsiteY0" fmla="*/ 0 h 1515359"/>
                  <a:gd name="connsiteX1" fmla="*/ 822975 w 1410814"/>
                  <a:gd name="connsiteY1" fmla="*/ 0 h 1515359"/>
                  <a:gd name="connsiteX2" fmla="*/ 822975 w 1410814"/>
                  <a:gd name="connsiteY2" fmla="*/ 0 h 1515359"/>
                  <a:gd name="connsiteX3" fmla="*/ 1175678 w 1410814"/>
                  <a:gd name="connsiteY3" fmla="*/ 0 h 1515359"/>
                  <a:gd name="connsiteX4" fmla="*/ 1410814 w 1410814"/>
                  <a:gd name="connsiteY4" fmla="*/ 0 h 1515359"/>
                  <a:gd name="connsiteX5" fmla="*/ 1410814 w 1410814"/>
                  <a:gd name="connsiteY5" fmla="*/ 798089 h 1515359"/>
                  <a:gd name="connsiteX6" fmla="*/ 1410814 w 1410814"/>
                  <a:gd name="connsiteY6" fmla="*/ 798089 h 1515359"/>
                  <a:gd name="connsiteX7" fmla="*/ 1410814 w 1410814"/>
                  <a:gd name="connsiteY7" fmla="*/ 1140127 h 1515359"/>
                  <a:gd name="connsiteX8" fmla="*/ 1410814 w 1410814"/>
                  <a:gd name="connsiteY8" fmla="*/ 1368152 h 1515359"/>
                  <a:gd name="connsiteX9" fmla="*/ 773247 w 1410814"/>
                  <a:gd name="connsiteY9" fmla="*/ 1370533 h 1515359"/>
                  <a:gd name="connsiteX10" fmla="*/ 683519 w 1410814"/>
                  <a:gd name="connsiteY10" fmla="*/ 1515359 h 1515359"/>
                  <a:gd name="connsiteX11" fmla="*/ 561037 w 1410814"/>
                  <a:gd name="connsiteY11" fmla="*/ 1368152 h 1515359"/>
                  <a:gd name="connsiteX12" fmla="*/ 0 w 1410814"/>
                  <a:gd name="connsiteY12" fmla="*/ 1368152 h 1515359"/>
                  <a:gd name="connsiteX13" fmla="*/ 0 w 1410814"/>
                  <a:gd name="connsiteY13" fmla="*/ 1140127 h 1515359"/>
                  <a:gd name="connsiteX14" fmla="*/ 0 w 1410814"/>
                  <a:gd name="connsiteY14" fmla="*/ 798089 h 1515359"/>
                  <a:gd name="connsiteX15" fmla="*/ 0 w 1410814"/>
                  <a:gd name="connsiteY15" fmla="*/ 798089 h 1515359"/>
                  <a:gd name="connsiteX16" fmla="*/ 0 w 1410814"/>
                  <a:gd name="connsiteY16" fmla="*/ 0 h 1515359"/>
                  <a:gd name="connsiteX0" fmla="*/ 0 w 1410814"/>
                  <a:gd name="connsiteY0" fmla="*/ 0 h 1512978"/>
                  <a:gd name="connsiteX1" fmla="*/ 822975 w 1410814"/>
                  <a:gd name="connsiteY1" fmla="*/ 0 h 1512978"/>
                  <a:gd name="connsiteX2" fmla="*/ 822975 w 1410814"/>
                  <a:gd name="connsiteY2" fmla="*/ 0 h 1512978"/>
                  <a:gd name="connsiteX3" fmla="*/ 1175678 w 1410814"/>
                  <a:gd name="connsiteY3" fmla="*/ 0 h 1512978"/>
                  <a:gd name="connsiteX4" fmla="*/ 1410814 w 1410814"/>
                  <a:gd name="connsiteY4" fmla="*/ 0 h 1512978"/>
                  <a:gd name="connsiteX5" fmla="*/ 1410814 w 1410814"/>
                  <a:gd name="connsiteY5" fmla="*/ 798089 h 1512978"/>
                  <a:gd name="connsiteX6" fmla="*/ 1410814 w 1410814"/>
                  <a:gd name="connsiteY6" fmla="*/ 798089 h 1512978"/>
                  <a:gd name="connsiteX7" fmla="*/ 1410814 w 1410814"/>
                  <a:gd name="connsiteY7" fmla="*/ 1140127 h 1512978"/>
                  <a:gd name="connsiteX8" fmla="*/ 1410814 w 1410814"/>
                  <a:gd name="connsiteY8" fmla="*/ 1368152 h 1512978"/>
                  <a:gd name="connsiteX9" fmla="*/ 773247 w 1410814"/>
                  <a:gd name="connsiteY9" fmla="*/ 1370533 h 1512978"/>
                  <a:gd name="connsiteX10" fmla="*/ 671613 w 1410814"/>
                  <a:gd name="connsiteY10" fmla="*/ 1512978 h 1512978"/>
                  <a:gd name="connsiteX11" fmla="*/ 561037 w 1410814"/>
                  <a:gd name="connsiteY11" fmla="*/ 1368152 h 1512978"/>
                  <a:gd name="connsiteX12" fmla="*/ 0 w 1410814"/>
                  <a:gd name="connsiteY12" fmla="*/ 1368152 h 1512978"/>
                  <a:gd name="connsiteX13" fmla="*/ 0 w 1410814"/>
                  <a:gd name="connsiteY13" fmla="*/ 1140127 h 1512978"/>
                  <a:gd name="connsiteX14" fmla="*/ 0 w 1410814"/>
                  <a:gd name="connsiteY14" fmla="*/ 798089 h 1512978"/>
                  <a:gd name="connsiteX15" fmla="*/ 0 w 1410814"/>
                  <a:gd name="connsiteY15" fmla="*/ 798089 h 1512978"/>
                  <a:gd name="connsiteX16" fmla="*/ 0 w 1410814"/>
                  <a:gd name="connsiteY16" fmla="*/ 0 h 1512978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773247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561037 w 1410814"/>
                  <a:gd name="connsiteY11" fmla="*/ 1368152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47502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561037 w 1410814"/>
                  <a:gd name="connsiteY11" fmla="*/ 1368152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47502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612791 w 1410814"/>
                  <a:gd name="connsiteY11" fmla="*/ 1370333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27250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612791 w 1410814"/>
                  <a:gd name="connsiteY11" fmla="*/ 1370333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27250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639792 w 1410814"/>
                  <a:gd name="connsiteY11" fmla="*/ 1372514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26064"/>
                  <a:gd name="connsiteX1" fmla="*/ 822975 w 1410814"/>
                  <a:gd name="connsiteY1" fmla="*/ 0 h 1526064"/>
                  <a:gd name="connsiteX2" fmla="*/ 822975 w 1410814"/>
                  <a:gd name="connsiteY2" fmla="*/ 0 h 1526064"/>
                  <a:gd name="connsiteX3" fmla="*/ 1175678 w 1410814"/>
                  <a:gd name="connsiteY3" fmla="*/ 0 h 1526064"/>
                  <a:gd name="connsiteX4" fmla="*/ 1410814 w 1410814"/>
                  <a:gd name="connsiteY4" fmla="*/ 0 h 1526064"/>
                  <a:gd name="connsiteX5" fmla="*/ 1410814 w 1410814"/>
                  <a:gd name="connsiteY5" fmla="*/ 798089 h 1526064"/>
                  <a:gd name="connsiteX6" fmla="*/ 1410814 w 1410814"/>
                  <a:gd name="connsiteY6" fmla="*/ 798089 h 1526064"/>
                  <a:gd name="connsiteX7" fmla="*/ 1410814 w 1410814"/>
                  <a:gd name="connsiteY7" fmla="*/ 1140127 h 1526064"/>
                  <a:gd name="connsiteX8" fmla="*/ 1410814 w 1410814"/>
                  <a:gd name="connsiteY8" fmla="*/ 1368152 h 1526064"/>
                  <a:gd name="connsiteX9" fmla="*/ 827250 w 1410814"/>
                  <a:gd name="connsiteY9" fmla="*/ 1370533 h 1526064"/>
                  <a:gd name="connsiteX10" fmla="*/ 736868 w 1410814"/>
                  <a:gd name="connsiteY10" fmla="*/ 1526064 h 1526064"/>
                  <a:gd name="connsiteX11" fmla="*/ 639792 w 1410814"/>
                  <a:gd name="connsiteY11" fmla="*/ 1372514 h 1526064"/>
                  <a:gd name="connsiteX12" fmla="*/ 0 w 1410814"/>
                  <a:gd name="connsiteY12" fmla="*/ 1368152 h 1526064"/>
                  <a:gd name="connsiteX13" fmla="*/ 0 w 1410814"/>
                  <a:gd name="connsiteY13" fmla="*/ 1140127 h 1526064"/>
                  <a:gd name="connsiteX14" fmla="*/ 0 w 1410814"/>
                  <a:gd name="connsiteY14" fmla="*/ 798089 h 1526064"/>
                  <a:gd name="connsiteX15" fmla="*/ 0 w 1410814"/>
                  <a:gd name="connsiteY15" fmla="*/ 798089 h 1526064"/>
                  <a:gd name="connsiteX16" fmla="*/ 0 w 1410814"/>
                  <a:gd name="connsiteY16" fmla="*/ 0 h 152606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</a:cxnLst>
                <a:rect l="l" t="t" r="r" b="b"/>
                <a:pathLst>
                  <a:path w="1410814" h="1526064">
                    <a:moveTo>
                      <a:pt x="0" y="0"/>
                    </a:moveTo>
                    <a:lnTo>
                      <a:pt x="822975" y="0"/>
                    </a:lnTo>
                    <a:lnTo>
                      <a:pt x="822975" y="0"/>
                    </a:lnTo>
                    <a:lnTo>
                      <a:pt x="1175678" y="0"/>
                    </a:lnTo>
                    <a:lnTo>
                      <a:pt x="1410814" y="0"/>
                    </a:lnTo>
                    <a:lnTo>
                      <a:pt x="1410814" y="798089"/>
                    </a:lnTo>
                    <a:lnTo>
                      <a:pt x="1410814" y="798089"/>
                    </a:lnTo>
                    <a:lnTo>
                      <a:pt x="1410814" y="1140127"/>
                    </a:lnTo>
                    <a:lnTo>
                      <a:pt x="1410814" y="1368152"/>
                    </a:lnTo>
                    <a:lnTo>
                      <a:pt x="827250" y="1370533"/>
                    </a:lnTo>
                    <a:lnTo>
                      <a:pt x="736868" y="1526064"/>
                    </a:lnTo>
                    <a:lnTo>
                      <a:pt x="639792" y="1372514"/>
                    </a:lnTo>
                    <a:lnTo>
                      <a:pt x="0" y="1368152"/>
                    </a:lnTo>
                    <a:lnTo>
                      <a:pt x="0" y="1140127"/>
                    </a:lnTo>
                    <a:lnTo>
                      <a:pt x="0" y="798089"/>
                    </a:lnTo>
                    <a:lnTo>
                      <a:pt x="0" y="798089"/>
                    </a:lnTo>
                    <a:lnTo>
                      <a:pt x="0" y="0"/>
                    </a:lnTo>
                    <a:close/>
                  </a:path>
                </a:pathLst>
              </a:cu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  <p:sp>
            <p:nvSpPr>
              <p:cNvPr id="26" name="TextBox 33"/>
              <p:cNvSpPr txBox="1">
                <a:spLocks noChangeArrowheads="1"/>
              </p:cNvSpPr>
              <p:nvPr/>
            </p:nvSpPr>
            <p:spPr bwMode="auto">
              <a:xfrm>
                <a:off x="1441933" y="3396867"/>
                <a:ext cx="1650379" cy="969496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 wrap="square">
                <a:spAutoFit/>
              </a:bodyPr>
              <a:lstStyle/>
              <a:p>
                <a:pPr algn="ctr">
                  <a:lnSpc>
                    <a:spcPct val="150000"/>
                  </a:lnSpc>
                  <a:defRPr/>
                </a:pPr>
                <a:r>
                  <a:rPr lang="zh-CN" altLang="en-US" sz="1400" kern="0" dirty="0">
                    <a:solidFill>
                      <a:srgbClr val="C00000"/>
                    </a:solidFill>
                    <a:latin typeface="微软雅黑" pitchFamily="34" charset="-122"/>
                    <a:ea typeface="微软雅黑" pitchFamily="34" charset="-122"/>
                  </a:rPr>
                  <a:t>Add text here</a:t>
                </a:r>
                <a:endParaRPr lang="en-US" altLang="zh-CN" sz="1400" kern="0" dirty="0">
                  <a:solidFill>
                    <a:srgbClr val="C00000"/>
                  </a:solidFill>
                  <a:latin typeface="微软雅黑" pitchFamily="34" charset="-122"/>
                  <a:ea typeface="微软雅黑" pitchFamily="34" charset="-122"/>
                </a:endParaRPr>
              </a:p>
              <a:p>
                <a:pPr algn="ctr">
                  <a:lnSpc>
                    <a:spcPct val="150000"/>
                  </a:lnSpc>
                  <a:defRPr/>
                </a:pPr>
                <a:r>
                  <a:rPr lang="zh-CN" altLang="en-US" sz="1200" kern="0" dirty="0">
                    <a:latin typeface="微软雅黑" pitchFamily="34" charset="-122"/>
                    <a:ea typeface="微软雅黑" pitchFamily="34" charset="-122"/>
                  </a:rPr>
                  <a:t>Add text here Click here to add text</a:t>
                </a:r>
              </a:p>
            </p:txBody>
          </p:sp>
        </p:grpSp>
        <p:sp>
          <p:nvSpPr>
            <p:cNvPr id="24" name="TextBox 23"/>
            <p:cNvSpPr txBox="1"/>
            <p:nvPr/>
          </p:nvSpPr>
          <p:spPr>
            <a:xfrm>
              <a:off x="4177044" y="3097710"/>
              <a:ext cx="620683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MStiffHeiHK-UltraBold" pitchFamily="50" charset="-120"/>
                  <a:ea typeface="MStiffHeiHK-UltraBold" pitchFamily="50" charset="-120"/>
                </a:rPr>
                <a:t>Text</a:t>
              </a:r>
              <a:endPara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MStiffHeiHK-UltraBold" pitchFamily="50" charset="-120"/>
                <a:ea typeface="MStiffHeiHK-UltraBold" pitchFamily="50" charset="-120"/>
              </a:endParaRP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7647508" y="3384631"/>
            <a:ext cx="1493015" cy="1666127"/>
            <a:chOff x="6161083" y="2839197"/>
            <a:chExt cx="1493015" cy="1666127"/>
          </a:xfrm>
        </p:grpSpPr>
        <p:grpSp>
          <p:nvGrpSpPr>
            <p:cNvPr id="28" name="组合 27"/>
            <p:cNvGrpSpPr/>
            <p:nvPr/>
          </p:nvGrpSpPr>
          <p:grpSpPr>
            <a:xfrm>
              <a:off x="6161083" y="2839197"/>
              <a:ext cx="1493015" cy="1666127"/>
              <a:chOff x="1538283" y="2839197"/>
              <a:chExt cx="1493015" cy="1666127"/>
            </a:xfrm>
          </p:grpSpPr>
          <p:sp>
            <p:nvSpPr>
              <p:cNvPr id="30" name="矩形标注 17"/>
              <p:cNvSpPr/>
              <p:nvPr/>
            </p:nvSpPr>
            <p:spPr>
              <a:xfrm rot="10800000">
                <a:off x="1538285" y="2839197"/>
                <a:ext cx="1493013" cy="1666127"/>
              </a:xfrm>
              <a:custGeom>
                <a:avLst/>
                <a:gdLst>
                  <a:gd name="connsiteX0" fmla="*/ 0 w 1410814"/>
                  <a:gd name="connsiteY0" fmla="*/ 0 h 1368152"/>
                  <a:gd name="connsiteX1" fmla="*/ 822975 w 1410814"/>
                  <a:gd name="connsiteY1" fmla="*/ 0 h 1368152"/>
                  <a:gd name="connsiteX2" fmla="*/ 822975 w 1410814"/>
                  <a:gd name="connsiteY2" fmla="*/ 0 h 1368152"/>
                  <a:gd name="connsiteX3" fmla="*/ 1175678 w 1410814"/>
                  <a:gd name="connsiteY3" fmla="*/ 0 h 1368152"/>
                  <a:gd name="connsiteX4" fmla="*/ 1410814 w 1410814"/>
                  <a:gd name="connsiteY4" fmla="*/ 0 h 1368152"/>
                  <a:gd name="connsiteX5" fmla="*/ 1410814 w 1410814"/>
                  <a:gd name="connsiteY5" fmla="*/ 798089 h 1368152"/>
                  <a:gd name="connsiteX6" fmla="*/ 1410814 w 1410814"/>
                  <a:gd name="connsiteY6" fmla="*/ 798089 h 1368152"/>
                  <a:gd name="connsiteX7" fmla="*/ 1410814 w 1410814"/>
                  <a:gd name="connsiteY7" fmla="*/ 1140127 h 1368152"/>
                  <a:gd name="connsiteX8" fmla="*/ 1410814 w 1410814"/>
                  <a:gd name="connsiteY8" fmla="*/ 1368152 h 1368152"/>
                  <a:gd name="connsiteX9" fmla="*/ 1175678 w 1410814"/>
                  <a:gd name="connsiteY9" fmla="*/ 1368152 h 1368152"/>
                  <a:gd name="connsiteX10" fmla="*/ 1000225 w 1410814"/>
                  <a:gd name="connsiteY10" fmla="*/ 1539171 h 1368152"/>
                  <a:gd name="connsiteX11" fmla="*/ 822975 w 1410814"/>
                  <a:gd name="connsiteY11" fmla="*/ 1368152 h 1368152"/>
                  <a:gd name="connsiteX12" fmla="*/ 0 w 1410814"/>
                  <a:gd name="connsiteY12" fmla="*/ 1368152 h 1368152"/>
                  <a:gd name="connsiteX13" fmla="*/ 0 w 1410814"/>
                  <a:gd name="connsiteY13" fmla="*/ 1140127 h 1368152"/>
                  <a:gd name="connsiteX14" fmla="*/ 0 w 1410814"/>
                  <a:gd name="connsiteY14" fmla="*/ 798089 h 1368152"/>
                  <a:gd name="connsiteX15" fmla="*/ 0 w 1410814"/>
                  <a:gd name="connsiteY15" fmla="*/ 798089 h 1368152"/>
                  <a:gd name="connsiteX16" fmla="*/ 0 w 1410814"/>
                  <a:gd name="connsiteY16" fmla="*/ 0 h 1368152"/>
                  <a:gd name="connsiteX0" fmla="*/ 0 w 1410814"/>
                  <a:gd name="connsiteY0" fmla="*/ 0 h 1539171"/>
                  <a:gd name="connsiteX1" fmla="*/ 822975 w 1410814"/>
                  <a:gd name="connsiteY1" fmla="*/ 0 h 1539171"/>
                  <a:gd name="connsiteX2" fmla="*/ 822975 w 1410814"/>
                  <a:gd name="connsiteY2" fmla="*/ 0 h 1539171"/>
                  <a:gd name="connsiteX3" fmla="*/ 1175678 w 1410814"/>
                  <a:gd name="connsiteY3" fmla="*/ 0 h 1539171"/>
                  <a:gd name="connsiteX4" fmla="*/ 1410814 w 1410814"/>
                  <a:gd name="connsiteY4" fmla="*/ 0 h 1539171"/>
                  <a:gd name="connsiteX5" fmla="*/ 1410814 w 1410814"/>
                  <a:gd name="connsiteY5" fmla="*/ 798089 h 1539171"/>
                  <a:gd name="connsiteX6" fmla="*/ 1410814 w 1410814"/>
                  <a:gd name="connsiteY6" fmla="*/ 798089 h 1539171"/>
                  <a:gd name="connsiteX7" fmla="*/ 1410814 w 1410814"/>
                  <a:gd name="connsiteY7" fmla="*/ 1140127 h 1539171"/>
                  <a:gd name="connsiteX8" fmla="*/ 1410814 w 1410814"/>
                  <a:gd name="connsiteY8" fmla="*/ 1368152 h 1539171"/>
                  <a:gd name="connsiteX9" fmla="*/ 1175678 w 1410814"/>
                  <a:gd name="connsiteY9" fmla="*/ 1368152 h 1539171"/>
                  <a:gd name="connsiteX10" fmla="*/ 1000225 w 1410814"/>
                  <a:gd name="connsiteY10" fmla="*/ 1539171 h 1539171"/>
                  <a:gd name="connsiteX11" fmla="*/ 561037 w 1410814"/>
                  <a:gd name="connsiteY11" fmla="*/ 1368152 h 1539171"/>
                  <a:gd name="connsiteX12" fmla="*/ 0 w 1410814"/>
                  <a:gd name="connsiteY12" fmla="*/ 1368152 h 1539171"/>
                  <a:gd name="connsiteX13" fmla="*/ 0 w 1410814"/>
                  <a:gd name="connsiteY13" fmla="*/ 1140127 h 1539171"/>
                  <a:gd name="connsiteX14" fmla="*/ 0 w 1410814"/>
                  <a:gd name="connsiteY14" fmla="*/ 798089 h 1539171"/>
                  <a:gd name="connsiteX15" fmla="*/ 0 w 1410814"/>
                  <a:gd name="connsiteY15" fmla="*/ 798089 h 1539171"/>
                  <a:gd name="connsiteX16" fmla="*/ 0 w 1410814"/>
                  <a:gd name="connsiteY16" fmla="*/ 0 h 1539171"/>
                  <a:gd name="connsiteX0" fmla="*/ 0 w 1410814"/>
                  <a:gd name="connsiteY0" fmla="*/ 0 h 1539171"/>
                  <a:gd name="connsiteX1" fmla="*/ 822975 w 1410814"/>
                  <a:gd name="connsiteY1" fmla="*/ 0 h 1539171"/>
                  <a:gd name="connsiteX2" fmla="*/ 822975 w 1410814"/>
                  <a:gd name="connsiteY2" fmla="*/ 0 h 1539171"/>
                  <a:gd name="connsiteX3" fmla="*/ 1175678 w 1410814"/>
                  <a:gd name="connsiteY3" fmla="*/ 0 h 1539171"/>
                  <a:gd name="connsiteX4" fmla="*/ 1410814 w 1410814"/>
                  <a:gd name="connsiteY4" fmla="*/ 0 h 1539171"/>
                  <a:gd name="connsiteX5" fmla="*/ 1410814 w 1410814"/>
                  <a:gd name="connsiteY5" fmla="*/ 798089 h 1539171"/>
                  <a:gd name="connsiteX6" fmla="*/ 1410814 w 1410814"/>
                  <a:gd name="connsiteY6" fmla="*/ 798089 h 1539171"/>
                  <a:gd name="connsiteX7" fmla="*/ 1410814 w 1410814"/>
                  <a:gd name="connsiteY7" fmla="*/ 1140127 h 1539171"/>
                  <a:gd name="connsiteX8" fmla="*/ 1410814 w 1410814"/>
                  <a:gd name="connsiteY8" fmla="*/ 1368152 h 1539171"/>
                  <a:gd name="connsiteX9" fmla="*/ 773247 w 1410814"/>
                  <a:gd name="connsiteY9" fmla="*/ 1370533 h 1539171"/>
                  <a:gd name="connsiteX10" fmla="*/ 1000225 w 1410814"/>
                  <a:gd name="connsiteY10" fmla="*/ 1539171 h 1539171"/>
                  <a:gd name="connsiteX11" fmla="*/ 561037 w 1410814"/>
                  <a:gd name="connsiteY11" fmla="*/ 1368152 h 1539171"/>
                  <a:gd name="connsiteX12" fmla="*/ 0 w 1410814"/>
                  <a:gd name="connsiteY12" fmla="*/ 1368152 h 1539171"/>
                  <a:gd name="connsiteX13" fmla="*/ 0 w 1410814"/>
                  <a:gd name="connsiteY13" fmla="*/ 1140127 h 1539171"/>
                  <a:gd name="connsiteX14" fmla="*/ 0 w 1410814"/>
                  <a:gd name="connsiteY14" fmla="*/ 798089 h 1539171"/>
                  <a:gd name="connsiteX15" fmla="*/ 0 w 1410814"/>
                  <a:gd name="connsiteY15" fmla="*/ 798089 h 1539171"/>
                  <a:gd name="connsiteX16" fmla="*/ 0 w 1410814"/>
                  <a:gd name="connsiteY16" fmla="*/ 0 h 1539171"/>
                  <a:gd name="connsiteX0" fmla="*/ 0 w 1410814"/>
                  <a:gd name="connsiteY0" fmla="*/ 0 h 1515359"/>
                  <a:gd name="connsiteX1" fmla="*/ 822975 w 1410814"/>
                  <a:gd name="connsiteY1" fmla="*/ 0 h 1515359"/>
                  <a:gd name="connsiteX2" fmla="*/ 822975 w 1410814"/>
                  <a:gd name="connsiteY2" fmla="*/ 0 h 1515359"/>
                  <a:gd name="connsiteX3" fmla="*/ 1175678 w 1410814"/>
                  <a:gd name="connsiteY3" fmla="*/ 0 h 1515359"/>
                  <a:gd name="connsiteX4" fmla="*/ 1410814 w 1410814"/>
                  <a:gd name="connsiteY4" fmla="*/ 0 h 1515359"/>
                  <a:gd name="connsiteX5" fmla="*/ 1410814 w 1410814"/>
                  <a:gd name="connsiteY5" fmla="*/ 798089 h 1515359"/>
                  <a:gd name="connsiteX6" fmla="*/ 1410814 w 1410814"/>
                  <a:gd name="connsiteY6" fmla="*/ 798089 h 1515359"/>
                  <a:gd name="connsiteX7" fmla="*/ 1410814 w 1410814"/>
                  <a:gd name="connsiteY7" fmla="*/ 1140127 h 1515359"/>
                  <a:gd name="connsiteX8" fmla="*/ 1410814 w 1410814"/>
                  <a:gd name="connsiteY8" fmla="*/ 1368152 h 1515359"/>
                  <a:gd name="connsiteX9" fmla="*/ 773247 w 1410814"/>
                  <a:gd name="connsiteY9" fmla="*/ 1370533 h 1515359"/>
                  <a:gd name="connsiteX10" fmla="*/ 683519 w 1410814"/>
                  <a:gd name="connsiteY10" fmla="*/ 1515359 h 1515359"/>
                  <a:gd name="connsiteX11" fmla="*/ 561037 w 1410814"/>
                  <a:gd name="connsiteY11" fmla="*/ 1368152 h 1515359"/>
                  <a:gd name="connsiteX12" fmla="*/ 0 w 1410814"/>
                  <a:gd name="connsiteY12" fmla="*/ 1368152 h 1515359"/>
                  <a:gd name="connsiteX13" fmla="*/ 0 w 1410814"/>
                  <a:gd name="connsiteY13" fmla="*/ 1140127 h 1515359"/>
                  <a:gd name="connsiteX14" fmla="*/ 0 w 1410814"/>
                  <a:gd name="connsiteY14" fmla="*/ 798089 h 1515359"/>
                  <a:gd name="connsiteX15" fmla="*/ 0 w 1410814"/>
                  <a:gd name="connsiteY15" fmla="*/ 798089 h 1515359"/>
                  <a:gd name="connsiteX16" fmla="*/ 0 w 1410814"/>
                  <a:gd name="connsiteY16" fmla="*/ 0 h 1515359"/>
                  <a:gd name="connsiteX0" fmla="*/ 0 w 1410814"/>
                  <a:gd name="connsiteY0" fmla="*/ 0 h 1512978"/>
                  <a:gd name="connsiteX1" fmla="*/ 822975 w 1410814"/>
                  <a:gd name="connsiteY1" fmla="*/ 0 h 1512978"/>
                  <a:gd name="connsiteX2" fmla="*/ 822975 w 1410814"/>
                  <a:gd name="connsiteY2" fmla="*/ 0 h 1512978"/>
                  <a:gd name="connsiteX3" fmla="*/ 1175678 w 1410814"/>
                  <a:gd name="connsiteY3" fmla="*/ 0 h 1512978"/>
                  <a:gd name="connsiteX4" fmla="*/ 1410814 w 1410814"/>
                  <a:gd name="connsiteY4" fmla="*/ 0 h 1512978"/>
                  <a:gd name="connsiteX5" fmla="*/ 1410814 w 1410814"/>
                  <a:gd name="connsiteY5" fmla="*/ 798089 h 1512978"/>
                  <a:gd name="connsiteX6" fmla="*/ 1410814 w 1410814"/>
                  <a:gd name="connsiteY6" fmla="*/ 798089 h 1512978"/>
                  <a:gd name="connsiteX7" fmla="*/ 1410814 w 1410814"/>
                  <a:gd name="connsiteY7" fmla="*/ 1140127 h 1512978"/>
                  <a:gd name="connsiteX8" fmla="*/ 1410814 w 1410814"/>
                  <a:gd name="connsiteY8" fmla="*/ 1368152 h 1512978"/>
                  <a:gd name="connsiteX9" fmla="*/ 773247 w 1410814"/>
                  <a:gd name="connsiteY9" fmla="*/ 1370533 h 1512978"/>
                  <a:gd name="connsiteX10" fmla="*/ 671613 w 1410814"/>
                  <a:gd name="connsiteY10" fmla="*/ 1512978 h 1512978"/>
                  <a:gd name="connsiteX11" fmla="*/ 561037 w 1410814"/>
                  <a:gd name="connsiteY11" fmla="*/ 1368152 h 1512978"/>
                  <a:gd name="connsiteX12" fmla="*/ 0 w 1410814"/>
                  <a:gd name="connsiteY12" fmla="*/ 1368152 h 1512978"/>
                  <a:gd name="connsiteX13" fmla="*/ 0 w 1410814"/>
                  <a:gd name="connsiteY13" fmla="*/ 1140127 h 1512978"/>
                  <a:gd name="connsiteX14" fmla="*/ 0 w 1410814"/>
                  <a:gd name="connsiteY14" fmla="*/ 798089 h 1512978"/>
                  <a:gd name="connsiteX15" fmla="*/ 0 w 1410814"/>
                  <a:gd name="connsiteY15" fmla="*/ 798089 h 1512978"/>
                  <a:gd name="connsiteX16" fmla="*/ 0 w 1410814"/>
                  <a:gd name="connsiteY16" fmla="*/ 0 h 1512978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773247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561037 w 1410814"/>
                  <a:gd name="connsiteY11" fmla="*/ 1368152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47502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561037 w 1410814"/>
                  <a:gd name="connsiteY11" fmla="*/ 1368152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47502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612791 w 1410814"/>
                  <a:gd name="connsiteY11" fmla="*/ 1370333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27250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612791 w 1410814"/>
                  <a:gd name="connsiteY11" fmla="*/ 1370333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06435"/>
                  <a:gd name="connsiteX1" fmla="*/ 822975 w 1410814"/>
                  <a:gd name="connsiteY1" fmla="*/ 0 h 1506435"/>
                  <a:gd name="connsiteX2" fmla="*/ 822975 w 1410814"/>
                  <a:gd name="connsiteY2" fmla="*/ 0 h 1506435"/>
                  <a:gd name="connsiteX3" fmla="*/ 1175678 w 1410814"/>
                  <a:gd name="connsiteY3" fmla="*/ 0 h 1506435"/>
                  <a:gd name="connsiteX4" fmla="*/ 1410814 w 1410814"/>
                  <a:gd name="connsiteY4" fmla="*/ 0 h 1506435"/>
                  <a:gd name="connsiteX5" fmla="*/ 1410814 w 1410814"/>
                  <a:gd name="connsiteY5" fmla="*/ 798089 h 1506435"/>
                  <a:gd name="connsiteX6" fmla="*/ 1410814 w 1410814"/>
                  <a:gd name="connsiteY6" fmla="*/ 798089 h 1506435"/>
                  <a:gd name="connsiteX7" fmla="*/ 1410814 w 1410814"/>
                  <a:gd name="connsiteY7" fmla="*/ 1140127 h 1506435"/>
                  <a:gd name="connsiteX8" fmla="*/ 1410814 w 1410814"/>
                  <a:gd name="connsiteY8" fmla="*/ 1368152 h 1506435"/>
                  <a:gd name="connsiteX9" fmla="*/ 827250 w 1410814"/>
                  <a:gd name="connsiteY9" fmla="*/ 1370533 h 1506435"/>
                  <a:gd name="connsiteX10" fmla="*/ 725617 w 1410814"/>
                  <a:gd name="connsiteY10" fmla="*/ 1506435 h 1506435"/>
                  <a:gd name="connsiteX11" fmla="*/ 639792 w 1410814"/>
                  <a:gd name="connsiteY11" fmla="*/ 1372514 h 1506435"/>
                  <a:gd name="connsiteX12" fmla="*/ 0 w 1410814"/>
                  <a:gd name="connsiteY12" fmla="*/ 1368152 h 1506435"/>
                  <a:gd name="connsiteX13" fmla="*/ 0 w 1410814"/>
                  <a:gd name="connsiteY13" fmla="*/ 1140127 h 1506435"/>
                  <a:gd name="connsiteX14" fmla="*/ 0 w 1410814"/>
                  <a:gd name="connsiteY14" fmla="*/ 798089 h 1506435"/>
                  <a:gd name="connsiteX15" fmla="*/ 0 w 1410814"/>
                  <a:gd name="connsiteY15" fmla="*/ 798089 h 1506435"/>
                  <a:gd name="connsiteX16" fmla="*/ 0 w 1410814"/>
                  <a:gd name="connsiteY16" fmla="*/ 0 h 1506435"/>
                  <a:gd name="connsiteX0" fmla="*/ 0 w 1410814"/>
                  <a:gd name="connsiteY0" fmla="*/ 0 h 1526064"/>
                  <a:gd name="connsiteX1" fmla="*/ 822975 w 1410814"/>
                  <a:gd name="connsiteY1" fmla="*/ 0 h 1526064"/>
                  <a:gd name="connsiteX2" fmla="*/ 822975 w 1410814"/>
                  <a:gd name="connsiteY2" fmla="*/ 0 h 1526064"/>
                  <a:gd name="connsiteX3" fmla="*/ 1175678 w 1410814"/>
                  <a:gd name="connsiteY3" fmla="*/ 0 h 1526064"/>
                  <a:gd name="connsiteX4" fmla="*/ 1410814 w 1410814"/>
                  <a:gd name="connsiteY4" fmla="*/ 0 h 1526064"/>
                  <a:gd name="connsiteX5" fmla="*/ 1410814 w 1410814"/>
                  <a:gd name="connsiteY5" fmla="*/ 798089 h 1526064"/>
                  <a:gd name="connsiteX6" fmla="*/ 1410814 w 1410814"/>
                  <a:gd name="connsiteY6" fmla="*/ 798089 h 1526064"/>
                  <a:gd name="connsiteX7" fmla="*/ 1410814 w 1410814"/>
                  <a:gd name="connsiteY7" fmla="*/ 1140127 h 1526064"/>
                  <a:gd name="connsiteX8" fmla="*/ 1410814 w 1410814"/>
                  <a:gd name="connsiteY8" fmla="*/ 1368152 h 1526064"/>
                  <a:gd name="connsiteX9" fmla="*/ 827250 w 1410814"/>
                  <a:gd name="connsiteY9" fmla="*/ 1370533 h 1526064"/>
                  <a:gd name="connsiteX10" fmla="*/ 736868 w 1410814"/>
                  <a:gd name="connsiteY10" fmla="*/ 1526064 h 1526064"/>
                  <a:gd name="connsiteX11" fmla="*/ 639792 w 1410814"/>
                  <a:gd name="connsiteY11" fmla="*/ 1372514 h 1526064"/>
                  <a:gd name="connsiteX12" fmla="*/ 0 w 1410814"/>
                  <a:gd name="connsiteY12" fmla="*/ 1368152 h 1526064"/>
                  <a:gd name="connsiteX13" fmla="*/ 0 w 1410814"/>
                  <a:gd name="connsiteY13" fmla="*/ 1140127 h 1526064"/>
                  <a:gd name="connsiteX14" fmla="*/ 0 w 1410814"/>
                  <a:gd name="connsiteY14" fmla="*/ 798089 h 1526064"/>
                  <a:gd name="connsiteX15" fmla="*/ 0 w 1410814"/>
                  <a:gd name="connsiteY15" fmla="*/ 798089 h 1526064"/>
                  <a:gd name="connsiteX16" fmla="*/ 0 w 1410814"/>
                  <a:gd name="connsiteY16" fmla="*/ 0 h 152606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</a:cxnLst>
                <a:rect l="l" t="t" r="r" b="b"/>
                <a:pathLst>
                  <a:path w="1410814" h="1526064">
                    <a:moveTo>
                      <a:pt x="0" y="0"/>
                    </a:moveTo>
                    <a:lnTo>
                      <a:pt x="822975" y="0"/>
                    </a:lnTo>
                    <a:lnTo>
                      <a:pt x="822975" y="0"/>
                    </a:lnTo>
                    <a:lnTo>
                      <a:pt x="1175678" y="0"/>
                    </a:lnTo>
                    <a:lnTo>
                      <a:pt x="1410814" y="0"/>
                    </a:lnTo>
                    <a:lnTo>
                      <a:pt x="1410814" y="798089"/>
                    </a:lnTo>
                    <a:lnTo>
                      <a:pt x="1410814" y="798089"/>
                    </a:lnTo>
                    <a:lnTo>
                      <a:pt x="1410814" y="1140127"/>
                    </a:lnTo>
                    <a:lnTo>
                      <a:pt x="1410814" y="1368152"/>
                    </a:lnTo>
                    <a:lnTo>
                      <a:pt x="827250" y="1370533"/>
                    </a:lnTo>
                    <a:lnTo>
                      <a:pt x="736868" y="1526064"/>
                    </a:lnTo>
                    <a:lnTo>
                      <a:pt x="639792" y="1372514"/>
                    </a:lnTo>
                    <a:lnTo>
                      <a:pt x="0" y="1368152"/>
                    </a:lnTo>
                    <a:lnTo>
                      <a:pt x="0" y="1140127"/>
                    </a:lnTo>
                    <a:lnTo>
                      <a:pt x="0" y="798089"/>
                    </a:lnTo>
                    <a:lnTo>
                      <a:pt x="0" y="798089"/>
                    </a:lnTo>
                    <a:lnTo>
                      <a:pt x="0" y="0"/>
                    </a:lnTo>
                    <a:close/>
                  </a:path>
                </a:pathLst>
              </a:cu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  <p:sp>
            <p:nvSpPr>
              <p:cNvPr id="31" name="TextBox 33"/>
              <p:cNvSpPr txBox="1">
                <a:spLocks noChangeArrowheads="1"/>
              </p:cNvSpPr>
              <p:nvPr/>
            </p:nvSpPr>
            <p:spPr bwMode="auto">
              <a:xfrm>
                <a:off x="1538283" y="3291466"/>
                <a:ext cx="1414685" cy="1213858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  <p:txBody>
              <a:bodyPr wrap="square">
                <a:spAutoFit/>
              </a:bodyPr>
              <a:lstStyle/>
              <a:p>
                <a:pPr algn="ctr">
                  <a:lnSpc>
                    <a:spcPct val="150000"/>
                  </a:lnSpc>
                  <a:defRPr/>
                </a:pPr>
                <a:r>
                  <a:rPr lang="zh-CN" altLang="en-US" sz="1400" kern="0" dirty="0">
                    <a:solidFill>
                      <a:srgbClr val="C00000"/>
                    </a:solidFill>
                    <a:latin typeface="微软雅黑" pitchFamily="34" charset="-122"/>
                    <a:ea typeface="微软雅黑" pitchFamily="34" charset="-122"/>
                  </a:rPr>
                  <a:t>Add text here</a:t>
                </a:r>
                <a:endParaRPr lang="en-US" altLang="zh-CN" sz="1400" kern="0" dirty="0">
                  <a:solidFill>
                    <a:srgbClr val="C00000"/>
                  </a:solidFill>
                  <a:latin typeface="微软雅黑" pitchFamily="34" charset="-122"/>
                  <a:ea typeface="微软雅黑" pitchFamily="34" charset="-122"/>
                </a:endParaRPr>
              </a:p>
              <a:p>
                <a:pPr algn="ctr">
                  <a:lnSpc>
                    <a:spcPct val="150000"/>
                  </a:lnSpc>
                  <a:defRPr/>
                </a:pPr>
                <a:r>
                  <a:rPr lang="zh-CN" altLang="en-US" sz="1200" kern="0" dirty="0">
                    <a:latin typeface="微软雅黑" pitchFamily="34" charset="-122"/>
                    <a:ea typeface="微软雅黑" pitchFamily="34" charset="-122"/>
                  </a:rPr>
                  <a:t>Add text here Click here to add text</a:t>
                </a:r>
              </a:p>
            </p:txBody>
          </p:sp>
        </p:grpSp>
        <p:sp>
          <p:nvSpPr>
            <p:cNvPr id="29" name="TextBox 28"/>
            <p:cNvSpPr txBox="1"/>
            <p:nvPr/>
          </p:nvSpPr>
          <p:spPr>
            <a:xfrm>
              <a:off x="6481833" y="3097710"/>
              <a:ext cx="620683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MStiffHeiHK-UltraBold" pitchFamily="50" charset="-120"/>
                  <a:ea typeface="MStiffHeiHK-UltraBold" pitchFamily="50" charset="-120"/>
                </a:rPr>
                <a:t>Text</a:t>
              </a:r>
              <a:endPara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MStiffHeiHK-UltraBold" pitchFamily="50" charset="-120"/>
                <a:ea typeface="MStiffHeiHK-UltraBold" pitchFamily="50" charset="-12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9" presetClass="entr" presetSubtype="0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36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9" presetClass="entr" presetSubtype="1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9" presetClass="entr" presetSubtype="0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36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9" presetClass="entr" presetSubtype="10" fill="hold" nodeType="withEffect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75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75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49" presetClass="entr" presetSubtype="0" decel="100000" fill="hold" nodeType="withEffect">
                                  <p:stCondLst>
                                    <p:cond delay="70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36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9" presetClass="entr" presetSubtype="1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" dur="75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75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313939" y="2443981"/>
            <a:ext cx="1728192" cy="2371377"/>
            <a:chOff x="789939" y="1691978"/>
            <a:chExt cx="1728192" cy="2371377"/>
          </a:xfrm>
        </p:grpSpPr>
        <p:grpSp>
          <p:nvGrpSpPr>
            <p:cNvPr id="3" name="组合 2"/>
            <p:cNvGrpSpPr/>
            <p:nvPr/>
          </p:nvGrpSpPr>
          <p:grpSpPr>
            <a:xfrm>
              <a:off x="789939" y="1691978"/>
              <a:ext cx="1728192" cy="1552262"/>
              <a:chOff x="1237729" y="1779661"/>
              <a:chExt cx="1728192" cy="1552262"/>
            </a:xfrm>
          </p:grpSpPr>
          <p:sp>
            <p:nvSpPr>
              <p:cNvPr id="5" name="矩形 4"/>
              <p:cNvSpPr/>
              <p:nvPr/>
            </p:nvSpPr>
            <p:spPr>
              <a:xfrm>
                <a:off x="1237729" y="1779661"/>
                <a:ext cx="1728192" cy="1552262"/>
              </a:xfrm>
              <a:prstGeom prst="rect">
                <a:avLst/>
              </a:pr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  <p:sp>
            <p:nvSpPr>
              <p:cNvPr id="6" name="Freeform 6"/>
              <p:cNvSpPr>
                <a:spLocks noEditPoints="1"/>
              </p:cNvSpPr>
              <p:nvPr/>
            </p:nvSpPr>
            <p:spPr bwMode="auto">
              <a:xfrm>
                <a:off x="1553914" y="1914464"/>
                <a:ext cx="1107334" cy="841262"/>
              </a:xfrm>
              <a:custGeom>
                <a:avLst/>
                <a:gdLst>
                  <a:gd name="T0" fmla="*/ 2 w 120"/>
                  <a:gd name="T1" fmla="*/ 42 h 91"/>
                  <a:gd name="T2" fmla="*/ 120 w 120"/>
                  <a:gd name="T3" fmla="*/ 47 h 91"/>
                  <a:gd name="T4" fmla="*/ 90 w 120"/>
                  <a:gd name="T5" fmla="*/ 88 h 91"/>
                  <a:gd name="T6" fmla="*/ 74 w 120"/>
                  <a:gd name="T7" fmla="*/ 78 h 91"/>
                  <a:gd name="T8" fmla="*/ 30 w 120"/>
                  <a:gd name="T9" fmla="*/ 71 h 91"/>
                  <a:gd name="T10" fmla="*/ 24 w 120"/>
                  <a:gd name="T11" fmla="*/ 49 h 91"/>
                  <a:gd name="T12" fmla="*/ 53 w 120"/>
                  <a:gd name="T13" fmla="*/ 33 h 91"/>
                  <a:gd name="T14" fmla="*/ 58 w 120"/>
                  <a:gd name="T15" fmla="*/ 38 h 91"/>
                  <a:gd name="T16" fmla="*/ 71 w 120"/>
                  <a:gd name="T17" fmla="*/ 31 h 91"/>
                  <a:gd name="T18" fmla="*/ 64 w 120"/>
                  <a:gd name="T19" fmla="*/ 27 h 91"/>
                  <a:gd name="T20" fmla="*/ 59 w 120"/>
                  <a:gd name="T21" fmla="*/ 22 h 91"/>
                  <a:gd name="T22" fmla="*/ 43 w 120"/>
                  <a:gd name="T23" fmla="*/ 33 h 91"/>
                  <a:gd name="T24" fmla="*/ 32 w 120"/>
                  <a:gd name="T25" fmla="*/ 31 h 91"/>
                  <a:gd name="T26" fmla="*/ 32 w 120"/>
                  <a:gd name="T27" fmla="*/ 38 h 91"/>
                  <a:gd name="T28" fmla="*/ 16 w 120"/>
                  <a:gd name="T29" fmla="*/ 40 h 91"/>
                  <a:gd name="T30" fmla="*/ 20 w 120"/>
                  <a:gd name="T31" fmla="*/ 49 h 91"/>
                  <a:gd name="T32" fmla="*/ 16 w 120"/>
                  <a:gd name="T33" fmla="*/ 71 h 91"/>
                  <a:gd name="T34" fmla="*/ 38 w 120"/>
                  <a:gd name="T35" fmla="*/ 57 h 91"/>
                  <a:gd name="T36" fmla="*/ 84 w 120"/>
                  <a:gd name="T37" fmla="*/ 46 h 91"/>
                  <a:gd name="T38" fmla="*/ 86 w 120"/>
                  <a:gd name="T39" fmla="*/ 46 h 91"/>
                  <a:gd name="T40" fmla="*/ 97 w 120"/>
                  <a:gd name="T41" fmla="*/ 31 h 91"/>
                  <a:gd name="T42" fmla="*/ 73 w 120"/>
                  <a:gd name="T43" fmla="*/ 42 h 91"/>
                  <a:gd name="T44" fmla="*/ 68 w 120"/>
                  <a:gd name="T45" fmla="*/ 36 h 91"/>
                  <a:gd name="T46" fmla="*/ 58 w 120"/>
                  <a:gd name="T47" fmla="*/ 44 h 91"/>
                  <a:gd name="T48" fmla="*/ 48 w 120"/>
                  <a:gd name="T49" fmla="*/ 43 h 91"/>
                  <a:gd name="T50" fmla="*/ 46 w 120"/>
                  <a:gd name="T51" fmla="*/ 48 h 91"/>
                  <a:gd name="T52" fmla="*/ 49 w 120"/>
                  <a:gd name="T53" fmla="*/ 63 h 91"/>
                  <a:gd name="T54" fmla="*/ 62 w 120"/>
                  <a:gd name="T55" fmla="*/ 62 h 91"/>
                  <a:gd name="T56" fmla="*/ 76 w 120"/>
                  <a:gd name="T57" fmla="*/ 65 h 91"/>
                  <a:gd name="T58" fmla="*/ 87 w 120"/>
                  <a:gd name="T59" fmla="*/ 58 h 91"/>
                  <a:gd name="T60" fmla="*/ 98 w 120"/>
                  <a:gd name="T61" fmla="*/ 59 h 91"/>
                  <a:gd name="T62" fmla="*/ 107 w 120"/>
                  <a:gd name="T63" fmla="*/ 50 h 91"/>
                  <a:gd name="T64" fmla="*/ 97 w 120"/>
                  <a:gd name="T65" fmla="*/ 55 h 91"/>
                  <a:gd name="T66" fmla="*/ 86 w 120"/>
                  <a:gd name="T67" fmla="*/ 54 h 91"/>
                  <a:gd name="T68" fmla="*/ 75 w 120"/>
                  <a:gd name="T69" fmla="*/ 61 h 91"/>
                  <a:gd name="T70" fmla="*/ 62 w 120"/>
                  <a:gd name="T71" fmla="*/ 58 h 91"/>
                  <a:gd name="T72" fmla="*/ 49 w 120"/>
                  <a:gd name="T73" fmla="*/ 63 h 91"/>
                  <a:gd name="T74" fmla="*/ 14 w 120"/>
                  <a:gd name="T75" fmla="*/ 33 h 91"/>
                  <a:gd name="T76" fmla="*/ 31 w 120"/>
                  <a:gd name="T77" fmla="*/ 29 h 91"/>
                  <a:gd name="T78" fmla="*/ 37 w 120"/>
                  <a:gd name="T79" fmla="*/ 20 h 91"/>
                  <a:gd name="T80" fmla="*/ 48 w 120"/>
                  <a:gd name="T81" fmla="*/ 22 h 91"/>
                  <a:gd name="T82" fmla="*/ 61 w 120"/>
                  <a:gd name="T83" fmla="*/ 17 h 91"/>
                  <a:gd name="T84" fmla="*/ 68 w 120"/>
                  <a:gd name="T85" fmla="*/ 21 h 91"/>
                  <a:gd name="T86" fmla="*/ 77 w 120"/>
                  <a:gd name="T87" fmla="*/ 18 h 91"/>
                  <a:gd name="T88" fmla="*/ 84 w 120"/>
                  <a:gd name="T89" fmla="*/ 20 h 91"/>
                  <a:gd name="T90" fmla="*/ 78 w 120"/>
                  <a:gd name="T91" fmla="*/ 14 h 91"/>
                  <a:gd name="T92" fmla="*/ 69 w 120"/>
                  <a:gd name="T93" fmla="*/ 16 h 91"/>
                  <a:gd name="T94" fmla="*/ 62 w 120"/>
                  <a:gd name="T95" fmla="*/ 12 h 91"/>
                  <a:gd name="T96" fmla="*/ 48 w 120"/>
                  <a:gd name="T97" fmla="*/ 17 h 91"/>
                  <a:gd name="T98" fmla="*/ 35 w 120"/>
                  <a:gd name="T99" fmla="*/ 15 h 91"/>
                  <a:gd name="T100" fmla="*/ 28 w 120"/>
                  <a:gd name="T101" fmla="*/ 25 h 9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</a:cxnLst>
                <a:rect l="0" t="0" r="r" b="b"/>
                <a:pathLst>
                  <a:path w="120" h="91">
                    <a:moveTo>
                      <a:pt x="16" y="71"/>
                    </a:moveTo>
                    <a:cubicBezTo>
                      <a:pt x="5" y="66"/>
                      <a:pt x="0" y="56"/>
                      <a:pt x="2" y="42"/>
                    </a:cubicBezTo>
                    <a:cubicBezTo>
                      <a:pt x="1" y="37"/>
                      <a:pt x="13" y="16"/>
                      <a:pt x="49" y="8"/>
                    </a:cubicBezTo>
                    <a:cubicBezTo>
                      <a:pt x="85" y="0"/>
                      <a:pt x="120" y="31"/>
                      <a:pt x="120" y="47"/>
                    </a:cubicBezTo>
                    <a:cubicBezTo>
                      <a:pt x="120" y="58"/>
                      <a:pt x="105" y="68"/>
                      <a:pt x="88" y="74"/>
                    </a:cubicBezTo>
                    <a:cubicBezTo>
                      <a:pt x="90" y="88"/>
                      <a:pt x="90" y="88"/>
                      <a:pt x="90" y="88"/>
                    </a:cubicBezTo>
                    <a:cubicBezTo>
                      <a:pt x="84" y="91"/>
                      <a:pt x="84" y="91"/>
                      <a:pt x="84" y="91"/>
                    </a:cubicBezTo>
                    <a:cubicBezTo>
                      <a:pt x="74" y="78"/>
                      <a:pt x="74" y="78"/>
                      <a:pt x="74" y="78"/>
                    </a:cubicBezTo>
                    <a:cubicBezTo>
                      <a:pt x="60" y="81"/>
                      <a:pt x="47" y="81"/>
                      <a:pt x="42" y="79"/>
                    </a:cubicBezTo>
                    <a:cubicBezTo>
                      <a:pt x="35" y="77"/>
                      <a:pt x="30" y="71"/>
                      <a:pt x="30" y="71"/>
                    </a:cubicBezTo>
                    <a:cubicBezTo>
                      <a:pt x="30" y="71"/>
                      <a:pt x="30" y="71"/>
                      <a:pt x="30" y="71"/>
                    </a:cubicBezTo>
                    <a:cubicBezTo>
                      <a:pt x="26" y="66"/>
                      <a:pt x="24" y="55"/>
                      <a:pt x="24" y="49"/>
                    </a:cubicBezTo>
                    <a:cubicBezTo>
                      <a:pt x="30" y="44"/>
                      <a:pt x="37" y="40"/>
                      <a:pt x="45" y="36"/>
                    </a:cubicBezTo>
                    <a:cubicBezTo>
                      <a:pt x="47" y="35"/>
                      <a:pt x="50" y="34"/>
                      <a:pt x="53" y="33"/>
                    </a:cubicBezTo>
                    <a:cubicBezTo>
                      <a:pt x="54" y="39"/>
                      <a:pt x="54" y="39"/>
                      <a:pt x="54" y="39"/>
                    </a:cubicBezTo>
                    <a:cubicBezTo>
                      <a:pt x="58" y="38"/>
                      <a:pt x="58" y="38"/>
                      <a:pt x="58" y="38"/>
                    </a:cubicBezTo>
                    <a:cubicBezTo>
                      <a:pt x="57" y="32"/>
                      <a:pt x="57" y="32"/>
                      <a:pt x="57" y="32"/>
                    </a:cubicBezTo>
                    <a:cubicBezTo>
                      <a:pt x="61" y="32"/>
                      <a:pt x="66" y="31"/>
                      <a:pt x="71" y="31"/>
                    </a:cubicBezTo>
                    <a:cubicBezTo>
                      <a:pt x="71" y="27"/>
                      <a:pt x="71" y="27"/>
                      <a:pt x="71" y="27"/>
                    </a:cubicBezTo>
                    <a:cubicBezTo>
                      <a:pt x="69" y="27"/>
                      <a:pt x="67" y="27"/>
                      <a:pt x="64" y="27"/>
                    </a:cubicBezTo>
                    <a:cubicBezTo>
                      <a:pt x="64" y="21"/>
                      <a:pt x="64" y="21"/>
                      <a:pt x="64" y="21"/>
                    </a:cubicBezTo>
                    <a:cubicBezTo>
                      <a:pt x="59" y="22"/>
                      <a:pt x="59" y="22"/>
                      <a:pt x="59" y="22"/>
                    </a:cubicBezTo>
                    <a:cubicBezTo>
                      <a:pt x="60" y="28"/>
                      <a:pt x="60" y="28"/>
                      <a:pt x="60" y="28"/>
                    </a:cubicBezTo>
                    <a:cubicBezTo>
                      <a:pt x="54" y="29"/>
                      <a:pt x="48" y="30"/>
                      <a:pt x="43" y="33"/>
                    </a:cubicBezTo>
                    <a:cubicBezTo>
                      <a:pt x="40" y="34"/>
                      <a:pt x="38" y="35"/>
                      <a:pt x="35" y="36"/>
                    </a:cubicBezTo>
                    <a:cubicBezTo>
                      <a:pt x="32" y="31"/>
                      <a:pt x="32" y="31"/>
                      <a:pt x="32" y="31"/>
                    </a:cubicBezTo>
                    <a:cubicBezTo>
                      <a:pt x="28" y="33"/>
                      <a:pt x="28" y="33"/>
                      <a:pt x="28" y="33"/>
                    </a:cubicBezTo>
                    <a:cubicBezTo>
                      <a:pt x="32" y="38"/>
                      <a:pt x="32" y="38"/>
                      <a:pt x="32" y="38"/>
                    </a:cubicBezTo>
                    <a:cubicBezTo>
                      <a:pt x="29" y="41"/>
                      <a:pt x="25" y="43"/>
                      <a:pt x="22" y="46"/>
                    </a:cubicBezTo>
                    <a:cubicBezTo>
                      <a:pt x="16" y="40"/>
                      <a:pt x="16" y="40"/>
                      <a:pt x="16" y="40"/>
                    </a:cubicBezTo>
                    <a:cubicBezTo>
                      <a:pt x="13" y="44"/>
                      <a:pt x="13" y="44"/>
                      <a:pt x="13" y="44"/>
                    </a:cubicBezTo>
                    <a:cubicBezTo>
                      <a:pt x="20" y="49"/>
                      <a:pt x="20" y="49"/>
                      <a:pt x="20" y="49"/>
                    </a:cubicBezTo>
                    <a:cubicBezTo>
                      <a:pt x="20" y="55"/>
                      <a:pt x="22" y="65"/>
                      <a:pt x="25" y="71"/>
                    </a:cubicBezTo>
                    <a:cubicBezTo>
                      <a:pt x="16" y="71"/>
                      <a:pt x="16" y="71"/>
                      <a:pt x="16" y="71"/>
                    </a:cubicBezTo>
                    <a:close/>
                    <a:moveTo>
                      <a:pt x="36" y="54"/>
                    </a:moveTo>
                    <a:cubicBezTo>
                      <a:pt x="38" y="57"/>
                      <a:pt x="38" y="57"/>
                      <a:pt x="38" y="57"/>
                    </a:cubicBezTo>
                    <a:cubicBezTo>
                      <a:pt x="44" y="53"/>
                      <a:pt x="51" y="50"/>
                      <a:pt x="59" y="48"/>
                    </a:cubicBezTo>
                    <a:cubicBezTo>
                      <a:pt x="67" y="47"/>
                      <a:pt x="75" y="46"/>
                      <a:pt x="84" y="46"/>
                    </a:cubicBezTo>
                    <a:cubicBezTo>
                      <a:pt x="85" y="46"/>
                      <a:pt x="85" y="46"/>
                      <a:pt x="85" y="46"/>
                    </a:cubicBezTo>
                    <a:cubicBezTo>
                      <a:pt x="86" y="46"/>
                      <a:pt x="86" y="46"/>
                      <a:pt x="86" y="46"/>
                    </a:cubicBezTo>
                    <a:cubicBezTo>
                      <a:pt x="100" y="34"/>
                      <a:pt x="100" y="34"/>
                      <a:pt x="100" y="34"/>
                    </a:cubicBezTo>
                    <a:cubicBezTo>
                      <a:pt x="97" y="31"/>
                      <a:pt x="97" y="31"/>
                      <a:pt x="97" y="31"/>
                    </a:cubicBezTo>
                    <a:cubicBezTo>
                      <a:pt x="84" y="42"/>
                      <a:pt x="84" y="42"/>
                      <a:pt x="84" y="42"/>
                    </a:cubicBezTo>
                    <a:cubicBezTo>
                      <a:pt x="80" y="42"/>
                      <a:pt x="76" y="42"/>
                      <a:pt x="73" y="42"/>
                    </a:cubicBezTo>
                    <a:cubicBezTo>
                      <a:pt x="72" y="36"/>
                      <a:pt x="72" y="36"/>
                      <a:pt x="72" y="36"/>
                    </a:cubicBezTo>
                    <a:cubicBezTo>
                      <a:pt x="68" y="36"/>
                      <a:pt x="68" y="36"/>
                      <a:pt x="68" y="36"/>
                    </a:cubicBezTo>
                    <a:cubicBezTo>
                      <a:pt x="68" y="43"/>
                      <a:pt x="68" y="43"/>
                      <a:pt x="68" y="43"/>
                    </a:cubicBezTo>
                    <a:cubicBezTo>
                      <a:pt x="65" y="43"/>
                      <a:pt x="61" y="44"/>
                      <a:pt x="58" y="44"/>
                    </a:cubicBezTo>
                    <a:cubicBezTo>
                      <a:pt x="55" y="45"/>
                      <a:pt x="53" y="46"/>
                      <a:pt x="50" y="47"/>
                    </a:cubicBezTo>
                    <a:cubicBezTo>
                      <a:pt x="48" y="43"/>
                      <a:pt x="48" y="43"/>
                      <a:pt x="48" y="43"/>
                    </a:cubicBezTo>
                    <a:cubicBezTo>
                      <a:pt x="44" y="44"/>
                      <a:pt x="44" y="44"/>
                      <a:pt x="44" y="44"/>
                    </a:cubicBezTo>
                    <a:cubicBezTo>
                      <a:pt x="46" y="48"/>
                      <a:pt x="46" y="48"/>
                      <a:pt x="46" y="48"/>
                    </a:cubicBezTo>
                    <a:cubicBezTo>
                      <a:pt x="42" y="50"/>
                      <a:pt x="39" y="52"/>
                      <a:pt x="36" y="54"/>
                    </a:cubicBezTo>
                    <a:close/>
                    <a:moveTo>
                      <a:pt x="49" y="63"/>
                    </a:moveTo>
                    <a:cubicBezTo>
                      <a:pt x="50" y="67"/>
                      <a:pt x="50" y="67"/>
                      <a:pt x="50" y="67"/>
                    </a:cubicBezTo>
                    <a:cubicBezTo>
                      <a:pt x="62" y="62"/>
                      <a:pt x="62" y="62"/>
                      <a:pt x="62" y="62"/>
                    </a:cubicBezTo>
                    <a:cubicBezTo>
                      <a:pt x="75" y="65"/>
                      <a:pt x="75" y="65"/>
                      <a:pt x="75" y="65"/>
                    </a:cubicBezTo>
                    <a:cubicBezTo>
                      <a:pt x="76" y="65"/>
                      <a:pt x="76" y="65"/>
                      <a:pt x="76" y="65"/>
                    </a:cubicBezTo>
                    <a:cubicBezTo>
                      <a:pt x="76" y="65"/>
                      <a:pt x="76" y="65"/>
                      <a:pt x="76" y="65"/>
                    </a:cubicBezTo>
                    <a:cubicBezTo>
                      <a:pt x="87" y="58"/>
                      <a:pt x="87" y="58"/>
                      <a:pt x="87" y="58"/>
                    </a:cubicBezTo>
                    <a:cubicBezTo>
                      <a:pt x="97" y="59"/>
                      <a:pt x="97" y="59"/>
                      <a:pt x="97" y="59"/>
                    </a:cubicBezTo>
                    <a:cubicBezTo>
                      <a:pt x="98" y="59"/>
                      <a:pt x="98" y="59"/>
                      <a:pt x="98" y="59"/>
                    </a:cubicBezTo>
                    <a:cubicBezTo>
                      <a:pt x="99" y="58"/>
                      <a:pt x="99" y="58"/>
                      <a:pt x="99" y="58"/>
                    </a:cubicBezTo>
                    <a:cubicBezTo>
                      <a:pt x="107" y="50"/>
                      <a:pt x="107" y="50"/>
                      <a:pt x="107" y="50"/>
                    </a:cubicBezTo>
                    <a:cubicBezTo>
                      <a:pt x="104" y="47"/>
                      <a:pt x="104" y="47"/>
                      <a:pt x="104" y="47"/>
                    </a:cubicBezTo>
                    <a:cubicBezTo>
                      <a:pt x="97" y="55"/>
                      <a:pt x="97" y="55"/>
                      <a:pt x="97" y="55"/>
                    </a:cubicBezTo>
                    <a:cubicBezTo>
                      <a:pt x="87" y="54"/>
                      <a:pt x="87" y="54"/>
                      <a:pt x="87" y="54"/>
                    </a:cubicBezTo>
                    <a:cubicBezTo>
                      <a:pt x="86" y="54"/>
                      <a:pt x="86" y="54"/>
                      <a:pt x="86" y="54"/>
                    </a:cubicBezTo>
                    <a:cubicBezTo>
                      <a:pt x="86" y="54"/>
                      <a:pt x="86" y="54"/>
                      <a:pt x="86" y="54"/>
                    </a:cubicBezTo>
                    <a:cubicBezTo>
                      <a:pt x="75" y="61"/>
                      <a:pt x="75" y="61"/>
                      <a:pt x="75" y="61"/>
                    </a:cubicBezTo>
                    <a:cubicBezTo>
                      <a:pt x="63" y="58"/>
                      <a:pt x="63" y="58"/>
                      <a:pt x="63" y="58"/>
                    </a:cubicBezTo>
                    <a:cubicBezTo>
                      <a:pt x="62" y="58"/>
                      <a:pt x="62" y="58"/>
                      <a:pt x="62" y="58"/>
                    </a:cubicBezTo>
                    <a:cubicBezTo>
                      <a:pt x="61" y="58"/>
                      <a:pt x="61" y="58"/>
                      <a:pt x="61" y="58"/>
                    </a:cubicBezTo>
                    <a:cubicBezTo>
                      <a:pt x="49" y="63"/>
                      <a:pt x="49" y="63"/>
                      <a:pt x="49" y="63"/>
                    </a:cubicBezTo>
                    <a:close/>
                    <a:moveTo>
                      <a:pt x="13" y="29"/>
                    </a:moveTo>
                    <a:cubicBezTo>
                      <a:pt x="14" y="33"/>
                      <a:pt x="14" y="33"/>
                      <a:pt x="14" y="33"/>
                    </a:cubicBezTo>
                    <a:cubicBezTo>
                      <a:pt x="30" y="29"/>
                      <a:pt x="30" y="29"/>
                      <a:pt x="30" y="29"/>
                    </a:cubicBezTo>
                    <a:cubicBezTo>
                      <a:pt x="31" y="29"/>
                      <a:pt x="31" y="29"/>
                      <a:pt x="31" y="29"/>
                    </a:cubicBezTo>
                    <a:cubicBezTo>
                      <a:pt x="31" y="28"/>
                      <a:pt x="31" y="28"/>
                      <a:pt x="31" y="28"/>
                    </a:cubicBezTo>
                    <a:cubicBezTo>
                      <a:pt x="37" y="20"/>
                      <a:pt x="37" y="20"/>
                      <a:pt x="37" y="20"/>
                    </a:cubicBezTo>
                    <a:cubicBezTo>
                      <a:pt x="47" y="22"/>
                      <a:pt x="47" y="22"/>
                      <a:pt x="47" y="22"/>
                    </a:cubicBezTo>
                    <a:cubicBezTo>
                      <a:pt x="48" y="22"/>
                      <a:pt x="48" y="22"/>
                      <a:pt x="48" y="22"/>
                    </a:cubicBezTo>
                    <a:cubicBezTo>
                      <a:pt x="48" y="22"/>
                      <a:pt x="48" y="22"/>
                      <a:pt x="48" y="22"/>
                    </a:cubicBezTo>
                    <a:cubicBezTo>
                      <a:pt x="61" y="17"/>
                      <a:pt x="61" y="17"/>
                      <a:pt x="61" y="17"/>
                    </a:cubicBezTo>
                    <a:cubicBezTo>
                      <a:pt x="67" y="20"/>
                      <a:pt x="67" y="20"/>
                      <a:pt x="67" y="20"/>
                    </a:cubicBezTo>
                    <a:cubicBezTo>
                      <a:pt x="68" y="21"/>
                      <a:pt x="68" y="21"/>
                      <a:pt x="68" y="21"/>
                    </a:cubicBezTo>
                    <a:cubicBezTo>
                      <a:pt x="69" y="21"/>
                      <a:pt x="69" y="21"/>
                      <a:pt x="69" y="21"/>
                    </a:cubicBezTo>
                    <a:cubicBezTo>
                      <a:pt x="77" y="18"/>
                      <a:pt x="77" y="18"/>
                      <a:pt x="77" y="18"/>
                    </a:cubicBezTo>
                    <a:cubicBezTo>
                      <a:pt x="81" y="23"/>
                      <a:pt x="81" y="23"/>
                      <a:pt x="81" y="23"/>
                    </a:cubicBezTo>
                    <a:cubicBezTo>
                      <a:pt x="84" y="20"/>
                      <a:pt x="84" y="20"/>
                      <a:pt x="84" y="20"/>
                    </a:cubicBezTo>
                    <a:cubicBezTo>
                      <a:pt x="79" y="15"/>
                      <a:pt x="79" y="15"/>
                      <a:pt x="79" y="15"/>
                    </a:cubicBezTo>
                    <a:cubicBezTo>
                      <a:pt x="78" y="14"/>
                      <a:pt x="78" y="14"/>
                      <a:pt x="78" y="14"/>
                    </a:cubicBezTo>
                    <a:cubicBezTo>
                      <a:pt x="77" y="14"/>
                      <a:pt x="77" y="14"/>
                      <a:pt x="77" y="14"/>
                    </a:cubicBezTo>
                    <a:cubicBezTo>
                      <a:pt x="69" y="16"/>
                      <a:pt x="69" y="16"/>
                      <a:pt x="69" y="16"/>
                    </a:cubicBezTo>
                    <a:cubicBezTo>
                      <a:pt x="63" y="13"/>
                      <a:pt x="63" y="13"/>
                      <a:pt x="63" y="13"/>
                    </a:cubicBezTo>
                    <a:cubicBezTo>
                      <a:pt x="62" y="12"/>
                      <a:pt x="62" y="12"/>
                      <a:pt x="62" y="12"/>
                    </a:cubicBezTo>
                    <a:cubicBezTo>
                      <a:pt x="61" y="12"/>
                      <a:pt x="61" y="12"/>
                      <a:pt x="61" y="12"/>
                    </a:cubicBezTo>
                    <a:cubicBezTo>
                      <a:pt x="48" y="17"/>
                      <a:pt x="48" y="17"/>
                      <a:pt x="48" y="17"/>
                    </a:cubicBezTo>
                    <a:cubicBezTo>
                      <a:pt x="37" y="15"/>
                      <a:pt x="37" y="15"/>
                      <a:pt x="37" y="15"/>
                    </a:cubicBezTo>
                    <a:cubicBezTo>
                      <a:pt x="35" y="15"/>
                      <a:pt x="35" y="15"/>
                      <a:pt x="35" y="15"/>
                    </a:cubicBezTo>
                    <a:cubicBezTo>
                      <a:pt x="35" y="16"/>
                      <a:pt x="35" y="16"/>
                      <a:pt x="35" y="16"/>
                    </a:cubicBezTo>
                    <a:cubicBezTo>
                      <a:pt x="28" y="25"/>
                      <a:pt x="28" y="25"/>
                      <a:pt x="28" y="25"/>
                    </a:cubicBezTo>
                    <a:lnTo>
                      <a:pt x="13" y="29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1583813" y="2869573"/>
                <a:ext cx="902811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dirty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MStiffHeiHK-UltraBold" pitchFamily="50" charset="-120"/>
                    <a:ea typeface="MStiffHeiHK-UltraBold" pitchFamily="50" charset="-120"/>
                  </a:rPr>
                  <a:t>Picture</a:t>
                </a:r>
                <a:endParaRPr lang="zh-CN" altLang="en-US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MStiffHeiHK-UltraBold" pitchFamily="50" charset="-120"/>
                  <a:ea typeface="MStiffHeiHK-UltraBold" pitchFamily="50" charset="-120"/>
                </a:endParaRPr>
              </a:p>
            </p:txBody>
          </p:sp>
        </p:grpSp>
        <p:sp>
          <p:nvSpPr>
            <p:cNvPr id="4" name="矩形 3"/>
            <p:cNvSpPr/>
            <p:nvPr/>
          </p:nvSpPr>
          <p:spPr>
            <a:xfrm>
              <a:off x="950987" y="3417024"/>
              <a:ext cx="1415772" cy="646331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en-US" altLang="zh-CN" sz="1200" kern="0" dirty="0">
                <a:latin typeface="微软雅黑" pitchFamily="34" charset="-122"/>
                <a:ea typeface="微软雅黑" pitchFamily="34" charset="-122"/>
              </a:endParaRPr>
            </a:p>
            <a:p>
              <a:pPr lvl="0"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  <p:grpSp>
        <p:nvGrpSpPr>
          <p:cNvPr id="8" name="组合 7"/>
          <p:cNvGrpSpPr/>
          <p:nvPr/>
        </p:nvGrpSpPr>
        <p:grpSpPr>
          <a:xfrm>
            <a:off x="4281131" y="2443981"/>
            <a:ext cx="1728192" cy="2371377"/>
            <a:chOff x="2757131" y="1691978"/>
            <a:chExt cx="1728192" cy="2371377"/>
          </a:xfrm>
        </p:grpSpPr>
        <p:grpSp>
          <p:nvGrpSpPr>
            <p:cNvPr id="9" name="组合 8"/>
            <p:cNvGrpSpPr/>
            <p:nvPr/>
          </p:nvGrpSpPr>
          <p:grpSpPr>
            <a:xfrm>
              <a:off x="2757131" y="1691978"/>
              <a:ext cx="1728192" cy="1552262"/>
              <a:chOff x="2832287" y="1691978"/>
              <a:chExt cx="1728192" cy="1552262"/>
            </a:xfrm>
          </p:grpSpPr>
          <p:grpSp>
            <p:nvGrpSpPr>
              <p:cNvPr id="11" name="组合 10"/>
              <p:cNvGrpSpPr/>
              <p:nvPr/>
            </p:nvGrpSpPr>
            <p:grpSpPr>
              <a:xfrm>
                <a:off x="2832287" y="1691978"/>
                <a:ext cx="1728192" cy="1552262"/>
                <a:chOff x="1237729" y="1779661"/>
                <a:chExt cx="1728192" cy="1552262"/>
              </a:xfrm>
            </p:grpSpPr>
            <p:sp>
              <p:nvSpPr>
                <p:cNvPr id="13" name="矩形 12"/>
                <p:cNvSpPr/>
                <p:nvPr/>
              </p:nvSpPr>
              <p:spPr>
                <a:xfrm>
                  <a:off x="1237729" y="1779661"/>
                  <a:ext cx="1728192" cy="1552262"/>
                </a:xfrm>
                <a:prstGeom prst="rect">
                  <a:avLst/>
                </a:prstGeom>
                <a:solidFill>
                  <a:schemeClr val="accent5">
                    <a:lumMod val="60000"/>
                    <a:lumOff val="4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<a:prstTxWarp prst="textNoShape">
                    <a:avLst/>
                  </a:prstTxWarp>
                  <a:noAutofit/>
                </a:bodyPr>
                <a:lstStyle/>
                <a:p>
                  <a:pPr algn="ctr"/>
                  <a:endParaRPr lang="zh-CN" altLang="en-US"/>
                </a:p>
              </p:txBody>
            </p:sp>
            <p:sp>
              <p:nvSpPr>
                <p:cNvPr id="14" name="TextBox 13"/>
                <p:cNvSpPr txBox="1"/>
                <p:nvPr/>
              </p:nvSpPr>
              <p:spPr>
                <a:xfrm>
                  <a:off x="1583813" y="2869573"/>
                  <a:ext cx="902811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en-US" altLang="zh-CN" dirty="0">
                      <a:solidFill>
                        <a:schemeClr val="tx1">
                          <a:lumMod val="85000"/>
                          <a:lumOff val="15000"/>
                        </a:schemeClr>
                      </a:solidFill>
                      <a:latin typeface="MStiffHeiHK-UltraBold" pitchFamily="50" charset="-120"/>
                      <a:ea typeface="MStiffHeiHK-UltraBold" pitchFamily="50" charset="-120"/>
                    </a:rPr>
                    <a:t>Picture</a:t>
                  </a:r>
                  <a:endParaRPr lang="zh-CN" altLang="en-US" dirty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MStiffHeiHK-UltraBold" pitchFamily="50" charset="-120"/>
                    <a:ea typeface="MStiffHeiHK-UltraBold" pitchFamily="50" charset="-120"/>
                  </a:endParaRPr>
                </a:p>
              </p:txBody>
            </p:sp>
          </p:grpSp>
          <p:sp>
            <p:nvSpPr>
              <p:cNvPr id="12" name="Freeform 11"/>
              <p:cNvSpPr>
                <a:spLocks noEditPoints="1"/>
              </p:cNvSpPr>
              <p:nvPr/>
            </p:nvSpPr>
            <p:spPr bwMode="auto">
              <a:xfrm>
                <a:off x="3310353" y="1957019"/>
                <a:ext cx="852488" cy="769938"/>
              </a:xfrm>
              <a:custGeom>
                <a:avLst/>
                <a:gdLst>
                  <a:gd name="T0" fmla="*/ 413 w 537"/>
                  <a:gd name="T1" fmla="*/ 0 h 485"/>
                  <a:gd name="T2" fmla="*/ 436 w 537"/>
                  <a:gd name="T3" fmla="*/ 23 h 485"/>
                  <a:gd name="T4" fmla="*/ 394 w 537"/>
                  <a:gd name="T5" fmla="*/ 142 h 485"/>
                  <a:gd name="T6" fmla="*/ 92 w 537"/>
                  <a:gd name="T7" fmla="*/ 41 h 485"/>
                  <a:gd name="T8" fmla="*/ 115 w 537"/>
                  <a:gd name="T9" fmla="*/ 59 h 485"/>
                  <a:gd name="T10" fmla="*/ 151 w 537"/>
                  <a:gd name="T11" fmla="*/ 91 h 485"/>
                  <a:gd name="T12" fmla="*/ 92 w 537"/>
                  <a:gd name="T13" fmla="*/ 114 h 485"/>
                  <a:gd name="T14" fmla="*/ 115 w 537"/>
                  <a:gd name="T15" fmla="*/ 128 h 485"/>
                  <a:gd name="T16" fmla="*/ 151 w 537"/>
                  <a:gd name="T17" fmla="*/ 160 h 485"/>
                  <a:gd name="T18" fmla="*/ 92 w 537"/>
                  <a:gd name="T19" fmla="*/ 183 h 485"/>
                  <a:gd name="T20" fmla="*/ 115 w 537"/>
                  <a:gd name="T21" fmla="*/ 201 h 485"/>
                  <a:gd name="T22" fmla="*/ 151 w 537"/>
                  <a:gd name="T23" fmla="*/ 229 h 485"/>
                  <a:gd name="T24" fmla="*/ 92 w 537"/>
                  <a:gd name="T25" fmla="*/ 256 h 485"/>
                  <a:gd name="T26" fmla="*/ 115 w 537"/>
                  <a:gd name="T27" fmla="*/ 270 h 485"/>
                  <a:gd name="T28" fmla="*/ 151 w 537"/>
                  <a:gd name="T29" fmla="*/ 298 h 485"/>
                  <a:gd name="T30" fmla="*/ 92 w 537"/>
                  <a:gd name="T31" fmla="*/ 325 h 485"/>
                  <a:gd name="T32" fmla="*/ 115 w 537"/>
                  <a:gd name="T33" fmla="*/ 343 h 485"/>
                  <a:gd name="T34" fmla="*/ 151 w 537"/>
                  <a:gd name="T35" fmla="*/ 371 h 485"/>
                  <a:gd name="T36" fmla="*/ 92 w 537"/>
                  <a:gd name="T37" fmla="*/ 398 h 485"/>
                  <a:gd name="T38" fmla="*/ 92 w 537"/>
                  <a:gd name="T39" fmla="*/ 444 h 485"/>
                  <a:gd name="T40" fmla="*/ 394 w 537"/>
                  <a:gd name="T41" fmla="*/ 353 h 485"/>
                  <a:gd name="T42" fmla="*/ 436 w 537"/>
                  <a:gd name="T43" fmla="*/ 467 h 485"/>
                  <a:gd name="T44" fmla="*/ 413 w 537"/>
                  <a:gd name="T45" fmla="*/ 485 h 485"/>
                  <a:gd name="T46" fmla="*/ 51 w 537"/>
                  <a:gd name="T47" fmla="*/ 485 h 485"/>
                  <a:gd name="T48" fmla="*/ 51 w 537"/>
                  <a:gd name="T49" fmla="*/ 430 h 485"/>
                  <a:gd name="T50" fmla="*/ 0 w 537"/>
                  <a:gd name="T51" fmla="*/ 394 h 485"/>
                  <a:gd name="T52" fmla="*/ 51 w 537"/>
                  <a:gd name="T53" fmla="*/ 357 h 485"/>
                  <a:gd name="T54" fmla="*/ 0 w 537"/>
                  <a:gd name="T55" fmla="*/ 320 h 485"/>
                  <a:gd name="T56" fmla="*/ 51 w 537"/>
                  <a:gd name="T57" fmla="*/ 288 h 485"/>
                  <a:gd name="T58" fmla="*/ 0 w 537"/>
                  <a:gd name="T59" fmla="*/ 252 h 485"/>
                  <a:gd name="T60" fmla="*/ 51 w 537"/>
                  <a:gd name="T61" fmla="*/ 220 h 485"/>
                  <a:gd name="T62" fmla="*/ 0 w 537"/>
                  <a:gd name="T63" fmla="*/ 178 h 485"/>
                  <a:gd name="T64" fmla="*/ 51 w 537"/>
                  <a:gd name="T65" fmla="*/ 151 h 485"/>
                  <a:gd name="T66" fmla="*/ 0 w 537"/>
                  <a:gd name="T67" fmla="*/ 110 h 485"/>
                  <a:gd name="T68" fmla="*/ 51 w 537"/>
                  <a:gd name="T69" fmla="*/ 23 h 485"/>
                  <a:gd name="T70" fmla="*/ 74 w 537"/>
                  <a:gd name="T71" fmla="*/ 0 h 485"/>
                  <a:gd name="T72" fmla="*/ 248 w 537"/>
                  <a:gd name="T73" fmla="*/ 389 h 485"/>
                  <a:gd name="T74" fmla="*/ 312 w 537"/>
                  <a:gd name="T75" fmla="*/ 385 h 485"/>
                  <a:gd name="T76" fmla="*/ 252 w 537"/>
                  <a:gd name="T77" fmla="*/ 320 h 485"/>
                  <a:gd name="T78" fmla="*/ 248 w 537"/>
                  <a:gd name="T79" fmla="*/ 389 h 485"/>
                  <a:gd name="T80" fmla="*/ 477 w 537"/>
                  <a:gd name="T81" fmla="*/ 105 h 485"/>
                  <a:gd name="T82" fmla="*/ 339 w 537"/>
                  <a:gd name="T83" fmla="*/ 357 h 485"/>
                  <a:gd name="T84" fmla="*/ 477 w 537"/>
                  <a:gd name="T85" fmla="*/ 105 h 48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</a:cxnLst>
                <a:rect l="0" t="0" r="r" b="b"/>
                <a:pathLst>
                  <a:path w="537" h="485">
                    <a:moveTo>
                      <a:pt x="74" y="0"/>
                    </a:moveTo>
                    <a:lnTo>
                      <a:pt x="413" y="0"/>
                    </a:lnTo>
                    <a:lnTo>
                      <a:pt x="436" y="0"/>
                    </a:lnTo>
                    <a:lnTo>
                      <a:pt x="436" y="23"/>
                    </a:lnTo>
                    <a:lnTo>
                      <a:pt x="436" y="100"/>
                    </a:lnTo>
                    <a:lnTo>
                      <a:pt x="394" y="142"/>
                    </a:lnTo>
                    <a:lnTo>
                      <a:pt x="394" y="41"/>
                    </a:lnTo>
                    <a:lnTo>
                      <a:pt x="92" y="41"/>
                    </a:lnTo>
                    <a:lnTo>
                      <a:pt x="92" y="68"/>
                    </a:lnTo>
                    <a:lnTo>
                      <a:pt x="115" y="59"/>
                    </a:lnTo>
                    <a:lnTo>
                      <a:pt x="133" y="55"/>
                    </a:lnTo>
                    <a:lnTo>
                      <a:pt x="151" y="91"/>
                    </a:lnTo>
                    <a:lnTo>
                      <a:pt x="133" y="100"/>
                    </a:lnTo>
                    <a:lnTo>
                      <a:pt x="92" y="114"/>
                    </a:lnTo>
                    <a:lnTo>
                      <a:pt x="92" y="137"/>
                    </a:lnTo>
                    <a:lnTo>
                      <a:pt x="115" y="128"/>
                    </a:lnTo>
                    <a:lnTo>
                      <a:pt x="133" y="123"/>
                    </a:lnTo>
                    <a:lnTo>
                      <a:pt x="151" y="160"/>
                    </a:lnTo>
                    <a:lnTo>
                      <a:pt x="133" y="169"/>
                    </a:lnTo>
                    <a:lnTo>
                      <a:pt x="92" y="183"/>
                    </a:lnTo>
                    <a:lnTo>
                      <a:pt x="92" y="210"/>
                    </a:lnTo>
                    <a:lnTo>
                      <a:pt x="115" y="201"/>
                    </a:lnTo>
                    <a:lnTo>
                      <a:pt x="133" y="192"/>
                    </a:lnTo>
                    <a:lnTo>
                      <a:pt x="151" y="229"/>
                    </a:lnTo>
                    <a:lnTo>
                      <a:pt x="133" y="238"/>
                    </a:lnTo>
                    <a:lnTo>
                      <a:pt x="92" y="256"/>
                    </a:lnTo>
                    <a:lnTo>
                      <a:pt x="92" y="279"/>
                    </a:lnTo>
                    <a:lnTo>
                      <a:pt x="115" y="270"/>
                    </a:lnTo>
                    <a:lnTo>
                      <a:pt x="133" y="261"/>
                    </a:lnTo>
                    <a:lnTo>
                      <a:pt x="151" y="298"/>
                    </a:lnTo>
                    <a:lnTo>
                      <a:pt x="133" y="307"/>
                    </a:lnTo>
                    <a:lnTo>
                      <a:pt x="92" y="325"/>
                    </a:lnTo>
                    <a:lnTo>
                      <a:pt x="92" y="353"/>
                    </a:lnTo>
                    <a:lnTo>
                      <a:pt x="115" y="343"/>
                    </a:lnTo>
                    <a:lnTo>
                      <a:pt x="133" y="334"/>
                    </a:lnTo>
                    <a:lnTo>
                      <a:pt x="151" y="371"/>
                    </a:lnTo>
                    <a:lnTo>
                      <a:pt x="133" y="380"/>
                    </a:lnTo>
                    <a:lnTo>
                      <a:pt x="92" y="398"/>
                    </a:lnTo>
                    <a:lnTo>
                      <a:pt x="92" y="430"/>
                    </a:lnTo>
                    <a:lnTo>
                      <a:pt x="92" y="444"/>
                    </a:lnTo>
                    <a:lnTo>
                      <a:pt x="394" y="444"/>
                    </a:lnTo>
                    <a:lnTo>
                      <a:pt x="394" y="353"/>
                    </a:lnTo>
                    <a:lnTo>
                      <a:pt x="436" y="311"/>
                    </a:lnTo>
                    <a:lnTo>
                      <a:pt x="436" y="467"/>
                    </a:lnTo>
                    <a:lnTo>
                      <a:pt x="436" y="485"/>
                    </a:lnTo>
                    <a:lnTo>
                      <a:pt x="413" y="485"/>
                    </a:lnTo>
                    <a:lnTo>
                      <a:pt x="74" y="485"/>
                    </a:lnTo>
                    <a:lnTo>
                      <a:pt x="51" y="485"/>
                    </a:lnTo>
                    <a:lnTo>
                      <a:pt x="51" y="467"/>
                    </a:lnTo>
                    <a:lnTo>
                      <a:pt x="51" y="430"/>
                    </a:lnTo>
                    <a:lnTo>
                      <a:pt x="9" y="430"/>
                    </a:lnTo>
                    <a:lnTo>
                      <a:pt x="0" y="394"/>
                    </a:lnTo>
                    <a:lnTo>
                      <a:pt x="51" y="371"/>
                    </a:lnTo>
                    <a:lnTo>
                      <a:pt x="51" y="357"/>
                    </a:lnTo>
                    <a:lnTo>
                      <a:pt x="9" y="357"/>
                    </a:lnTo>
                    <a:lnTo>
                      <a:pt x="0" y="320"/>
                    </a:lnTo>
                    <a:lnTo>
                      <a:pt x="51" y="298"/>
                    </a:lnTo>
                    <a:lnTo>
                      <a:pt x="51" y="288"/>
                    </a:lnTo>
                    <a:lnTo>
                      <a:pt x="9" y="288"/>
                    </a:lnTo>
                    <a:lnTo>
                      <a:pt x="0" y="252"/>
                    </a:lnTo>
                    <a:lnTo>
                      <a:pt x="51" y="229"/>
                    </a:lnTo>
                    <a:lnTo>
                      <a:pt x="51" y="220"/>
                    </a:lnTo>
                    <a:lnTo>
                      <a:pt x="9" y="220"/>
                    </a:lnTo>
                    <a:lnTo>
                      <a:pt x="0" y="178"/>
                    </a:lnTo>
                    <a:lnTo>
                      <a:pt x="51" y="155"/>
                    </a:lnTo>
                    <a:lnTo>
                      <a:pt x="51" y="151"/>
                    </a:lnTo>
                    <a:lnTo>
                      <a:pt x="9" y="151"/>
                    </a:lnTo>
                    <a:lnTo>
                      <a:pt x="0" y="110"/>
                    </a:lnTo>
                    <a:lnTo>
                      <a:pt x="51" y="87"/>
                    </a:lnTo>
                    <a:lnTo>
                      <a:pt x="51" y="23"/>
                    </a:lnTo>
                    <a:lnTo>
                      <a:pt x="51" y="0"/>
                    </a:lnTo>
                    <a:lnTo>
                      <a:pt x="74" y="0"/>
                    </a:lnTo>
                    <a:lnTo>
                      <a:pt x="74" y="0"/>
                    </a:lnTo>
                    <a:close/>
                    <a:moveTo>
                      <a:pt x="248" y="389"/>
                    </a:moveTo>
                    <a:lnTo>
                      <a:pt x="280" y="385"/>
                    </a:lnTo>
                    <a:lnTo>
                      <a:pt x="312" y="385"/>
                    </a:lnTo>
                    <a:lnTo>
                      <a:pt x="284" y="353"/>
                    </a:lnTo>
                    <a:lnTo>
                      <a:pt x="252" y="320"/>
                    </a:lnTo>
                    <a:lnTo>
                      <a:pt x="248" y="353"/>
                    </a:lnTo>
                    <a:lnTo>
                      <a:pt x="248" y="389"/>
                    </a:lnTo>
                    <a:lnTo>
                      <a:pt x="248" y="389"/>
                    </a:lnTo>
                    <a:close/>
                    <a:moveTo>
                      <a:pt x="477" y="105"/>
                    </a:moveTo>
                    <a:lnTo>
                      <a:pt x="280" y="298"/>
                    </a:lnTo>
                    <a:lnTo>
                      <a:pt x="339" y="357"/>
                    </a:lnTo>
                    <a:lnTo>
                      <a:pt x="537" y="169"/>
                    </a:lnTo>
                    <a:lnTo>
                      <a:pt x="477" y="105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10" name="矩形 9"/>
            <p:cNvSpPr/>
            <p:nvPr/>
          </p:nvSpPr>
          <p:spPr>
            <a:xfrm>
              <a:off x="2905048" y="3417024"/>
              <a:ext cx="1415772" cy="646331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en-US" altLang="zh-CN" sz="1200" kern="0" dirty="0">
                <a:latin typeface="微软雅黑" pitchFamily="34" charset="-122"/>
                <a:ea typeface="微软雅黑" pitchFamily="34" charset="-122"/>
              </a:endParaRPr>
            </a:p>
            <a:p>
              <a:pPr lvl="0"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6248323" y="2443981"/>
            <a:ext cx="1728192" cy="2371377"/>
            <a:chOff x="4724323" y="1691978"/>
            <a:chExt cx="1728192" cy="2371377"/>
          </a:xfrm>
        </p:grpSpPr>
        <p:grpSp>
          <p:nvGrpSpPr>
            <p:cNvPr id="16" name="组合 15"/>
            <p:cNvGrpSpPr/>
            <p:nvPr/>
          </p:nvGrpSpPr>
          <p:grpSpPr>
            <a:xfrm>
              <a:off x="4724323" y="1691978"/>
              <a:ext cx="1728192" cy="1552262"/>
              <a:chOff x="4799479" y="1691978"/>
              <a:chExt cx="1728192" cy="1552262"/>
            </a:xfrm>
          </p:grpSpPr>
          <p:grpSp>
            <p:nvGrpSpPr>
              <p:cNvPr id="18" name="组合 17"/>
              <p:cNvGrpSpPr/>
              <p:nvPr/>
            </p:nvGrpSpPr>
            <p:grpSpPr>
              <a:xfrm>
                <a:off x="4799479" y="1691978"/>
                <a:ext cx="1728192" cy="1552262"/>
                <a:chOff x="1237729" y="1779661"/>
                <a:chExt cx="1728192" cy="1552262"/>
              </a:xfrm>
            </p:grpSpPr>
            <p:sp>
              <p:nvSpPr>
                <p:cNvPr id="20" name="矩形 19"/>
                <p:cNvSpPr/>
                <p:nvPr/>
              </p:nvSpPr>
              <p:spPr>
                <a:xfrm>
                  <a:off x="1237729" y="1779661"/>
                  <a:ext cx="1728192" cy="1552262"/>
                </a:xfrm>
                <a:prstGeom prst="rect">
                  <a:avLst/>
                </a:prstGeom>
                <a:solidFill>
                  <a:schemeClr val="accent5">
                    <a:lumMod val="60000"/>
                    <a:lumOff val="4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<a:prstTxWarp prst="textNoShape">
                    <a:avLst/>
                  </a:prstTxWarp>
                  <a:noAutofit/>
                </a:bodyPr>
                <a:lstStyle/>
                <a:p>
                  <a:pPr algn="ctr"/>
                  <a:endParaRPr lang="zh-CN" altLang="en-US"/>
                </a:p>
              </p:txBody>
            </p:sp>
            <p:sp>
              <p:nvSpPr>
                <p:cNvPr id="21" name="TextBox 20"/>
                <p:cNvSpPr txBox="1"/>
                <p:nvPr/>
              </p:nvSpPr>
              <p:spPr>
                <a:xfrm>
                  <a:off x="1583813" y="2869573"/>
                  <a:ext cx="902811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en-US" altLang="zh-CN" dirty="0">
                      <a:solidFill>
                        <a:schemeClr val="tx1">
                          <a:lumMod val="85000"/>
                          <a:lumOff val="15000"/>
                        </a:schemeClr>
                      </a:solidFill>
                      <a:latin typeface="MStiffHeiHK-UltraBold" pitchFamily="50" charset="-120"/>
                      <a:ea typeface="MStiffHeiHK-UltraBold" pitchFamily="50" charset="-120"/>
                    </a:rPr>
                    <a:t>Picture</a:t>
                  </a:r>
                  <a:endParaRPr lang="zh-CN" altLang="en-US" dirty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MStiffHeiHK-UltraBold" pitchFamily="50" charset="-120"/>
                    <a:ea typeface="MStiffHeiHK-UltraBold" pitchFamily="50" charset="-120"/>
                  </a:endParaRPr>
                </a:p>
              </p:txBody>
            </p:sp>
          </p:grpSp>
          <p:sp>
            <p:nvSpPr>
              <p:cNvPr id="19" name="Freeform 16"/>
              <p:cNvSpPr>
                <a:spLocks noEditPoints="1"/>
              </p:cNvSpPr>
              <p:nvPr/>
            </p:nvSpPr>
            <p:spPr bwMode="auto">
              <a:xfrm>
                <a:off x="5300855" y="1797985"/>
                <a:ext cx="747438" cy="920164"/>
              </a:xfrm>
              <a:custGeom>
                <a:avLst/>
                <a:gdLst>
                  <a:gd name="T0" fmla="*/ 51 w 101"/>
                  <a:gd name="T1" fmla="*/ 49 h 124"/>
                  <a:gd name="T2" fmla="*/ 21 w 101"/>
                  <a:gd name="T3" fmla="*/ 41 h 124"/>
                  <a:gd name="T4" fmla="*/ 7 w 101"/>
                  <a:gd name="T5" fmla="*/ 79 h 124"/>
                  <a:gd name="T6" fmla="*/ 22 w 101"/>
                  <a:gd name="T7" fmla="*/ 104 h 124"/>
                  <a:gd name="T8" fmla="*/ 23 w 101"/>
                  <a:gd name="T9" fmla="*/ 112 h 124"/>
                  <a:gd name="T10" fmla="*/ 50 w 101"/>
                  <a:gd name="T11" fmla="*/ 119 h 124"/>
                  <a:gd name="T12" fmla="*/ 77 w 101"/>
                  <a:gd name="T13" fmla="*/ 112 h 124"/>
                  <a:gd name="T14" fmla="*/ 78 w 101"/>
                  <a:gd name="T15" fmla="*/ 104 h 124"/>
                  <a:gd name="T16" fmla="*/ 94 w 101"/>
                  <a:gd name="T17" fmla="*/ 79 h 124"/>
                  <a:gd name="T18" fmla="*/ 80 w 101"/>
                  <a:gd name="T19" fmla="*/ 41 h 124"/>
                  <a:gd name="T20" fmla="*/ 51 w 101"/>
                  <a:gd name="T21" fmla="*/ 49 h 124"/>
                  <a:gd name="T22" fmla="*/ 53 w 101"/>
                  <a:gd name="T23" fmla="*/ 18 h 124"/>
                  <a:gd name="T24" fmla="*/ 97 w 101"/>
                  <a:gd name="T25" fmla="*/ 15 h 124"/>
                  <a:gd name="T26" fmla="*/ 55 w 101"/>
                  <a:gd name="T27" fmla="*/ 27 h 124"/>
                  <a:gd name="T28" fmla="*/ 52 w 101"/>
                  <a:gd name="T29" fmla="*/ 45 h 124"/>
                  <a:gd name="T30" fmla="*/ 50 w 101"/>
                  <a:gd name="T31" fmla="*/ 45 h 124"/>
                  <a:gd name="T32" fmla="*/ 34 w 101"/>
                  <a:gd name="T33" fmla="*/ 14 h 124"/>
                  <a:gd name="T34" fmla="*/ 44 w 101"/>
                  <a:gd name="T35" fmla="*/ 6 h 124"/>
                  <a:gd name="T36" fmla="*/ 53 w 101"/>
                  <a:gd name="T37" fmla="*/ 18 h 124"/>
                  <a:gd name="T38" fmla="*/ 20 w 101"/>
                  <a:gd name="T39" fmla="*/ 79 h 124"/>
                  <a:gd name="T40" fmla="*/ 17 w 101"/>
                  <a:gd name="T41" fmla="*/ 61 h 124"/>
                  <a:gd name="T42" fmla="*/ 25 w 101"/>
                  <a:gd name="T43" fmla="*/ 61 h 124"/>
                  <a:gd name="T44" fmla="*/ 33 w 101"/>
                  <a:gd name="T45" fmla="*/ 75 h 124"/>
                  <a:gd name="T46" fmla="*/ 20 w 101"/>
                  <a:gd name="T47" fmla="*/ 79 h 124"/>
                  <a:gd name="T48" fmla="*/ 25 w 101"/>
                  <a:gd name="T49" fmla="*/ 58 h 124"/>
                  <a:gd name="T50" fmla="*/ 18 w 101"/>
                  <a:gd name="T51" fmla="*/ 58 h 124"/>
                  <a:gd name="T52" fmla="*/ 25 w 101"/>
                  <a:gd name="T53" fmla="*/ 51 h 124"/>
                  <a:gd name="T54" fmla="*/ 25 w 101"/>
                  <a:gd name="T55" fmla="*/ 58 h 12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</a:cxnLst>
                <a:rect l="0" t="0" r="r" b="b"/>
                <a:pathLst>
                  <a:path w="101" h="124">
                    <a:moveTo>
                      <a:pt x="51" y="49"/>
                    </a:moveTo>
                    <a:cubicBezTo>
                      <a:pt x="46" y="45"/>
                      <a:pt x="33" y="36"/>
                      <a:pt x="21" y="41"/>
                    </a:cubicBezTo>
                    <a:cubicBezTo>
                      <a:pt x="5" y="46"/>
                      <a:pt x="0" y="64"/>
                      <a:pt x="7" y="79"/>
                    </a:cubicBezTo>
                    <a:cubicBezTo>
                      <a:pt x="15" y="93"/>
                      <a:pt x="20" y="100"/>
                      <a:pt x="22" y="104"/>
                    </a:cubicBezTo>
                    <a:cubicBezTo>
                      <a:pt x="23" y="106"/>
                      <a:pt x="23" y="109"/>
                      <a:pt x="23" y="112"/>
                    </a:cubicBezTo>
                    <a:cubicBezTo>
                      <a:pt x="25" y="122"/>
                      <a:pt x="44" y="124"/>
                      <a:pt x="50" y="119"/>
                    </a:cubicBezTo>
                    <a:cubicBezTo>
                      <a:pt x="56" y="124"/>
                      <a:pt x="75" y="122"/>
                      <a:pt x="77" y="112"/>
                    </a:cubicBezTo>
                    <a:cubicBezTo>
                      <a:pt x="77" y="109"/>
                      <a:pt x="77" y="106"/>
                      <a:pt x="78" y="104"/>
                    </a:cubicBezTo>
                    <a:cubicBezTo>
                      <a:pt x="80" y="100"/>
                      <a:pt x="86" y="93"/>
                      <a:pt x="94" y="79"/>
                    </a:cubicBezTo>
                    <a:cubicBezTo>
                      <a:pt x="101" y="64"/>
                      <a:pt x="96" y="46"/>
                      <a:pt x="80" y="41"/>
                    </a:cubicBezTo>
                    <a:cubicBezTo>
                      <a:pt x="68" y="36"/>
                      <a:pt x="55" y="45"/>
                      <a:pt x="51" y="49"/>
                    </a:cubicBezTo>
                    <a:close/>
                    <a:moveTo>
                      <a:pt x="53" y="18"/>
                    </a:moveTo>
                    <a:cubicBezTo>
                      <a:pt x="61" y="0"/>
                      <a:pt x="80" y="8"/>
                      <a:pt x="97" y="15"/>
                    </a:cubicBezTo>
                    <a:cubicBezTo>
                      <a:pt x="89" y="25"/>
                      <a:pt x="68" y="33"/>
                      <a:pt x="55" y="27"/>
                    </a:cubicBezTo>
                    <a:cubicBezTo>
                      <a:pt x="55" y="33"/>
                      <a:pt x="53" y="39"/>
                      <a:pt x="52" y="45"/>
                    </a:cubicBezTo>
                    <a:cubicBezTo>
                      <a:pt x="50" y="45"/>
                      <a:pt x="50" y="45"/>
                      <a:pt x="50" y="45"/>
                    </a:cubicBezTo>
                    <a:cubicBezTo>
                      <a:pt x="49" y="31"/>
                      <a:pt x="45" y="23"/>
                      <a:pt x="34" y="14"/>
                    </a:cubicBezTo>
                    <a:cubicBezTo>
                      <a:pt x="44" y="6"/>
                      <a:pt x="44" y="6"/>
                      <a:pt x="44" y="6"/>
                    </a:cubicBezTo>
                    <a:cubicBezTo>
                      <a:pt x="49" y="9"/>
                      <a:pt x="52" y="13"/>
                      <a:pt x="53" y="18"/>
                    </a:cubicBezTo>
                    <a:close/>
                    <a:moveTo>
                      <a:pt x="20" y="79"/>
                    </a:moveTo>
                    <a:cubicBezTo>
                      <a:pt x="17" y="73"/>
                      <a:pt x="16" y="67"/>
                      <a:pt x="17" y="61"/>
                    </a:cubicBezTo>
                    <a:cubicBezTo>
                      <a:pt x="25" y="61"/>
                      <a:pt x="25" y="61"/>
                      <a:pt x="25" y="61"/>
                    </a:cubicBezTo>
                    <a:cubicBezTo>
                      <a:pt x="27" y="66"/>
                      <a:pt x="30" y="71"/>
                      <a:pt x="33" y="75"/>
                    </a:cubicBezTo>
                    <a:cubicBezTo>
                      <a:pt x="20" y="79"/>
                      <a:pt x="20" y="79"/>
                      <a:pt x="20" y="79"/>
                    </a:cubicBezTo>
                    <a:close/>
                    <a:moveTo>
                      <a:pt x="25" y="58"/>
                    </a:moveTo>
                    <a:cubicBezTo>
                      <a:pt x="18" y="58"/>
                      <a:pt x="18" y="58"/>
                      <a:pt x="18" y="58"/>
                    </a:cubicBezTo>
                    <a:cubicBezTo>
                      <a:pt x="19" y="55"/>
                      <a:pt x="21" y="53"/>
                      <a:pt x="25" y="51"/>
                    </a:cubicBezTo>
                    <a:cubicBezTo>
                      <a:pt x="24" y="53"/>
                      <a:pt x="24" y="55"/>
                      <a:pt x="25" y="58"/>
                    </a:cubicBezTo>
                    <a:close/>
                  </a:path>
                </a:pathLst>
              </a:custGeom>
              <a:solidFill>
                <a:schemeClr val="tx1">
                  <a:lumMod val="95000"/>
                  <a:lumOff val="5000"/>
                </a:scheme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17" name="矩形 16"/>
            <p:cNvSpPr/>
            <p:nvPr/>
          </p:nvSpPr>
          <p:spPr>
            <a:xfrm>
              <a:off x="4859108" y="3417024"/>
              <a:ext cx="1415772" cy="646331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en-US" altLang="zh-CN" sz="1200" kern="0" dirty="0">
                <a:latin typeface="微软雅黑" pitchFamily="34" charset="-122"/>
                <a:ea typeface="微软雅黑" pitchFamily="34" charset="-122"/>
              </a:endParaRPr>
            </a:p>
            <a:p>
              <a:pPr lvl="0"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  <p:grpSp>
        <p:nvGrpSpPr>
          <p:cNvPr id="22" name="组合 21"/>
          <p:cNvGrpSpPr/>
          <p:nvPr/>
        </p:nvGrpSpPr>
        <p:grpSpPr>
          <a:xfrm>
            <a:off x="8215514" y="2443981"/>
            <a:ext cx="1728192" cy="2371377"/>
            <a:chOff x="6691514" y="1691978"/>
            <a:chExt cx="1728192" cy="2371377"/>
          </a:xfrm>
        </p:grpSpPr>
        <p:grpSp>
          <p:nvGrpSpPr>
            <p:cNvPr id="23" name="组合 22"/>
            <p:cNvGrpSpPr/>
            <p:nvPr/>
          </p:nvGrpSpPr>
          <p:grpSpPr>
            <a:xfrm>
              <a:off x="6691514" y="1691978"/>
              <a:ext cx="1728192" cy="1552262"/>
              <a:chOff x="6766670" y="1691978"/>
              <a:chExt cx="1728192" cy="1552262"/>
            </a:xfrm>
          </p:grpSpPr>
          <p:grpSp>
            <p:nvGrpSpPr>
              <p:cNvPr id="25" name="组合 24"/>
              <p:cNvGrpSpPr/>
              <p:nvPr/>
            </p:nvGrpSpPr>
            <p:grpSpPr>
              <a:xfrm>
                <a:off x="6766670" y="1691978"/>
                <a:ext cx="1728192" cy="1552262"/>
                <a:chOff x="1237729" y="1779661"/>
                <a:chExt cx="1728192" cy="1552262"/>
              </a:xfrm>
            </p:grpSpPr>
            <p:sp>
              <p:nvSpPr>
                <p:cNvPr id="27" name="矩形 26"/>
                <p:cNvSpPr/>
                <p:nvPr/>
              </p:nvSpPr>
              <p:spPr>
                <a:xfrm>
                  <a:off x="1237729" y="1779661"/>
                  <a:ext cx="1728192" cy="1552262"/>
                </a:xfrm>
                <a:prstGeom prst="rect">
                  <a:avLst/>
                </a:prstGeom>
                <a:solidFill>
                  <a:schemeClr val="accent5">
                    <a:lumMod val="60000"/>
                    <a:lumOff val="4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<a:prstTxWarp prst="textNoShape">
                    <a:avLst/>
                  </a:prstTxWarp>
                  <a:noAutofit/>
                </a:bodyPr>
                <a:lstStyle/>
                <a:p>
                  <a:pPr algn="ctr"/>
                  <a:endParaRPr lang="zh-CN" altLang="en-US"/>
                </a:p>
              </p:txBody>
            </p:sp>
            <p:sp>
              <p:nvSpPr>
                <p:cNvPr id="28" name="TextBox 27"/>
                <p:cNvSpPr txBox="1"/>
                <p:nvPr/>
              </p:nvSpPr>
              <p:spPr>
                <a:xfrm>
                  <a:off x="1583813" y="2869573"/>
                  <a:ext cx="902811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en-US" altLang="zh-CN" dirty="0">
                      <a:solidFill>
                        <a:schemeClr val="tx1">
                          <a:lumMod val="85000"/>
                          <a:lumOff val="15000"/>
                        </a:schemeClr>
                      </a:solidFill>
                      <a:latin typeface="MStiffHeiHK-UltraBold" pitchFamily="50" charset="-120"/>
                      <a:ea typeface="MStiffHeiHK-UltraBold" pitchFamily="50" charset="-120"/>
                    </a:rPr>
                    <a:t>Picture</a:t>
                  </a:r>
                  <a:endParaRPr lang="zh-CN" altLang="en-US" dirty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MStiffHeiHK-UltraBold" pitchFamily="50" charset="-120"/>
                    <a:ea typeface="MStiffHeiHK-UltraBold" pitchFamily="50" charset="-120"/>
                  </a:endParaRPr>
                </a:p>
              </p:txBody>
            </p:sp>
          </p:grpSp>
          <p:sp>
            <p:nvSpPr>
              <p:cNvPr id="26" name="Freeform 21"/>
              <p:cNvSpPr>
                <a:spLocks noEditPoints="1"/>
              </p:cNvSpPr>
              <p:nvPr/>
            </p:nvSpPr>
            <p:spPr bwMode="auto">
              <a:xfrm>
                <a:off x="7227974" y="1874925"/>
                <a:ext cx="1035051" cy="836613"/>
              </a:xfrm>
              <a:custGeom>
                <a:avLst/>
                <a:gdLst>
                  <a:gd name="T0" fmla="*/ 106 w 124"/>
                  <a:gd name="T1" fmla="*/ 77 h 100"/>
                  <a:gd name="T2" fmla="*/ 105 w 124"/>
                  <a:gd name="T3" fmla="*/ 68 h 100"/>
                  <a:gd name="T4" fmla="*/ 64 w 124"/>
                  <a:gd name="T5" fmla="*/ 41 h 100"/>
                  <a:gd name="T6" fmla="*/ 72 w 124"/>
                  <a:gd name="T7" fmla="*/ 0 h 100"/>
                  <a:gd name="T8" fmla="*/ 0 w 124"/>
                  <a:gd name="T9" fmla="*/ 89 h 100"/>
                  <a:gd name="T10" fmla="*/ 11 w 124"/>
                  <a:gd name="T11" fmla="*/ 73 h 100"/>
                  <a:gd name="T12" fmla="*/ 32 w 124"/>
                  <a:gd name="T13" fmla="*/ 46 h 100"/>
                  <a:gd name="T14" fmla="*/ 33 w 124"/>
                  <a:gd name="T15" fmla="*/ 46 h 100"/>
                  <a:gd name="T16" fmla="*/ 34 w 124"/>
                  <a:gd name="T17" fmla="*/ 45 h 100"/>
                  <a:gd name="T18" fmla="*/ 35 w 124"/>
                  <a:gd name="T19" fmla="*/ 45 h 100"/>
                  <a:gd name="T20" fmla="*/ 36 w 124"/>
                  <a:gd name="T21" fmla="*/ 45 h 100"/>
                  <a:gd name="T22" fmla="*/ 37 w 124"/>
                  <a:gd name="T23" fmla="*/ 45 h 100"/>
                  <a:gd name="T24" fmla="*/ 37 w 124"/>
                  <a:gd name="T25" fmla="*/ 45 h 100"/>
                  <a:gd name="T26" fmla="*/ 39 w 124"/>
                  <a:gd name="T27" fmla="*/ 45 h 100"/>
                  <a:gd name="T28" fmla="*/ 40 w 124"/>
                  <a:gd name="T29" fmla="*/ 45 h 100"/>
                  <a:gd name="T30" fmla="*/ 41 w 124"/>
                  <a:gd name="T31" fmla="*/ 45 h 100"/>
                  <a:gd name="T32" fmla="*/ 43 w 124"/>
                  <a:gd name="T33" fmla="*/ 45 h 100"/>
                  <a:gd name="T34" fmla="*/ 43 w 124"/>
                  <a:gd name="T35" fmla="*/ 45 h 100"/>
                  <a:gd name="T36" fmla="*/ 44 w 124"/>
                  <a:gd name="T37" fmla="*/ 45 h 100"/>
                  <a:gd name="T38" fmla="*/ 45 w 124"/>
                  <a:gd name="T39" fmla="*/ 45 h 100"/>
                  <a:gd name="T40" fmla="*/ 46 w 124"/>
                  <a:gd name="T41" fmla="*/ 45 h 100"/>
                  <a:gd name="T42" fmla="*/ 47 w 124"/>
                  <a:gd name="T43" fmla="*/ 45 h 100"/>
                  <a:gd name="T44" fmla="*/ 48 w 124"/>
                  <a:gd name="T45" fmla="*/ 46 h 100"/>
                  <a:gd name="T46" fmla="*/ 49 w 124"/>
                  <a:gd name="T47" fmla="*/ 46 h 100"/>
                  <a:gd name="T48" fmla="*/ 60 w 124"/>
                  <a:gd name="T49" fmla="*/ 95 h 100"/>
                  <a:gd name="T50" fmla="*/ 78 w 124"/>
                  <a:gd name="T51" fmla="*/ 52 h 100"/>
                  <a:gd name="T52" fmla="*/ 58 w 124"/>
                  <a:gd name="T53" fmla="*/ 37 h 100"/>
                  <a:gd name="T54" fmla="*/ 6 w 124"/>
                  <a:gd name="T55" fmla="*/ 46 h 100"/>
                  <a:gd name="T56" fmla="*/ 45 w 124"/>
                  <a:gd name="T57" fmla="*/ 64 h 100"/>
                  <a:gd name="T58" fmla="*/ 24 w 124"/>
                  <a:gd name="T59" fmla="*/ 74 h 100"/>
                  <a:gd name="T60" fmla="*/ 14 w 124"/>
                  <a:gd name="T61" fmla="*/ 73 h 100"/>
                  <a:gd name="T62" fmla="*/ 40 w 124"/>
                  <a:gd name="T63" fmla="*/ 47 h 100"/>
                  <a:gd name="T64" fmla="*/ 40 w 124"/>
                  <a:gd name="T65" fmla="*/ 94 h 100"/>
                  <a:gd name="T66" fmla="*/ 90 w 124"/>
                  <a:gd name="T67" fmla="*/ 17 h 100"/>
                  <a:gd name="T68" fmla="*/ 90 w 124"/>
                  <a:gd name="T69" fmla="*/ 17 h 100"/>
                  <a:gd name="T70" fmla="*/ 89 w 124"/>
                  <a:gd name="T71" fmla="*/ 17 h 100"/>
                  <a:gd name="T72" fmla="*/ 89 w 124"/>
                  <a:gd name="T73" fmla="*/ 17 h 100"/>
                  <a:gd name="T74" fmla="*/ 88 w 124"/>
                  <a:gd name="T75" fmla="*/ 17 h 100"/>
                  <a:gd name="T76" fmla="*/ 88 w 124"/>
                  <a:gd name="T77" fmla="*/ 17 h 100"/>
                  <a:gd name="T78" fmla="*/ 87 w 124"/>
                  <a:gd name="T79" fmla="*/ 17 h 100"/>
                  <a:gd name="T80" fmla="*/ 87 w 124"/>
                  <a:gd name="T81" fmla="*/ 18 h 100"/>
                  <a:gd name="T82" fmla="*/ 87 w 124"/>
                  <a:gd name="T83" fmla="*/ 18 h 100"/>
                  <a:gd name="T84" fmla="*/ 86 w 124"/>
                  <a:gd name="T85" fmla="*/ 18 h 100"/>
                  <a:gd name="T86" fmla="*/ 86 w 124"/>
                  <a:gd name="T87" fmla="*/ 18 h 100"/>
                  <a:gd name="T88" fmla="*/ 86 w 124"/>
                  <a:gd name="T89" fmla="*/ 18 h 100"/>
                  <a:gd name="T90" fmla="*/ 74 w 124"/>
                  <a:gd name="T91" fmla="*/ 36 h 100"/>
                  <a:gd name="T92" fmla="*/ 90 w 124"/>
                  <a:gd name="T93" fmla="*/ 17 h 100"/>
                  <a:gd name="T94" fmla="*/ 82 w 124"/>
                  <a:gd name="T95" fmla="*/ 27 h 100"/>
                  <a:gd name="T96" fmla="*/ 102 w 124"/>
                  <a:gd name="T97" fmla="*/ 31 h 100"/>
                  <a:gd name="T98" fmla="*/ 94 w 124"/>
                  <a:gd name="T99" fmla="*/ 29 h 100"/>
                  <a:gd name="T100" fmla="*/ 92 w 124"/>
                  <a:gd name="T101" fmla="*/ 28 h 100"/>
                  <a:gd name="T102" fmla="*/ 94 w 124"/>
                  <a:gd name="T103" fmla="*/ 32 h 100"/>
                  <a:gd name="T104" fmla="*/ 95 w 124"/>
                  <a:gd name="T105" fmla="*/ 31 h 100"/>
                  <a:gd name="T106" fmla="*/ 87 w 124"/>
                  <a:gd name="T107" fmla="*/ 32 h 100"/>
                  <a:gd name="T108" fmla="*/ 99 w 124"/>
                  <a:gd name="T109" fmla="*/ 61 h 100"/>
                  <a:gd name="T110" fmla="*/ 83 w 124"/>
                  <a:gd name="T111" fmla="*/ 52 h 100"/>
                  <a:gd name="T112" fmla="*/ 77 w 124"/>
                  <a:gd name="T113" fmla="*/ 42 h 100"/>
                  <a:gd name="T114" fmla="*/ 77 w 124"/>
                  <a:gd name="T115" fmla="*/ 42 h 10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  <a:cxn ang="0">
                    <a:pos x="T106" y="T107"/>
                  </a:cxn>
                  <a:cxn ang="0">
                    <a:pos x="T108" y="T109"/>
                  </a:cxn>
                  <a:cxn ang="0">
                    <a:pos x="T110" y="T111"/>
                  </a:cxn>
                  <a:cxn ang="0">
                    <a:pos x="T112" y="T113"/>
                  </a:cxn>
                  <a:cxn ang="0">
                    <a:pos x="T114" y="T115"/>
                  </a:cxn>
                </a:cxnLst>
                <a:rect l="0" t="0" r="r" b="b"/>
                <a:pathLst>
                  <a:path w="124" h="100">
                    <a:moveTo>
                      <a:pt x="72" y="0"/>
                    </a:moveTo>
                    <a:cubicBezTo>
                      <a:pt x="124" y="14"/>
                      <a:pt x="124" y="14"/>
                      <a:pt x="124" y="14"/>
                    </a:cubicBezTo>
                    <a:cubicBezTo>
                      <a:pt x="106" y="77"/>
                      <a:pt x="106" y="77"/>
                      <a:pt x="106" y="77"/>
                    </a:cubicBezTo>
                    <a:cubicBezTo>
                      <a:pt x="83" y="71"/>
                      <a:pt x="83" y="71"/>
                      <a:pt x="83" y="71"/>
                    </a:cubicBezTo>
                    <a:cubicBezTo>
                      <a:pt x="83" y="62"/>
                      <a:pt x="83" y="62"/>
                      <a:pt x="83" y="62"/>
                    </a:cubicBezTo>
                    <a:cubicBezTo>
                      <a:pt x="105" y="68"/>
                      <a:pt x="105" y="68"/>
                      <a:pt x="105" y="68"/>
                    </a:cubicBezTo>
                    <a:cubicBezTo>
                      <a:pt x="119" y="17"/>
                      <a:pt x="119" y="17"/>
                      <a:pt x="119" y="17"/>
                    </a:cubicBezTo>
                    <a:cubicBezTo>
                      <a:pt x="74" y="5"/>
                      <a:pt x="74" y="5"/>
                      <a:pt x="74" y="5"/>
                    </a:cubicBezTo>
                    <a:cubicBezTo>
                      <a:pt x="64" y="41"/>
                      <a:pt x="64" y="41"/>
                      <a:pt x="64" y="41"/>
                    </a:cubicBezTo>
                    <a:cubicBezTo>
                      <a:pt x="64" y="41"/>
                      <a:pt x="64" y="41"/>
                      <a:pt x="64" y="41"/>
                    </a:cubicBezTo>
                    <a:cubicBezTo>
                      <a:pt x="63" y="34"/>
                      <a:pt x="63" y="34"/>
                      <a:pt x="63" y="34"/>
                    </a:cubicBezTo>
                    <a:cubicBezTo>
                      <a:pt x="72" y="0"/>
                      <a:pt x="72" y="0"/>
                      <a:pt x="72" y="0"/>
                    </a:cubicBezTo>
                    <a:close/>
                    <a:moveTo>
                      <a:pt x="6" y="46"/>
                    </a:moveTo>
                    <a:cubicBezTo>
                      <a:pt x="3" y="46"/>
                      <a:pt x="0" y="49"/>
                      <a:pt x="0" y="52"/>
                    </a:cubicBezTo>
                    <a:cubicBezTo>
                      <a:pt x="0" y="89"/>
                      <a:pt x="0" y="89"/>
                      <a:pt x="0" y="89"/>
                    </a:cubicBezTo>
                    <a:cubicBezTo>
                      <a:pt x="0" y="92"/>
                      <a:pt x="3" y="95"/>
                      <a:pt x="6" y="95"/>
                    </a:cubicBezTo>
                    <a:cubicBezTo>
                      <a:pt x="21" y="95"/>
                      <a:pt x="21" y="95"/>
                      <a:pt x="21" y="95"/>
                    </a:cubicBezTo>
                    <a:cubicBezTo>
                      <a:pt x="15" y="90"/>
                      <a:pt x="11" y="82"/>
                      <a:pt x="11" y="73"/>
                    </a:cubicBezTo>
                    <a:cubicBezTo>
                      <a:pt x="11" y="61"/>
                      <a:pt x="20" y="50"/>
                      <a:pt x="32" y="46"/>
                    </a:cubicBezTo>
                    <a:cubicBezTo>
                      <a:pt x="32" y="46"/>
                      <a:pt x="32" y="46"/>
                      <a:pt x="32" y="46"/>
                    </a:cubicBezTo>
                    <a:cubicBezTo>
                      <a:pt x="32" y="46"/>
                      <a:pt x="32" y="46"/>
                      <a:pt x="32" y="46"/>
                    </a:cubicBezTo>
                    <a:cubicBezTo>
                      <a:pt x="32" y="46"/>
                      <a:pt x="32" y="46"/>
                      <a:pt x="32" y="46"/>
                    </a:cubicBezTo>
                    <a:cubicBezTo>
                      <a:pt x="32" y="46"/>
                      <a:pt x="32" y="46"/>
                      <a:pt x="32" y="46"/>
                    </a:cubicBezTo>
                    <a:cubicBezTo>
                      <a:pt x="33" y="46"/>
                      <a:pt x="33" y="46"/>
                      <a:pt x="33" y="46"/>
                    </a:cubicBezTo>
                    <a:cubicBezTo>
                      <a:pt x="33" y="46"/>
                      <a:pt x="33" y="46"/>
                      <a:pt x="33" y="46"/>
                    </a:cubicBezTo>
                    <a:cubicBezTo>
                      <a:pt x="33" y="45"/>
                      <a:pt x="33" y="45"/>
                      <a:pt x="33" y="45"/>
                    </a:cubicBezTo>
                    <a:cubicBezTo>
                      <a:pt x="33" y="45"/>
                      <a:pt x="34" y="45"/>
                      <a:pt x="34" y="45"/>
                    </a:cubicBezTo>
                    <a:cubicBezTo>
                      <a:pt x="34" y="45"/>
                      <a:pt x="34" y="45"/>
                      <a:pt x="34" y="45"/>
                    </a:cubicBezTo>
                    <a:cubicBezTo>
                      <a:pt x="34" y="45"/>
                      <a:pt x="34" y="45"/>
                      <a:pt x="34" y="45"/>
                    </a:cubicBezTo>
                    <a:cubicBezTo>
                      <a:pt x="35" y="45"/>
                      <a:pt x="35" y="45"/>
                      <a:pt x="35" y="45"/>
                    </a:cubicBezTo>
                    <a:cubicBezTo>
                      <a:pt x="35" y="45"/>
                      <a:pt x="35" y="45"/>
                      <a:pt x="35" y="45"/>
                    </a:cubicBezTo>
                    <a:cubicBezTo>
                      <a:pt x="35" y="45"/>
                      <a:pt x="35" y="45"/>
                      <a:pt x="35" y="45"/>
                    </a:cubicBezTo>
                    <a:cubicBezTo>
                      <a:pt x="35" y="45"/>
                      <a:pt x="36" y="45"/>
                      <a:pt x="36" y="45"/>
                    </a:cubicBezTo>
                    <a:cubicBezTo>
                      <a:pt x="36" y="45"/>
                      <a:pt x="36" y="45"/>
                      <a:pt x="36" y="45"/>
                    </a:cubicBezTo>
                    <a:cubicBezTo>
                      <a:pt x="36" y="45"/>
                      <a:pt x="36" y="45"/>
                      <a:pt x="37" y="45"/>
                    </a:cubicBezTo>
                    <a:cubicBezTo>
                      <a:pt x="37" y="45"/>
                      <a:pt x="37" y="45"/>
                      <a:pt x="37" y="45"/>
                    </a:cubicBezTo>
                    <a:cubicBezTo>
                      <a:pt x="37" y="45"/>
                      <a:pt x="37" y="45"/>
                      <a:pt x="37" y="45"/>
                    </a:cubicBezTo>
                    <a:cubicBezTo>
                      <a:pt x="37" y="45"/>
                      <a:pt x="37" y="45"/>
                      <a:pt x="37" y="45"/>
                    </a:cubicBezTo>
                    <a:cubicBezTo>
                      <a:pt x="37" y="45"/>
                      <a:pt x="37" y="45"/>
                      <a:pt x="37" y="45"/>
                    </a:cubicBezTo>
                    <a:cubicBezTo>
                      <a:pt x="38" y="45"/>
                      <a:pt x="38" y="45"/>
                      <a:pt x="38" y="45"/>
                    </a:cubicBezTo>
                    <a:cubicBezTo>
                      <a:pt x="38" y="45"/>
                      <a:pt x="38" y="45"/>
                      <a:pt x="38" y="45"/>
                    </a:cubicBezTo>
                    <a:cubicBezTo>
                      <a:pt x="38" y="45"/>
                      <a:pt x="39" y="45"/>
                      <a:pt x="39" y="45"/>
                    </a:cubicBezTo>
                    <a:cubicBezTo>
                      <a:pt x="39" y="45"/>
                      <a:pt x="39" y="45"/>
                      <a:pt x="39" y="45"/>
                    </a:cubicBezTo>
                    <a:cubicBezTo>
                      <a:pt x="39" y="45"/>
                      <a:pt x="39" y="45"/>
                      <a:pt x="40" y="45"/>
                    </a:cubicBezTo>
                    <a:cubicBezTo>
                      <a:pt x="40" y="45"/>
                      <a:pt x="40" y="45"/>
                      <a:pt x="40" y="45"/>
                    </a:cubicBezTo>
                    <a:cubicBezTo>
                      <a:pt x="40" y="45"/>
                      <a:pt x="40" y="45"/>
                      <a:pt x="40" y="45"/>
                    </a:cubicBezTo>
                    <a:cubicBezTo>
                      <a:pt x="41" y="45"/>
                      <a:pt x="41" y="45"/>
                      <a:pt x="41" y="45"/>
                    </a:cubicBezTo>
                    <a:cubicBezTo>
                      <a:pt x="41" y="45"/>
                      <a:pt x="41" y="45"/>
                      <a:pt x="41" y="45"/>
                    </a:cubicBezTo>
                    <a:cubicBezTo>
                      <a:pt x="41" y="45"/>
                      <a:pt x="42" y="45"/>
                      <a:pt x="42" y="45"/>
                    </a:cubicBezTo>
                    <a:cubicBezTo>
                      <a:pt x="42" y="45"/>
                      <a:pt x="42" y="45"/>
                      <a:pt x="42" y="45"/>
                    </a:cubicBezTo>
                    <a:cubicBezTo>
                      <a:pt x="42" y="45"/>
                      <a:pt x="42" y="45"/>
                      <a:pt x="43" y="45"/>
                    </a:cubicBezTo>
                    <a:cubicBezTo>
                      <a:pt x="43" y="45"/>
                      <a:pt x="43" y="45"/>
                      <a:pt x="43" y="45"/>
                    </a:cubicBezTo>
                    <a:cubicBezTo>
                      <a:pt x="43" y="45"/>
                      <a:pt x="43" y="45"/>
                      <a:pt x="43" y="45"/>
                    </a:cubicBezTo>
                    <a:cubicBezTo>
                      <a:pt x="43" y="45"/>
                      <a:pt x="43" y="45"/>
                      <a:pt x="43" y="45"/>
                    </a:cubicBezTo>
                    <a:cubicBezTo>
                      <a:pt x="43" y="45"/>
                      <a:pt x="43" y="45"/>
                      <a:pt x="43" y="45"/>
                    </a:cubicBezTo>
                    <a:cubicBezTo>
                      <a:pt x="44" y="45"/>
                      <a:pt x="44" y="45"/>
                      <a:pt x="44" y="45"/>
                    </a:cubicBezTo>
                    <a:cubicBezTo>
                      <a:pt x="44" y="45"/>
                      <a:pt x="44" y="45"/>
                      <a:pt x="44" y="45"/>
                    </a:cubicBezTo>
                    <a:cubicBezTo>
                      <a:pt x="44" y="45"/>
                      <a:pt x="44" y="45"/>
                      <a:pt x="45" y="45"/>
                    </a:cubicBezTo>
                    <a:cubicBezTo>
                      <a:pt x="45" y="45"/>
                      <a:pt x="45" y="45"/>
                      <a:pt x="45" y="45"/>
                    </a:cubicBezTo>
                    <a:cubicBezTo>
                      <a:pt x="45" y="45"/>
                      <a:pt x="45" y="45"/>
                      <a:pt x="45" y="45"/>
                    </a:cubicBezTo>
                    <a:cubicBezTo>
                      <a:pt x="45" y="45"/>
                      <a:pt x="45" y="45"/>
                      <a:pt x="45" y="45"/>
                    </a:cubicBezTo>
                    <a:cubicBezTo>
                      <a:pt x="46" y="45"/>
                      <a:pt x="46" y="45"/>
                      <a:pt x="46" y="45"/>
                    </a:cubicBezTo>
                    <a:cubicBezTo>
                      <a:pt x="46" y="45"/>
                      <a:pt x="46" y="45"/>
                      <a:pt x="46" y="45"/>
                    </a:cubicBezTo>
                    <a:cubicBezTo>
                      <a:pt x="46" y="45"/>
                      <a:pt x="47" y="45"/>
                      <a:pt x="47" y="45"/>
                    </a:cubicBezTo>
                    <a:cubicBezTo>
                      <a:pt x="47" y="45"/>
                      <a:pt x="47" y="45"/>
                      <a:pt x="47" y="45"/>
                    </a:cubicBezTo>
                    <a:cubicBezTo>
                      <a:pt x="47" y="45"/>
                      <a:pt x="47" y="45"/>
                      <a:pt x="47" y="45"/>
                    </a:cubicBezTo>
                    <a:cubicBezTo>
                      <a:pt x="48" y="46"/>
                      <a:pt x="48" y="46"/>
                      <a:pt x="48" y="46"/>
                    </a:cubicBezTo>
                    <a:cubicBezTo>
                      <a:pt x="48" y="46"/>
                      <a:pt x="48" y="46"/>
                      <a:pt x="48" y="46"/>
                    </a:cubicBezTo>
                    <a:cubicBezTo>
                      <a:pt x="48" y="46"/>
                      <a:pt x="48" y="46"/>
                      <a:pt x="48" y="46"/>
                    </a:cubicBezTo>
                    <a:cubicBezTo>
                      <a:pt x="48" y="46"/>
                      <a:pt x="49" y="46"/>
                      <a:pt x="49" y="46"/>
                    </a:cubicBezTo>
                    <a:cubicBezTo>
                      <a:pt x="49" y="46"/>
                      <a:pt x="49" y="46"/>
                      <a:pt x="49" y="46"/>
                    </a:cubicBezTo>
                    <a:cubicBezTo>
                      <a:pt x="49" y="46"/>
                      <a:pt x="49" y="46"/>
                      <a:pt x="49" y="46"/>
                    </a:cubicBezTo>
                    <a:cubicBezTo>
                      <a:pt x="49" y="46"/>
                      <a:pt x="49" y="46"/>
                      <a:pt x="49" y="46"/>
                    </a:cubicBezTo>
                    <a:cubicBezTo>
                      <a:pt x="61" y="50"/>
                      <a:pt x="69" y="61"/>
                      <a:pt x="69" y="73"/>
                    </a:cubicBezTo>
                    <a:cubicBezTo>
                      <a:pt x="69" y="82"/>
                      <a:pt x="66" y="90"/>
                      <a:pt x="60" y="95"/>
                    </a:cubicBezTo>
                    <a:cubicBezTo>
                      <a:pt x="72" y="95"/>
                      <a:pt x="72" y="95"/>
                      <a:pt x="72" y="95"/>
                    </a:cubicBezTo>
                    <a:cubicBezTo>
                      <a:pt x="75" y="95"/>
                      <a:pt x="78" y="92"/>
                      <a:pt x="78" y="89"/>
                    </a:cubicBezTo>
                    <a:cubicBezTo>
                      <a:pt x="78" y="52"/>
                      <a:pt x="78" y="52"/>
                      <a:pt x="78" y="52"/>
                    </a:cubicBezTo>
                    <a:cubicBezTo>
                      <a:pt x="78" y="49"/>
                      <a:pt x="75" y="46"/>
                      <a:pt x="72" y="46"/>
                    </a:cubicBezTo>
                    <a:cubicBezTo>
                      <a:pt x="60" y="46"/>
                      <a:pt x="60" y="46"/>
                      <a:pt x="60" y="46"/>
                    </a:cubicBezTo>
                    <a:cubicBezTo>
                      <a:pt x="58" y="37"/>
                      <a:pt x="58" y="37"/>
                      <a:pt x="58" y="37"/>
                    </a:cubicBezTo>
                    <a:cubicBezTo>
                      <a:pt x="22" y="37"/>
                      <a:pt x="22" y="37"/>
                      <a:pt x="22" y="37"/>
                    </a:cubicBezTo>
                    <a:cubicBezTo>
                      <a:pt x="20" y="46"/>
                      <a:pt x="20" y="46"/>
                      <a:pt x="20" y="46"/>
                    </a:cubicBezTo>
                    <a:cubicBezTo>
                      <a:pt x="6" y="46"/>
                      <a:pt x="6" y="46"/>
                      <a:pt x="6" y="46"/>
                    </a:cubicBezTo>
                    <a:close/>
                    <a:moveTo>
                      <a:pt x="41" y="57"/>
                    </a:moveTo>
                    <a:cubicBezTo>
                      <a:pt x="48" y="57"/>
                      <a:pt x="54" y="62"/>
                      <a:pt x="56" y="68"/>
                    </a:cubicBezTo>
                    <a:cubicBezTo>
                      <a:pt x="53" y="66"/>
                      <a:pt x="49" y="64"/>
                      <a:pt x="45" y="64"/>
                    </a:cubicBezTo>
                    <a:cubicBezTo>
                      <a:pt x="34" y="64"/>
                      <a:pt x="26" y="72"/>
                      <a:pt x="26" y="81"/>
                    </a:cubicBezTo>
                    <a:cubicBezTo>
                      <a:pt x="26" y="81"/>
                      <a:pt x="26" y="82"/>
                      <a:pt x="26" y="82"/>
                    </a:cubicBezTo>
                    <a:cubicBezTo>
                      <a:pt x="25" y="79"/>
                      <a:pt x="24" y="77"/>
                      <a:pt x="24" y="74"/>
                    </a:cubicBezTo>
                    <a:cubicBezTo>
                      <a:pt x="24" y="65"/>
                      <a:pt x="31" y="57"/>
                      <a:pt x="41" y="57"/>
                    </a:cubicBezTo>
                    <a:close/>
                    <a:moveTo>
                      <a:pt x="40" y="47"/>
                    </a:moveTo>
                    <a:cubicBezTo>
                      <a:pt x="26" y="47"/>
                      <a:pt x="14" y="59"/>
                      <a:pt x="14" y="73"/>
                    </a:cubicBezTo>
                    <a:cubicBezTo>
                      <a:pt x="14" y="88"/>
                      <a:pt x="26" y="100"/>
                      <a:pt x="40" y="100"/>
                    </a:cubicBezTo>
                    <a:cubicBezTo>
                      <a:pt x="55" y="100"/>
                      <a:pt x="67" y="88"/>
                      <a:pt x="67" y="73"/>
                    </a:cubicBezTo>
                    <a:cubicBezTo>
                      <a:pt x="67" y="59"/>
                      <a:pt x="55" y="47"/>
                      <a:pt x="40" y="47"/>
                    </a:cubicBezTo>
                    <a:close/>
                    <a:moveTo>
                      <a:pt x="40" y="53"/>
                    </a:moveTo>
                    <a:cubicBezTo>
                      <a:pt x="52" y="53"/>
                      <a:pt x="61" y="62"/>
                      <a:pt x="61" y="73"/>
                    </a:cubicBezTo>
                    <a:cubicBezTo>
                      <a:pt x="61" y="85"/>
                      <a:pt x="52" y="94"/>
                      <a:pt x="40" y="94"/>
                    </a:cubicBezTo>
                    <a:cubicBezTo>
                      <a:pt x="29" y="94"/>
                      <a:pt x="20" y="85"/>
                      <a:pt x="20" y="73"/>
                    </a:cubicBezTo>
                    <a:cubicBezTo>
                      <a:pt x="20" y="62"/>
                      <a:pt x="29" y="53"/>
                      <a:pt x="40" y="53"/>
                    </a:cubicBezTo>
                    <a:close/>
                    <a:moveTo>
                      <a:pt x="90" y="17"/>
                    </a:moveTo>
                    <a:cubicBezTo>
                      <a:pt x="90" y="17"/>
                      <a:pt x="90" y="17"/>
                      <a:pt x="90" y="17"/>
                    </a:cubicBezTo>
                    <a:cubicBezTo>
                      <a:pt x="90" y="17"/>
                      <a:pt x="90" y="17"/>
                      <a:pt x="90" y="17"/>
                    </a:cubicBezTo>
                    <a:cubicBezTo>
                      <a:pt x="90" y="17"/>
                      <a:pt x="90" y="17"/>
                      <a:pt x="90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7" y="17"/>
                      <a:pt x="87" y="17"/>
                      <a:pt x="87" y="17"/>
                    </a:cubicBezTo>
                    <a:cubicBezTo>
                      <a:pt x="87" y="17"/>
                      <a:pt x="87" y="17"/>
                      <a:pt x="87" y="17"/>
                    </a:cubicBezTo>
                    <a:cubicBezTo>
                      <a:pt x="87" y="17"/>
                      <a:pt x="87" y="17"/>
                      <a:pt x="87" y="17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3" y="19"/>
                      <a:pt x="81" y="21"/>
                      <a:pt x="80" y="24"/>
                    </a:cubicBezTo>
                    <a:cubicBezTo>
                      <a:pt x="80" y="24"/>
                      <a:pt x="80" y="24"/>
                      <a:pt x="80" y="24"/>
                    </a:cubicBezTo>
                    <a:cubicBezTo>
                      <a:pt x="78" y="28"/>
                      <a:pt x="81" y="35"/>
                      <a:pt x="74" y="36"/>
                    </a:cubicBezTo>
                    <a:cubicBezTo>
                      <a:pt x="103" y="44"/>
                      <a:pt x="103" y="44"/>
                      <a:pt x="103" y="44"/>
                    </a:cubicBezTo>
                    <a:cubicBezTo>
                      <a:pt x="107" y="37"/>
                      <a:pt x="109" y="20"/>
                      <a:pt x="95" y="17"/>
                    </a:cubicBezTo>
                    <a:cubicBezTo>
                      <a:pt x="94" y="17"/>
                      <a:pt x="92" y="16"/>
                      <a:pt x="90" y="17"/>
                    </a:cubicBezTo>
                    <a:close/>
                    <a:moveTo>
                      <a:pt x="83" y="26"/>
                    </a:moveTo>
                    <a:cubicBezTo>
                      <a:pt x="83" y="26"/>
                      <a:pt x="83" y="25"/>
                      <a:pt x="83" y="25"/>
                    </a:cubicBezTo>
                    <a:cubicBezTo>
                      <a:pt x="83" y="25"/>
                      <a:pt x="82" y="26"/>
                      <a:pt x="82" y="27"/>
                    </a:cubicBezTo>
                    <a:cubicBezTo>
                      <a:pt x="81" y="32"/>
                      <a:pt x="84" y="38"/>
                      <a:pt x="89" y="39"/>
                    </a:cubicBezTo>
                    <a:cubicBezTo>
                      <a:pt x="94" y="41"/>
                      <a:pt x="100" y="38"/>
                      <a:pt x="101" y="32"/>
                    </a:cubicBezTo>
                    <a:cubicBezTo>
                      <a:pt x="101" y="32"/>
                      <a:pt x="102" y="31"/>
                      <a:pt x="102" y="31"/>
                    </a:cubicBezTo>
                    <a:cubicBezTo>
                      <a:pt x="96" y="29"/>
                      <a:pt x="96" y="29"/>
                      <a:pt x="96" y="29"/>
                    </a:cubicBezTo>
                    <a:cubicBezTo>
                      <a:pt x="95" y="26"/>
                      <a:pt x="95" y="26"/>
                      <a:pt x="95" y="26"/>
                    </a:cubicBezTo>
                    <a:cubicBezTo>
                      <a:pt x="94" y="29"/>
                      <a:pt x="94" y="29"/>
                      <a:pt x="94" y="29"/>
                    </a:cubicBezTo>
                    <a:cubicBezTo>
                      <a:pt x="93" y="29"/>
                      <a:pt x="93" y="29"/>
                      <a:pt x="93" y="29"/>
                    </a:cubicBezTo>
                    <a:cubicBezTo>
                      <a:pt x="95" y="23"/>
                      <a:pt x="95" y="23"/>
                      <a:pt x="95" y="23"/>
                    </a:cubicBezTo>
                    <a:cubicBezTo>
                      <a:pt x="92" y="28"/>
                      <a:pt x="92" y="28"/>
                      <a:pt x="92" y="28"/>
                    </a:cubicBezTo>
                    <a:cubicBezTo>
                      <a:pt x="83" y="26"/>
                      <a:pt x="83" y="26"/>
                      <a:pt x="83" y="26"/>
                    </a:cubicBezTo>
                    <a:close/>
                    <a:moveTo>
                      <a:pt x="95" y="31"/>
                    </a:moveTo>
                    <a:cubicBezTo>
                      <a:pt x="95" y="31"/>
                      <a:pt x="94" y="32"/>
                      <a:pt x="94" y="32"/>
                    </a:cubicBezTo>
                    <a:cubicBezTo>
                      <a:pt x="93" y="33"/>
                      <a:pt x="94" y="34"/>
                      <a:pt x="95" y="34"/>
                    </a:cubicBezTo>
                    <a:cubicBezTo>
                      <a:pt x="95" y="34"/>
                      <a:pt x="96" y="34"/>
                      <a:pt x="96" y="33"/>
                    </a:cubicBezTo>
                    <a:cubicBezTo>
                      <a:pt x="96" y="32"/>
                      <a:pt x="96" y="32"/>
                      <a:pt x="95" y="31"/>
                    </a:cubicBezTo>
                    <a:close/>
                    <a:moveTo>
                      <a:pt x="88" y="29"/>
                    </a:moveTo>
                    <a:cubicBezTo>
                      <a:pt x="87" y="29"/>
                      <a:pt x="86" y="29"/>
                      <a:pt x="86" y="30"/>
                    </a:cubicBezTo>
                    <a:cubicBezTo>
                      <a:pt x="86" y="31"/>
                      <a:pt x="86" y="32"/>
                      <a:pt x="87" y="32"/>
                    </a:cubicBezTo>
                    <a:cubicBezTo>
                      <a:pt x="88" y="32"/>
                      <a:pt x="88" y="32"/>
                      <a:pt x="88" y="31"/>
                    </a:cubicBezTo>
                    <a:cubicBezTo>
                      <a:pt x="89" y="30"/>
                      <a:pt x="88" y="29"/>
                      <a:pt x="88" y="29"/>
                    </a:cubicBezTo>
                    <a:close/>
                    <a:moveTo>
                      <a:pt x="99" y="61"/>
                    </a:moveTo>
                    <a:cubicBezTo>
                      <a:pt x="101" y="53"/>
                      <a:pt x="98" y="46"/>
                      <a:pt x="93" y="42"/>
                    </a:cubicBezTo>
                    <a:cubicBezTo>
                      <a:pt x="83" y="50"/>
                      <a:pt x="83" y="50"/>
                      <a:pt x="83" y="50"/>
                    </a:cubicBezTo>
                    <a:cubicBezTo>
                      <a:pt x="83" y="51"/>
                      <a:pt x="83" y="51"/>
                      <a:pt x="83" y="52"/>
                    </a:cubicBezTo>
                    <a:cubicBezTo>
                      <a:pt x="83" y="56"/>
                      <a:pt x="83" y="56"/>
                      <a:pt x="83" y="56"/>
                    </a:cubicBezTo>
                    <a:cubicBezTo>
                      <a:pt x="99" y="61"/>
                      <a:pt x="99" y="61"/>
                      <a:pt x="99" y="61"/>
                    </a:cubicBezTo>
                    <a:close/>
                    <a:moveTo>
                      <a:pt x="77" y="42"/>
                    </a:moveTo>
                    <a:cubicBezTo>
                      <a:pt x="79" y="43"/>
                      <a:pt x="81" y="45"/>
                      <a:pt x="82" y="47"/>
                    </a:cubicBezTo>
                    <a:cubicBezTo>
                      <a:pt x="84" y="40"/>
                      <a:pt x="84" y="40"/>
                      <a:pt x="84" y="40"/>
                    </a:cubicBezTo>
                    <a:cubicBezTo>
                      <a:pt x="81" y="40"/>
                      <a:pt x="79" y="41"/>
                      <a:pt x="77" y="42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24" name="矩形 23"/>
            <p:cNvSpPr/>
            <p:nvPr/>
          </p:nvSpPr>
          <p:spPr>
            <a:xfrm>
              <a:off x="6838220" y="3417024"/>
              <a:ext cx="1415772" cy="646331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en-US" altLang="zh-CN" sz="1200" kern="0" dirty="0">
                <a:latin typeface="微软雅黑" pitchFamily="34" charset="-122"/>
                <a:ea typeface="微软雅黑" pitchFamily="34" charset="-122"/>
              </a:endParaRPr>
            </a:p>
            <a:p>
              <a:pPr lvl="0" algn="ctr">
                <a:lnSpc>
                  <a:spcPct val="150000"/>
                </a:lnSpc>
                <a:defRPr/>
              </a:pPr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52" presetClass="entr" presetSubtype="0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12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13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52" presetClass="entr" presetSubtype="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1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1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2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22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23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矩形 1"/>
          <p:cNvSpPr/>
          <p:nvPr/>
        </p:nvSpPr>
        <p:spPr>
          <a:xfrm>
            <a:off x="1524000" y="3337361"/>
            <a:ext cx="9144000" cy="2221466"/>
          </a:xfrm>
          <a:prstGeom prst="rect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3" name="矩形 2"/>
          <p:cNvSpPr/>
          <p:nvPr/>
        </p:nvSpPr>
        <p:spPr>
          <a:xfrm>
            <a:off x="1720683" y="952272"/>
            <a:ext cx="6389891" cy="923330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/>
          <a:p>
            <a:r>
              <a:rPr lang="en-US" altLang="zh-CN" sz="5400" dirty="0">
                <a:solidFill>
                  <a:schemeClr val="tx1">
                    <a:lumMod val="75000"/>
                    <a:lumOff val="25000"/>
                  </a:schemeClr>
                </a:solidFill>
                <a:latin typeface="方正粗宋简体" pitchFamily="65" charset="-122"/>
                <a:ea typeface="方正粗宋简体" pitchFamily="65" charset="-122"/>
              </a:rPr>
              <a:t>POWER POINT </a:t>
            </a:r>
            <a:r>
              <a:rPr lang="zh-CN" altLang="en-US" sz="3600" dirty="0">
                <a:solidFill>
                  <a:schemeClr val="tx1">
                    <a:lumMod val="75000"/>
                    <a:lumOff val="25000"/>
                  </a:schemeClr>
                </a:solidFill>
                <a:latin typeface="方正粗宋简体" pitchFamily="65" charset="-122"/>
                <a:ea typeface="方正粗宋简体" pitchFamily="65" charset="-122"/>
              </a:rPr>
              <a:t>Template</a:t>
            </a:r>
          </a:p>
        </p:txBody>
      </p:sp>
      <p:grpSp>
        <p:nvGrpSpPr>
          <p:cNvPr id="4" name="组合 3"/>
          <p:cNvGrpSpPr/>
          <p:nvPr/>
        </p:nvGrpSpPr>
        <p:grpSpPr>
          <a:xfrm>
            <a:off x="1929457" y="2760444"/>
            <a:ext cx="3199518" cy="3199518"/>
            <a:chOff x="2031873" y="2124516"/>
            <a:chExt cx="4381500" cy="4381500"/>
          </a:xfrm>
        </p:grpSpPr>
        <p:sp>
          <p:nvSpPr>
            <p:cNvPr id="5" name="椭圆 4"/>
            <p:cNvSpPr/>
            <p:nvPr/>
          </p:nvSpPr>
          <p:spPr>
            <a:xfrm>
              <a:off x="2031873" y="2124516"/>
              <a:ext cx="4381500" cy="4381500"/>
            </a:xfrm>
            <a:prstGeom prst="ellipse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" name="椭圆 5"/>
            <p:cNvSpPr/>
            <p:nvPr/>
          </p:nvSpPr>
          <p:spPr>
            <a:xfrm>
              <a:off x="2176043" y="2268686"/>
              <a:ext cx="4093159" cy="4093159"/>
            </a:xfrm>
            <a:prstGeom prst="ellipse">
              <a:avLst/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grpSp>
          <p:nvGrpSpPr>
            <p:cNvPr id="7" name="组合 6"/>
            <p:cNvGrpSpPr/>
            <p:nvPr/>
          </p:nvGrpSpPr>
          <p:grpSpPr>
            <a:xfrm>
              <a:off x="2244725" y="2331989"/>
              <a:ext cx="3946728" cy="3952893"/>
              <a:chOff x="8325448" y="1924103"/>
              <a:chExt cx="3946728" cy="3952893"/>
            </a:xfrm>
          </p:grpSpPr>
          <p:sp>
            <p:nvSpPr>
              <p:cNvPr id="12" name="椭圆 45"/>
              <p:cNvSpPr/>
              <p:nvPr/>
            </p:nvSpPr>
            <p:spPr>
              <a:xfrm>
                <a:off x="8904119" y="1924103"/>
                <a:ext cx="1372443" cy="1946223"/>
              </a:xfrm>
              <a:custGeom>
                <a:avLst/>
                <a:gdLst>
                  <a:gd name="connsiteX0" fmla="*/ 1372443 w 1372443"/>
                  <a:gd name="connsiteY0" fmla="*/ 0 h 1946223"/>
                  <a:gd name="connsiteX1" fmla="*/ 1366371 w 1372443"/>
                  <a:gd name="connsiteY1" fmla="*/ 1946223 h 1946223"/>
                  <a:gd name="connsiteX2" fmla="*/ 0 w 1372443"/>
                  <a:gd name="connsiteY2" fmla="*/ 564095 h 1946223"/>
                  <a:gd name="connsiteX3" fmla="*/ 1372443 w 1372443"/>
                  <a:gd name="connsiteY3" fmla="*/ 0 h 1946223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372443" h="194622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rgbClr val="00B0F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  <p:sp>
            <p:nvSpPr>
              <p:cNvPr id="13" name="椭圆 45"/>
              <p:cNvSpPr/>
              <p:nvPr/>
            </p:nvSpPr>
            <p:spPr>
              <a:xfrm rot="2700000">
                <a:off x="9822545" y="1724457"/>
                <a:ext cx="1372443" cy="1946223"/>
              </a:xfrm>
              <a:custGeom>
                <a:avLst/>
                <a:gdLst>
                  <a:gd name="connsiteX0" fmla="*/ 1372443 w 1372443"/>
                  <a:gd name="connsiteY0" fmla="*/ 0 h 1946223"/>
                  <a:gd name="connsiteX1" fmla="*/ 1366371 w 1372443"/>
                  <a:gd name="connsiteY1" fmla="*/ 1946223 h 1946223"/>
                  <a:gd name="connsiteX2" fmla="*/ 0 w 1372443"/>
                  <a:gd name="connsiteY2" fmla="*/ 564095 h 1946223"/>
                  <a:gd name="connsiteX3" fmla="*/ 1372443 w 1372443"/>
                  <a:gd name="connsiteY3" fmla="*/ 0 h 1946223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372443" h="194622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chemeClr val="tx1">
                  <a:lumMod val="50000"/>
                  <a:lumOff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4" name="椭圆 45"/>
              <p:cNvSpPr/>
              <p:nvPr/>
            </p:nvSpPr>
            <p:spPr>
              <a:xfrm rot="10800000">
                <a:off x="10325250" y="3930773"/>
                <a:ext cx="1372443" cy="1946223"/>
              </a:xfrm>
              <a:custGeom>
                <a:avLst/>
                <a:gdLst>
                  <a:gd name="connsiteX0" fmla="*/ 1372443 w 1372443"/>
                  <a:gd name="connsiteY0" fmla="*/ 0 h 1946223"/>
                  <a:gd name="connsiteX1" fmla="*/ 1366371 w 1372443"/>
                  <a:gd name="connsiteY1" fmla="*/ 1946223 h 1946223"/>
                  <a:gd name="connsiteX2" fmla="*/ 0 w 1372443"/>
                  <a:gd name="connsiteY2" fmla="*/ 564095 h 1946223"/>
                  <a:gd name="connsiteX3" fmla="*/ 1372443 w 1372443"/>
                  <a:gd name="connsiteY3" fmla="*/ 0 h 1946223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372443" h="194622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5" name="椭圆 45"/>
              <p:cNvSpPr/>
              <p:nvPr/>
            </p:nvSpPr>
            <p:spPr>
              <a:xfrm rot="13500000">
                <a:off x="9395394" y="4144707"/>
                <a:ext cx="1372443" cy="1946223"/>
              </a:xfrm>
              <a:custGeom>
                <a:avLst/>
                <a:gdLst>
                  <a:gd name="connsiteX0" fmla="*/ 1372443 w 1372443"/>
                  <a:gd name="connsiteY0" fmla="*/ 0 h 1946223"/>
                  <a:gd name="connsiteX1" fmla="*/ 1366371 w 1372443"/>
                  <a:gd name="connsiteY1" fmla="*/ 1946223 h 1946223"/>
                  <a:gd name="connsiteX2" fmla="*/ 0 w 1372443"/>
                  <a:gd name="connsiteY2" fmla="*/ 564095 h 1946223"/>
                  <a:gd name="connsiteX3" fmla="*/ 1372443 w 1372443"/>
                  <a:gd name="connsiteY3" fmla="*/ 0 h 1946223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372443" h="194622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rgbClr val="DCEFF4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  <p:sp>
            <p:nvSpPr>
              <p:cNvPr id="16" name="椭圆 45"/>
              <p:cNvSpPr/>
              <p:nvPr/>
            </p:nvSpPr>
            <p:spPr>
              <a:xfrm rot="5400000">
                <a:off x="10612843" y="2219784"/>
                <a:ext cx="1372443" cy="1946223"/>
              </a:xfrm>
              <a:custGeom>
                <a:avLst/>
                <a:gdLst>
                  <a:gd name="connsiteX0" fmla="*/ 1372443 w 1372443"/>
                  <a:gd name="connsiteY0" fmla="*/ 0 h 1946223"/>
                  <a:gd name="connsiteX1" fmla="*/ 1366371 w 1372443"/>
                  <a:gd name="connsiteY1" fmla="*/ 1946223 h 1946223"/>
                  <a:gd name="connsiteX2" fmla="*/ 0 w 1372443"/>
                  <a:gd name="connsiteY2" fmla="*/ 564095 h 1946223"/>
                  <a:gd name="connsiteX3" fmla="*/ 1372443 w 1372443"/>
                  <a:gd name="connsiteY3" fmla="*/ 0 h 1946223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372443" h="194622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7" name="椭圆 45"/>
              <p:cNvSpPr/>
              <p:nvPr/>
            </p:nvSpPr>
            <p:spPr>
              <a:xfrm rot="8100000">
                <a:off x="10825019" y="3131396"/>
                <a:ext cx="1372443" cy="1946223"/>
              </a:xfrm>
              <a:custGeom>
                <a:avLst/>
                <a:gdLst>
                  <a:gd name="connsiteX0" fmla="*/ 1372443 w 1372443"/>
                  <a:gd name="connsiteY0" fmla="*/ 0 h 1946223"/>
                  <a:gd name="connsiteX1" fmla="*/ 1366371 w 1372443"/>
                  <a:gd name="connsiteY1" fmla="*/ 1946223 h 1946223"/>
                  <a:gd name="connsiteX2" fmla="*/ 0 w 1372443"/>
                  <a:gd name="connsiteY2" fmla="*/ 564095 h 1946223"/>
                  <a:gd name="connsiteX3" fmla="*/ 1372443 w 1372443"/>
                  <a:gd name="connsiteY3" fmla="*/ 0 h 1946223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372443" h="194622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chemeClr val="tx1">
                  <a:lumMod val="75000"/>
                  <a:lumOff val="2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rgbClr val="FFDB69"/>
                  </a:solidFill>
                </a:endParaRPr>
              </a:p>
            </p:txBody>
          </p:sp>
          <p:sp>
            <p:nvSpPr>
              <p:cNvPr id="18" name="椭圆 45"/>
              <p:cNvSpPr/>
              <p:nvPr/>
            </p:nvSpPr>
            <p:spPr>
              <a:xfrm rot="16200000">
                <a:off x="8618860" y="3631031"/>
                <a:ext cx="1372442" cy="1959266"/>
              </a:xfrm>
              <a:custGeom>
                <a:avLst/>
                <a:gdLst>
                  <a:gd name="connsiteX0" fmla="*/ 1372443 w 1372443"/>
                  <a:gd name="connsiteY0" fmla="*/ 0 h 1946223"/>
                  <a:gd name="connsiteX1" fmla="*/ 1366371 w 1372443"/>
                  <a:gd name="connsiteY1" fmla="*/ 1946223 h 1946223"/>
                  <a:gd name="connsiteX2" fmla="*/ 0 w 1372443"/>
                  <a:gd name="connsiteY2" fmla="*/ 564095 h 1946223"/>
                  <a:gd name="connsiteX3" fmla="*/ 1372443 w 1372443"/>
                  <a:gd name="connsiteY3" fmla="*/ 0 h 1946223"/>
                  <a:gd name="connsiteX0" fmla="*/ 1372442 w 1372442"/>
                  <a:gd name="connsiteY0" fmla="*/ 0 h 1959267"/>
                  <a:gd name="connsiteX1" fmla="*/ 1366371 w 1372442"/>
                  <a:gd name="connsiteY1" fmla="*/ 1959267 h 1959267"/>
                  <a:gd name="connsiteX2" fmla="*/ 0 w 1372442"/>
                  <a:gd name="connsiteY2" fmla="*/ 577139 h 1959267"/>
                  <a:gd name="connsiteX3" fmla="*/ 1372442 w 1372442"/>
                  <a:gd name="connsiteY3" fmla="*/ 0 h 1959267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372442" h="1959267">
                    <a:moveTo>
                      <a:pt x="1372442" y="0"/>
                    </a:moveTo>
                    <a:cubicBezTo>
                      <a:pt x="1370418" y="653089"/>
                      <a:pt x="1368395" y="1306178"/>
                      <a:pt x="1366371" y="1959267"/>
                    </a:cubicBezTo>
                    <a:lnTo>
                      <a:pt x="0" y="577139"/>
                    </a:lnTo>
                    <a:cubicBezTo>
                      <a:pt x="354117" y="230124"/>
                      <a:pt x="838244" y="2682"/>
                      <a:pt x="1372442" y="0"/>
                    </a:cubicBezTo>
                    <a:close/>
                  </a:path>
                </a:pathLst>
              </a:cu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  <p:sp>
            <p:nvSpPr>
              <p:cNvPr id="19" name="椭圆 45"/>
              <p:cNvSpPr/>
              <p:nvPr/>
            </p:nvSpPr>
            <p:spPr>
              <a:xfrm rot="18900000">
                <a:off x="8402751" y="2713433"/>
                <a:ext cx="1377055" cy="1955446"/>
              </a:xfrm>
              <a:custGeom>
                <a:avLst/>
                <a:gdLst>
                  <a:gd name="connsiteX0" fmla="*/ 1372443 w 1372443"/>
                  <a:gd name="connsiteY0" fmla="*/ 0 h 1946223"/>
                  <a:gd name="connsiteX1" fmla="*/ 1366371 w 1372443"/>
                  <a:gd name="connsiteY1" fmla="*/ 1946223 h 1946223"/>
                  <a:gd name="connsiteX2" fmla="*/ 0 w 1372443"/>
                  <a:gd name="connsiteY2" fmla="*/ 564095 h 1946223"/>
                  <a:gd name="connsiteX3" fmla="*/ 1372443 w 1372443"/>
                  <a:gd name="connsiteY3" fmla="*/ 0 h 1946223"/>
                  <a:gd name="connsiteX0" fmla="*/ 1377055 w 1377055"/>
                  <a:gd name="connsiteY0" fmla="*/ 0 h 1955446"/>
                  <a:gd name="connsiteX1" fmla="*/ 1366371 w 1377055"/>
                  <a:gd name="connsiteY1" fmla="*/ 1955446 h 1955446"/>
                  <a:gd name="connsiteX2" fmla="*/ 0 w 1377055"/>
                  <a:gd name="connsiteY2" fmla="*/ 573318 h 1955446"/>
                  <a:gd name="connsiteX3" fmla="*/ 1377055 w 1377055"/>
                  <a:gd name="connsiteY3" fmla="*/ 0 h 1955446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377055" h="1955446">
                    <a:moveTo>
                      <a:pt x="1377055" y="0"/>
                    </a:moveTo>
                    <a:cubicBezTo>
                      <a:pt x="1373494" y="651815"/>
                      <a:pt x="1369932" y="1303631"/>
                      <a:pt x="1366371" y="1955446"/>
                    </a:cubicBezTo>
                    <a:lnTo>
                      <a:pt x="0" y="573318"/>
                    </a:lnTo>
                    <a:cubicBezTo>
                      <a:pt x="354117" y="226303"/>
                      <a:pt x="842857" y="2682"/>
                      <a:pt x="1377055" y="0"/>
                    </a:cubicBezTo>
                    <a:close/>
                  </a:path>
                </a:pathLst>
              </a:cu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8" name="椭圆 7"/>
            <p:cNvSpPr/>
            <p:nvPr/>
          </p:nvSpPr>
          <p:spPr>
            <a:xfrm>
              <a:off x="3267419" y="3360062"/>
              <a:ext cx="1910408" cy="1910408"/>
            </a:xfrm>
            <a:prstGeom prst="ellipse">
              <a:avLst/>
            </a:prstGeom>
            <a:solidFill>
              <a:schemeClr val="tx1">
                <a:lumMod val="75000"/>
                <a:lumOff val="25000"/>
              </a:schemeClr>
            </a:solidFill>
            <a:ln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grpSp>
          <p:nvGrpSpPr>
            <p:cNvPr id="9" name="组合 8"/>
            <p:cNvGrpSpPr/>
            <p:nvPr/>
          </p:nvGrpSpPr>
          <p:grpSpPr>
            <a:xfrm>
              <a:off x="3614901" y="3150512"/>
              <a:ext cx="1215192" cy="1772224"/>
              <a:chOff x="9695624" y="2742626"/>
              <a:chExt cx="1215192" cy="1772224"/>
            </a:xfrm>
          </p:grpSpPr>
          <p:sp>
            <p:nvSpPr>
              <p:cNvPr id="10" name="等腰三角形 2"/>
              <p:cNvSpPr/>
              <p:nvPr/>
            </p:nvSpPr>
            <p:spPr>
              <a:xfrm>
                <a:off x="9695876" y="2742626"/>
                <a:ext cx="1214940" cy="1772224"/>
              </a:xfrm>
              <a:custGeom>
                <a:avLst/>
                <a:gdLst/>
                <a:ahLst/>
                <a:cxnLst/>
                <a:rect l="l" t="t" r="r" b="b"/>
                <a:pathLst>
                  <a:path w="1214940" h="1772224">
                    <a:moveTo>
                      <a:pt x="607470" y="0"/>
                    </a:moveTo>
                    <a:lnTo>
                      <a:pt x="754383" y="577227"/>
                    </a:lnTo>
                    <a:cubicBezTo>
                      <a:pt x="1019137" y="641157"/>
                      <a:pt x="1214940" y="880090"/>
                      <a:pt x="1214940" y="1164754"/>
                    </a:cubicBezTo>
                    <a:cubicBezTo>
                      <a:pt x="1214940" y="1500250"/>
                      <a:pt x="942966" y="1772224"/>
                      <a:pt x="607470" y="1772224"/>
                    </a:cubicBezTo>
                    <a:cubicBezTo>
                      <a:pt x="271974" y="1772224"/>
                      <a:pt x="0" y="1500250"/>
                      <a:pt x="0" y="1164754"/>
                    </a:cubicBezTo>
                    <a:cubicBezTo>
                      <a:pt x="0" y="880090"/>
                      <a:pt x="195803" y="641157"/>
                      <a:pt x="460557" y="577227"/>
                    </a:cubicBezTo>
                    <a:close/>
                  </a:path>
                </a:pathLst>
              </a:custGeom>
              <a:gradFill>
                <a:gsLst>
                  <a:gs pos="2083">
                    <a:schemeClr val="bg1">
                      <a:lumMod val="75000"/>
                    </a:schemeClr>
                  </a:gs>
                  <a:gs pos="23000">
                    <a:schemeClr val="bg1"/>
                  </a:gs>
                  <a:gs pos="61000">
                    <a:schemeClr val="bg1">
                      <a:lumMod val="50000"/>
                    </a:schemeClr>
                  </a:gs>
                  <a:gs pos="100000">
                    <a:schemeClr val="bg1"/>
                  </a:gs>
                </a:gsLst>
                <a:lin ang="16200000" scaled="1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dirty="0"/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9695624" y="3617440"/>
                <a:ext cx="885102" cy="505773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zh-CN" altLang="en-US" b="1" dirty="0">
                    <a:latin typeface="微软雅黑" pitchFamily="34" charset="-122"/>
                    <a:ea typeface="微软雅黑" pitchFamily="34" charset="-122"/>
                  </a:rPr>
                  <a:t>Color</a:t>
                </a:r>
              </a:p>
            </p:txBody>
          </p:sp>
        </p:grpSp>
      </p:grpSp>
      <p:grpSp>
        <p:nvGrpSpPr>
          <p:cNvPr id="20" name="组合 19"/>
          <p:cNvGrpSpPr/>
          <p:nvPr/>
        </p:nvGrpSpPr>
        <p:grpSpPr>
          <a:xfrm>
            <a:off x="8265204" y="3018926"/>
            <a:ext cx="2293010" cy="231309"/>
            <a:chOff x="4032821" y="2867471"/>
            <a:chExt cx="1944685" cy="178272"/>
          </a:xfrm>
        </p:grpSpPr>
        <p:sp>
          <p:nvSpPr>
            <p:cNvPr id="21" name="矩形 20"/>
            <p:cNvSpPr/>
            <p:nvPr/>
          </p:nvSpPr>
          <p:spPr>
            <a:xfrm>
              <a:off x="4032821" y="2867473"/>
              <a:ext cx="482835" cy="17827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2" name="矩形 21"/>
            <p:cNvSpPr/>
            <p:nvPr/>
          </p:nvSpPr>
          <p:spPr>
            <a:xfrm>
              <a:off x="4519997" y="2867473"/>
              <a:ext cx="482754" cy="17827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3" name="矩形 22"/>
            <p:cNvSpPr/>
            <p:nvPr/>
          </p:nvSpPr>
          <p:spPr>
            <a:xfrm>
              <a:off x="5007657" y="2867473"/>
              <a:ext cx="482754" cy="178270"/>
            </a:xfrm>
            <a:prstGeom prst="rect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4" name="矩形 23"/>
            <p:cNvSpPr/>
            <p:nvPr/>
          </p:nvSpPr>
          <p:spPr>
            <a:xfrm>
              <a:off x="5494752" y="2867471"/>
              <a:ext cx="482754" cy="178270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25" name="矩形 24"/>
          <p:cNvSpPr/>
          <p:nvPr/>
        </p:nvSpPr>
        <p:spPr>
          <a:xfrm>
            <a:off x="6361651" y="2130249"/>
            <a:ext cx="569223" cy="82025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6939042" y="2130249"/>
            <a:ext cx="569223" cy="820250"/>
          </a:xfrm>
          <a:prstGeom prst="rect">
            <a:avLst/>
          </a:prstGeom>
          <a:solidFill>
            <a:srgbClr val="BFE2E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7514176" y="2130249"/>
            <a:ext cx="569223" cy="820250"/>
          </a:xfrm>
          <a:prstGeom prst="rect">
            <a:avLst/>
          </a:prstGeom>
          <a:solidFill>
            <a:srgbClr val="DCEFF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grpSp>
        <p:nvGrpSpPr>
          <p:cNvPr id="28" name="组合 27"/>
          <p:cNvGrpSpPr/>
          <p:nvPr/>
        </p:nvGrpSpPr>
        <p:grpSpPr>
          <a:xfrm>
            <a:off x="5729366" y="2130249"/>
            <a:ext cx="626373" cy="820250"/>
            <a:chOff x="4212507" y="1280016"/>
            <a:chExt cx="626373" cy="820250"/>
          </a:xfrm>
        </p:grpSpPr>
        <p:sp>
          <p:nvSpPr>
            <p:cNvPr id="29" name="矩形 28"/>
            <p:cNvSpPr/>
            <p:nvPr/>
          </p:nvSpPr>
          <p:spPr>
            <a:xfrm>
              <a:off x="4269657" y="1280016"/>
              <a:ext cx="569223" cy="820250"/>
            </a:xfrm>
            <a:prstGeom prst="rect">
              <a:avLst/>
            </a:prstGeom>
            <a:solidFill>
              <a:srgbClr val="00B0F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grpSp>
          <p:nvGrpSpPr>
            <p:cNvPr id="30" name="组合 29"/>
            <p:cNvGrpSpPr/>
            <p:nvPr/>
          </p:nvGrpSpPr>
          <p:grpSpPr>
            <a:xfrm>
              <a:off x="4212507" y="1284777"/>
              <a:ext cx="620683" cy="767022"/>
              <a:chOff x="6657075" y="2351178"/>
              <a:chExt cx="620683" cy="767022"/>
            </a:xfrm>
          </p:grpSpPr>
          <p:sp>
            <p:nvSpPr>
              <p:cNvPr id="31" name="TextBox 30"/>
              <p:cNvSpPr txBox="1"/>
              <p:nvPr/>
            </p:nvSpPr>
            <p:spPr>
              <a:xfrm>
                <a:off x="6665090" y="2351178"/>
                <a:ext cx="421910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1400" dirty="0">
                    <a:solidFill>
                      <a:schemeClr val="bg1"/>
                    </a:solidFill>
                  </a:rPr>
                  <a:t>R:0</a:t>
                </a:r>
                <a:endParaRPr lang="zh-CN" altLang="en-US" sz="1400" dirty="0">
                  <a:solidFill>
                    <a:schemeClr val="bg1"/>
                  </a:solidFill>
                </a:endParaRPr>
              </a:p>
            </p:txBody>
          </p:sp>
          <p:sp>
            <p:nvSpPr>
              <p:cNvPr id="32" name="TextBox 31"/>
              <p:cNvSpPr txBox="1"/>
              <p:nvPr/>
            </p:nvSpPr>
            <p:spPr>
              <a:xfrm>
                <a:off x="6657075" y="2580801"/>
                <a:ext cx="620683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1400" dirty="0">
                    <a:solidFill>
                      <a:schemeClr val="bg1"/>
                    </a:solidFill>
                  </a:rPr>
                  <a:t>G:176</a:t>
                </a:r>
                <a:endParaRPr lang="zh-CN" altLang="en-US" sz="1400" dirty="0">
                  <a:solidFill>
                    <a:schemeClr val="bg1"/>
                  </a:solidFill>
                </a:endParaRPr>
              </a:p>
            </p:txBody>
          </p:sp>
          <p:sp>
            <p:nvSpPr>
              <p:cNvPr id="33" name="TextBox 32"/>
              <p:cNvSpPr txBox="1"/>
              <p:nvPr/>
            </p:nvSpPr>
            <p:spPr>
              <a:xfrm>
                <a:off x="6665090" y="2810423"/>
                <a:ext cx="604653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1400" dirty="0">
                    <a:solidFill>
                      <a:schemeClr val="bg1"/>
                    </a:solidFill>
                  </a:rPr>
                  <a:t>B:240</a:t>
                </a:r>
                <a:endParaRPr lang="zh-CN" altLang="en-US" sz="1400" dirty="0">
                  <a:solidFill>
                    <a:schemeClr val="bg1"/>
                  </a:solidFill>
                </a:endParaRPr>
              </a:p>
            </p:txBody>
          </p:sp>
        </p:grpSp>
      </p:grpSp>
      <p:sp>
        <p:nvSpPr>
          <p:cNvPr id="34" name="矩形 33"/>
          <p:cNvSpPr/>
          <p:nvPr/>
        </p:nvSpPr>
        <p:spPr>
          <a:xfrm>
            <a:off x="8839645" y="2130249"/>
            <a:ext cx="569223" cy="820250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srgbClr val="FFDB69"/>
              </a:solidFill>
            </a:endParaRPr>
          </a:p>
        </p:txBody>
      </p:sp>
      <p:sp>
        <p:nvSpPr>
          <p:cNvPr id="35" name="矩形 34"/>
          <p:cNvSpPr/>
          <p:nvPr/>
        </p:nvSpPr>
        <p:spPr>
          <a:xfrm>
            <a:off x="9414654" y="2130249"/>
            <a:ext cx="569223" cy="82025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36" name="矩形 35"/>
          <p:cNvSpPr/>
          <p:nvPr/>
        </p:nvSpPr>
        <p:spPr>
          <a:xfrm>
            <a:off x="9988995" y="2130249"/>
            <a:ext cx="569223" cy="82025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7" name="组合 36"/>
          <p:cNvGrpSpPr/>
          <p:nvPr/>
        </p:nvGrpSpPr>
        <p:grpSpPr>
          <a:xfrm>
            <a:off x="8214503" y="2130249"/>
            <a:ext cx="634667" cy="820250"/>
            <a:chOff x="6690500" y="1280016"/>
            <a:chExt cx="634667" cy="820250"/>
          </a:xfrm>
        </p:grpSpPr>
        <p:sp>
          <p:nvSpPr>
            <p:cNvPr id="38" name="矩形 37"/>
            <p:cNvSpPr/>
            <p:nvPr/>
          </p:nvSpPr>
          <p:spPr>
            <a:xfrm>
              <a:off x="6741301" y="1280016"/>
              <a:ext cx="569223" cy="820250"/>
            </a:xfrm>
            <a:prstGeom prst="rect">
              <a:avLst/>
            </a:prstGeom>
            <a:solidFill>
              <a:schemeClr val="tx1">
                <a:lumMod val="85000"/>
                <a:lumOff val="1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grpSp>
          <p:nvGrpSpPr>
            <p:cNvPr id="39" name="组合 38"/>
            <p:cNvGrpSpPr/>
            <p:nvPr/>
          </p:nvGrpSpPr>
          <p:grpSpPr>
            <a:xfrm>
              <a:off x="6690500" y="1284777"/>
              <a:ext cx="634667" cy="767022"/>
              <a:chOff x="6657074" y="2351178"/>
              <a:chExt cx="634667" cy="767022"/>
            </a:xfrm>
          </p:grpSpPr>
          <p:sp>
            <p:nvSpPr>
              <p:cNvPr id="40" name="TextBox 39"/>
              <p:cNvSpPr txBox="1"/>
              <p:nvPr/>
            </p:nvSpPr>
            <p:spPr>
              <a:xfrm>
                <a:off x="6665089" y="2351178"/>
                <a:ext cx="604653" cy="3077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altLang="zh-CN" sz="1400" dirty="0">
                    <a:solidFill>
                      <a:schemeClr val="bg1"/>
                    </a:solidFill>
                  </a:rPr>
                  <a:t>R:38</a:t>
                </a:r>
                <a:endParaRPr lang="zh-CN" altLang="en-US" sz="1400" dirty="0">
                  <a:solidFill>
                    <a:schemeClr val="bg1"/>
                  </a:solidFill>
                </a:endParaRPr>
              </a:p>
            </p:txBody>
          </p:sp>
          <p:sp>
            <p:nvSpPr>
              <p:cNvPr id="41" name="TextBox 40"/>
              <p:cNvSpPr txBox="1"/>
              <p:nvPr/>
            </p:nvSpPr>
            <p:spPr>
              <a:xfrm>
                <a:off x="6657074" y="2580801"/>
                <a:ext cx="634667" cy="30777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altLang="zh-CN" sz="1400" dirty="0">
                    <a:solidFill>
                      <a:schemeClr val="bg1"/>
                    </a:solidFill>
                  </a:rPr>
                  <a:t>G:38</a:t>
                </a:r>
                <a:endParaRPr lang="zh-CN" altLang="en-US" sz="1400" dirty="0">
                  <a:solidFill>
                    <a:schemeClr val="bg1"/>
                  </a:solidFill>
                </a:endParaRPr>
              </a:p>
            </p:txBody>
          </p:sp>
          <p:sp>
            <p:nvSpPr>
              <p:cNvPr id="42" name="TextBox 41"/>
              <p:cNvSpPr txBox="1"/>
              <p:nvPr/>
            </p:nvSpPr>
            <p:spPr>
              <a:xfrm>
                <a:off x="6665090" y="2810423"/>
                <a:ext cx="513282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1400" dirty="0">
                    <a:solidFill>
                      <a:schemeClr val="bg1"/>
                    </a:solidFill>
                  </a:rPr>
                  <a:t>B:38</a:t>
                </a:r>
                <a:endParaRPr lang="zh-CN" altLang="en-US" sz="1400" dirty="0">
                  <a:solidFill>
                    <a:schemeClr val="bg1"/>
                  </a:solidFill>
                </a:endParaRPr>
              </a:p>
            </p:txBody>
          </p:sp>
        </p:grpSp>
      </p:grpSp>
      <p:sp>
        <p:nvSpPr>
          <p:cNvPr id="43" name="矩形 42"/>
          <p:cNvSpPr>
            <a:spLocks noChangeArrowheads="1"/>
          </p:cNvSpPr>
          <p:nvPr/>
        </p:nvSpPr>
        <p:spPr bwMode="auto">
          <a:xfrm>
            <a:off x="5526812" y="3652866"/>
            <a:ext cx="5113168" cy="16312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Arial" charset="0"/>
              </a:rPr>
              <a:t>RAPIDPPT, the leader of professional PPT designer in China. 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Arial" charset="0"/>
              </a:rPr>
              <a:t>5years of making professional PPT,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Arial" charset="0"/>
              </a:rPr>
              <a:t> Classical PPT, 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Arial" charset="0"/>
              </a:rPr>
              <a:t>Make sure you will be sy'n ed. ...... RAPIDPPT 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Arial" charset="0"/>
              </a:rPr>
              <a:t>The sys from the the old production model, and create a new PPT experience.</a:t>
            </a:r>
          </a:p>
        </p:txBody>
      </p:sp>
      <p:sp>
        <p:nvSpPr>
          <p:cNvPr id="44" name="TextBox 43"/>
          <p:cNvSpPr txBox="1"/>
          <p:nvPr/>
        </p:nvSpPr>
        <p:spPr>
          <a:xfrm>
            <a:off x="4872303" y="2848448"/>
            <a:ext cx="700833" cy="26468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6600" dirty="0">
                <a:solidFill>
                  <a:schemeClr val="bg1">
                    <a:lumMod val="50000"/>
                  </a:schemeClr>
                </a:solidFill>
                <a:latin typeface="Adobe 明體 Std L" pitchFamily="18" charset="-128"/>
                <a:ea typeface="Adobe 明體 Std L" pitchFamily="18" charset="-128"/>
              </a:rPr>
              <a:t>}</a:t>
            </a:r>
            <a:endParaRPr lang="zh-CN" altLang="en-US" sz="16600" dirty="0">
              <a:solidFill>
                <a:schemeClr val="bg1">
                  <a:lumMod val="50000"/>
                </a:schemeClr>
              </a:solidFill>
              <a:latin typeface="Adobe 明體 Std L" pitchFamily="18" charset="-128"/>
              <a:ea typeface="Adobe 明體 Std L" pitchFamily="18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矩形 1"/>
          <p:cNvSpPr>
            <a:spLocks noChangeArrowheads="1"/>
          </p:cNvSpPr>
          <p:nvPr/>
        </p:nvSpPr>
        <p:spPr bwMode="auto">
          <a:xfrm>
            <a:off x="1919536" y="2638152"/>
            <a:ext cx="4583262" cy="13747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 algn="r">
              <a:lnSpc>
                <a:spcPts val="2000"/>
              </a:lnSpc>
            </a:pPr>
            <a:r>
              <a:rPr lang="en-US" altLang="zh-CN" sz="1200" dirty="0">
                <a:latin typeface="Arial" charset="0"/>
              </a:rPr>
              <a:t>RAPIDPPT, the leader of professional PPT designer in China. </a:t>
            </a:r>
          </a:p>
          <a:p>
            <a:pPr algn="r">
              <a:lnSpc>
                <a:spcPts val="2000"/>
              </a:lnSpc>
            </a:pPr>
            <a:r>
              <a:rPr lang="en-US" altLang="zh-CN" sz="1200" dirty="0">
                <a:latin typeface="Arial" charset="0"/>
              </a:rPr>
              <a:t>5years of making professional PPT,</a:t>
            </a:r>
          </a:p>
          <a:p>
            <a:pPr algn="r">
              <a:lnSpc>
                <a:spcPts val="2000"/>
              </a:lnSpc>
            </a:pPr>
            <a:r>
              <a:rPr lang="en-US" altLang="zh-CN" sz="1200" dirty="0">
                <a:latin typeface="Arial" charset="0"/>
              </a:rPr>
              <a:t> Classical PPT, </a:t>
            </a:r>
          </a:p>
          <a:p>
            <a:pPr algn="r">
              <a:lnSpc>
                <a:spcPts val="2000"/>
              </a:lnSpc>
            </a:pPr>
            <a:r>
              <a:rPr lang="en-US" altLang="zh-CN" sz="1200" dirty="0">
                <a:latin typeface="Arial" charset="0"/>
              </a:rPr>
              <a:t>the swof s from the the old production model, and create a new PPTexperience.</a:t>
            </a:r>
          </a:p>
        </p:txBody>
      </p:sp>
      <p:grpSp>
        <p:nvGrpSpPr>
          <p:cNvPr id="3" name="组合 2"/>
          <p:cNvGrpSpPr/>
          <p:nvPr/>
        </p:nvGrpSpPr>
        <p:grpSpPr>
          <a:xfrm>
            <a:off x="4273060" y="2185584"/>
            <a:ext cx="2236510" cy="387798"/>
            <a:chOff x="2749060" y="1527858"/>
            <a:chExt cx="2236510" cy="387798"/>
          </a:xfrm>
        </p:grpSpPr>
        <p:sp>
          <p:nvSpPr>
            <p:cNvPr id="4" name="矩形 3"/>
            <p:cNvSpPr/>
            <p:nvPr/>
          </p:nvSpPr>
          <p:spPr>
            <a:xfrm>
              <a:off x="2749060" y="1540361"/>
              <a:ext cx="2229738" cy="362792"/>
            </a:xfrm>
            <a:prstGeom prst="rect">
              <a:avLst/>
            </a:prstGeom>
            <a:solidFill>
              <a:srgbClr val="557773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" name="矩形 4"/>
            <p:cNvSpPr/>
            <p:nvPr/>
          </p:nvSpPr>
          <p:spPr>
            <a:xfrm>
              <a:off x="2749060" y="1527858"/>
              <a:ext cx="2236510" cy="38779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  <p:grpSp>
        <p:nvGrpSpPr>
          <p:cNvPr id="6" name="组合 5"/>
          <p:cNvGrpSpPr/>
          <p:nvPr/>
        </p:nvGrpSpPr>
        <p:grpSpPr>
          <a:xfrm>
            <a:off x="7084692" y="2062239"/>
            <a:ext cx="2812790" cy="2729076"/>
            <a:chOff x="5761108" y="1442091"/>
            <a:chExt cx="2812790" cy="2729076"/>
          </a:xfrm>
        </p:grpSpPr>
        <p:sp>
          <p:nvSpPr>
            <p:cNvPr id="7" name="矩形标注 6"/>
            <p:cNvSpPr/>
            <p:nvPr/>
          </p:nvSpPr>
          <p:spPr>
            <a:xfrm>
              <a:off x="5761108" y="1442091"/>
              <a:ext cx="2812790" cy="2729076"/>
            </a:xfrm>
            <a:prstGeom prst="wedgeRectCallout">
              <a:avLst>
                <a:gd name="adj1" fmla="val -63887"/>
                <a:gd name="adj2" fmla="val -40337"/>
              </a:avLst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sp>
          <p:nvSpPr>
            <p:cNvPr id="8" name="矩形 7"/>
            <p:cNvSpPr/>
            <p:nvPr/>
          </p:nvSpPr>
          <p:spPr>
            <a:xfrm>
              <a:off x="5940031" y="1686074"/>
              <a:ext cx="2441202" cy="1883844"/>
            </a:xfrm>
            <a:prstGeom prst="rect">
              <a:avLst/>
            </a:prstGeom>
            <a:blipFill>
              <a:blip r:embed="rId2" cstate="screen">
                <a:extLst>
                  <a:ext uri="{BEBA8EAE-BF5A-486C-A8C5-ECC9F3942E4B}">
                    <a14:imgProps xmlns:a14="http://schemas.microsoft.com/office/drawing/2010/main">
                      <a14:imgLayer r:embed="rId3">
                        <a14:imgEffect>
                          <a14:saturation sat="0"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/>
                  </a:ext>
                </a:extLst>
              </a:blip>
              <a:stretch>
                <a:fillRect/>
              </a:stretch>
            </a:blip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6609897" y="3683764"/>
              <a:ext cx="902811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MStiffHeiHK-UltraBold" pitchFamily="50" charset="-120"/>
                  <a:ea typeface="MStiffHeiHK-UltraBold" pitchFamily="50" charset="-120"/>
                </a:rPr>
                <a:t>Picture</a:t>
              </a:r>
              <a:endPara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MStiffHeiHK-UltraBold" pitchFamily="50" charset="-120"/>
                <a:ea typeface="MStiffHeiHK-UltraBold" pitchFamily="50" charset="-12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2" presetClass="entr" presetSubtype="2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1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8" presetClass="entr" presetSubtype="12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Left)">
                                      <p:cBhvr>
                                        <p:cTn id="14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513386" y="2136861"/>
            <a:ext cx="2995613" cy="2994025"/>
            <a:chOff x="3073400" y="1252538"/>
            <a:chExt cx="2995613" cy="2994025"/>
          </a:xfrm>
        </p:grpSpPr>
        <p:sp>
          <p:nvSpPr>
            <p:cNvPr id="3" name="Oval 6"/>
            <p:cNvSpPr>
              <a:spLocks noChangeArrowheads="1"/>
            </p:cNvSpPr>
            <p:nvPr/>
          </p:nvSpPr>
          <p:spPr bwMode="auto">
            <a:xfrm>
              <a:off x="3073400" y="1252538"/>
              <a:ext cx="2995613" cy="2994025"/>
            </a:xfrm>
            <a:prstGeom prst="ellipse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sp>
          <p:nvSpPr>
            <p:cNvPr id="4" name="Freeform 15"/>
            <p:cNvSpPr>
              <a:spLocks/>
            </p:cNvSpPr>
            <p:nvPr/>
          </p:nvSpPr>
          <p:spPr bwMode="auto">
            <a:xfrm>
              <a:off x="4324350" y="1414463"/>
              <a:ext cx="100013" cy="149225"/>
            </a:xfrm>
            <a:custGeom>
              <a:avLst/>
              <a:gdLst>
                <a:gd name="T0" fmla="*/ 16 w 16"/>
                <a:gd name="T1" fmla="*/ 24 h 24"/>
                <a:gd name="T2" fmla="*/ 0 w 16"/>
                <a:gd name="T3" fmla="*/ 24 h 24"/>
                <a:gd name="T4" fmla="*/ 1 w 16"/>
                <a:gd name="T5" fmla="*/ 20 h 24"/>
                <a:gd name="T6" fmla="*/ 3 w 16"/>
                <a:gd name="T7" fmla="*/ 18 h 24"/>
                <a:gd name="T8" fmla="*/ 6 w 16"/>
                <a:gd name="T9" fmla="*/ 15 h 24"/>
                <a:gd name="T10" fmla="*/ 9 w 16"/>
                <a:gd name="T11" fmla="*/ 13 h 24"/>
                <a:gd name="T12" fmla="*/ 11 w 16"/>
                <a:gd name="T13" fmla="*/ 11 h 24"/>
                <a:gd name="T14" fmla="*/ 12 w 16"/>
                <a:gd name="T15" fmla="*/ 7 h 24"/>
                <a:gd name="T16" fmla="*/ 11 w 16"/>
                <a:gd name="T17" fmla="*/ 4 h 24"/>
                <a:gd name="T18" fmla="*/ 8 w 16"/>
                <a:gd name="T19" fmla="*/ 3 h 24"/>
                <a:gd name="T20" fmla="*/ 5 w 16"/>
                <a:gd name="T21" fmla="*/ 4 h 24"/>
                <a:gd name="T22" fmla="*/ 4 w 16"/>
                <a:gd name="T23" fmla="*/ 7 h 24"/>
                <a:gd name="T24" fmla="*/ 1 w 16"/>
                <a:gd name="T25" fmla="*/ 7 h 24"/>
                <a:gd name="T26" fmla="*/ 1 w 16"/>
                <a:gd name="T27" fmla="*/ 4 h 24"/>
                <a:gd name="T28" fmla="*/ 3 w 16"/>
                <a:gd name="T29" fmla="*/ 2 h 24"/>
                <a:gd name="T30" fmla="*/ 5 w 16"/>
                <a:gd name="T31" fmla="*/ 1 h 24"/>
                <a:gd name="T32" fmla="*/ 8 w 16"/>
                <a:gd name="T33" fmla="*/ 0 h 24"/>
                <a:gd name="T34" fmla="*/ 11 w 16"/>
                <a:gd name="T35" fmla="*/ 1 h 24"/>
                <a:gd name="T36" fmla="*/ 14 w 16"/>
                <a:gd name="T37" fmla="*/ 2 h 24"/>
                <a:gd name="T38" fmla="*/ 15 w 16"/>
                <a:gd name="T39" fmla="*/ 4 h 24"/>
                <a:gd name="T40" fmla="*/ 16 w 16"/>
                <a:gd name="T41" fmla="*/ 7 h 24"/>
                <a:gd name="T42" fmla="*/ 15 w 16"/>
                <a:gd name="T43" fmla="*/ 9 h 24"/>
                <a:gd name="T44" fmla="*/ 14 w 16"/>
                <a:gd name="T45" fmla="*/ 11 h 24"/>
                <a:gd name="T46" fmla="*/ 12 w 16"/>
                <a:gd name="T47" fmla="*/ 14 h 24"/>
                <a:gd name="T48" fmla="*/ 8 w 16"/>
                <a:gd name="T49" fmla="*/ 17 h 24"/>
                <a:gd name="T50" fmla="*/ 4 w 16"/>
                <a:gd name="T51" fmla="*/ 21 h 24"/>
                <a:gd name="T52" fmla="*/ 16 w 16"/>
                <a:gd name="T53" fmla="*/ 21 h 24"/>
                <a:gd name="T54" fmla="*/ 16 w 16"/>
                <a:gd name="T55" fmla="*/ 24 h 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16" h="24">
                  <a:moveTo>
                    <a:pt x="16" y="24"/>
                  </a:moveTo>
                  <a:cubicBezTo>
                    <a:pt x="0" y="24"/>
                    <a:pt x="0" y="24"/>
                    <a:pt x="0" y="24"/>
                  </a:cubicBezTo>
                  <a:cubicBezTo>
                    <a:pt x="0" y="23"/>
                    <a:pt x="0" y="21"/>
                    <a:pt x="1" y="20"/>
                  </a:cubicBezTo>
                  <a:cubicBezTo>
                    <a:pt x="2" y="19"/>
                    <a:pt x="2" y="19"/>
                    <a:pt x="3" y="18"/>
                  </a:cubicBezTo>
                  <a:cubicBezTo>
                    <a:pt x="4" y="17"/>
                    <a:pt x="5" y="16"/>
                    <a:pt x="6" y="15"/>
                  </a:cubicBezTo>
                  <a:cubicBezTo>
                    <a:pt x="7" y="14"/>
                    <a:pt x="8" y="13"/>
                    <a:pt x="9" y="13"/>
                  </a:cubicBezTo>
                  <a:cubicBezTo>
                    <a:pt x="10" y="12"/>
                    <a:pt x="11" y="11"/>
                    <a:pt x="11" y="11"/>
                  </a:cubicBezTo>
                  <a:cubicBezTo>
                    <a:pt x="12" y="9"/>
                    <a:pt x="12" y="8"/>
                    <a:pt x="12" y="7"/>
                  </a:cubicBezTo>
                  <a:cubicBezTo>
                    <a:pt x="12" y="5"/>
                    <a:pt x="12" y="4"/>
                    <a:pt x="11" y="4"/>
                  </a:cubicBezTo>
                  <a:cubicBezTo>
                    <a:pt x="11" y="3"/>
                    <a:pt x="10" y="3"/>
                    <a:pt x="8" y="3"/>
                  </a:cubicBezTo>
                  <a:cubicBezTo>
                    <a:pt x="7" y="3"/>
                    <a:pt x="6" y="3"/>
                    <a:pt x="5" y="4"/>
                  </a:cubicBezTo>
                  <a:cubicBezTo>
                    <a:pt x="4" y="4"/>
                    <a:pt x="4" y="6"/>
                    <a:pt x="4" y="7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1" y="6"/>
                    <a:pt x="1" y="5"/>
                    <a:pt x="1" y="4"/>
                  </a:cubicBezTo>
                  <a:cubicBezTo>
                    <a:pt x="2" y="3"/>
                    <a:pt x="2" y="3"/>
                    <a:pt x="3" y="2"/>
                  </a:cubicBezTo>
                  <a:cubicBezTo>
                    <a:pt x="4" y="1"/>
                    <a:pt x="4" y="1"/>
                    <a:pt x="5" y="1"/>
                  </a:cubicBezTo>
                  <a:cubicBezTo>
                    <a:pt x="6" y="0"/>
                    <a:pt x="7" y="0"/>
                    <a:pt x="8" y="0"/>
                  </a:cubicBezTo>
                  <a:cubicBezTo>
                    <a:pt x="9" y="0"/>
                    <a:pt x="10" y="0"/>
                    <a:pt x="11" y="1"/>
                  </a:cubicBezTo>
                  <a:cubicBezTo>
                    <a:pt x="12" y="1"/>
                    <a:pt x="13" y="1"/>
                    <a:pt x="14" y="2"/>
                  </a:cubicBezTo>
                  <a:cubicBezTo>
                    <a:pt x="14" y="3"/>
                    <a:pt x="15" y="3"/>
                    <a:pt x="15" y="4"/>
                  </a:cubicBezTo>
                  <a:cubicBezTo>
                    <a:pt x="15" y="5"/>
                    <a:pt x="16" y="6"/>
                    <a:pt x="16" y="7"/>
                  </a:cubicBezTo>
                  <a:cubicBezTo>
                    <a:pt x="16" y="8"/>
                    <a:pt x="15" y="9"/>
                    <a:pt x="15" y="9"/>
                  </a:cubicBezTo>
                  <a:cubicBezTo>
                    <a:pt x="15" y="10"/>
                    <a:pt x="15" y="11"/>
                    <a:pt x="14" y="11"/>
                  </a:cubicBezTo>
                  <a:cubicBezTo>
                    <a:pt x="14" y="12"/>
                    <a:pt x="13" y="13"/>
                    <a:pt x="12" y="14"/>
                  </a:cubicBezTo>
                  <a:cubicBezTo>
                    <a:pt x="11" y="15"/>
                    <a:pt x="10" y="16"/>
                    <a:pt x="8" y="17"/>
                  </a:cubicBezTo>
                  <a:cubicBezTo>
                    <a:pt x="6" y="19"/>
                    <a:pt x="4" y="21"/>
                    <a:pt x="4" y="21"/>
                  </a:cubicBezTo>
                  <a:cubicBezTo>
                    <a:pt x="16" y="21"/>
                    <a:pt x="16" y="21"/>
                    <a:pt x="16" y="21"/>
                  </a:cubicBezTo>
                  <a:lnTo>
                    <a:pt x="16" y="24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" name="Freeform 16"/>
            <p:cNvSpPr>
              <a:spLocks noEditPoints="1"/>
            </p:cNvSpPr>
            <p:nvPr/>
          </p:nvSpPr>
          <p:spPr bwMode="auto">
            <a:xfrm>
              <a:off x="4443413" y="1414463"/>
              <a:ext cx="93663" cy="155575"/>
            </a:xfrm>
            <a:custGeom>
              <a:avLst/>
              <a:gdLst>
                <a:gd name="T0" fmla="*/ 15 w 15"/>
                <a:gd name="T1" fmla="*/ 12 h 25"/>
                <a:gd name="T2" fmla="*/ 7 w 15"/>
                <a:gd name="T3" fmla="*/ 25 h 25"/>
                <a:gd name="T4" fmla="*/ 4 w 15"/>
                <a:gd name="T5" fmla="*/ 24 h 25"/>
                <a:gd name="T6" fmla="*/ 2 w 15"/>
                <a:gd name="T7" fmla="*/ 23 h 25"/>
                <a:gd name="T8" fmla="*/ 1 w 15"/>
                <a:gd name="T9" fmla="*/ 21 h 25"/>
                <a:gd name="T10" fmla="*/ 0 w 15"/>
                <a:gd name="T11" fmla="*/ 19 h 25"/>
                <a:gd name="T12" fmla="*/ 3 w 15"/>
                <a:gd name="T13" fmla="*/ 19 h 25"/>
                <a:gd name="T14" fmla="*/ 7 w 15"/>
                <a:gd name="T15" fmla="*/ 22 h 25"/>
                <a:gd name="T16" fmla="*/ 11 w 15"/>
                <a:gd name="T17" fmla="*/ 20 h 25"/>
                <a:gd name="T18" fmla="*/ 12 w 15"/>
                <a:gd name="T19" fmla="*/ 13 h 25"/>
                <a:gd name="T20" fmla="*/ 7 w 15"/>
                <a:gd name="T21" fmla="*/ 16 h 25"/>
                <a:gd name="T22" fmla="*/ 4 w 15"/>
                <a:gd name="T23" fmla="*/ 15 h 25"/>
                <a:gd name="T24" fmla="*/ 2 w 15"/>
                <a:gd name="T25" fmla="*/ 14 h 25"/>
                <a:gd name="T26" fmla="*/ 0 w 15"/>
                <a:gd name="T27" fmla="*/ 11 h 25"/>
                <a:gd name="T28" fmla="*/ 0 w 15"/>
                <a:gd name="T29" fmla="*/ 8 h 25"/>
                <a:gd name="T30" fmla="*/ 0 w 15"/>
                <a:gd name="T31" fmla="*/ 5 h 25"/>
                <a:gd name="T32" fmla="*/ 2 w 15"/>
                <a:gd name="T33" fmla="*/ 3 h 25"/>
                <a:gd name="T34" fmla="*/ 4 w 15"/>
                <a:gd name="T35" fmla="*/ 1 h 25"/>
                <a:gd name="T36" fmla="*/ 7 w 15"/>
                <a:gd name="T37" fmla="*/ 0 h 25"/>
                <a:gd name="T38" fmla="*/ 13 w 15"/>
                <a:gd name="T39" fmla="*/ 3 h 25"/>
                <a:gd name="T40" fmla="*/ 15 w 15"/>
                <a:gd name="T41" fmla="*/ 12 h 25"/>
                <a:gd name="T42" fmla="*/ 12 w 15"/>
                <a:gd name="T43" fmla="*/ 11 h 25"/>
                <a:gd name="T44" fmla="*/ 11 w 15"/>
                <a:gd name="T45" fmla="*/ 5 h 25"/>
                <a:gd name="T46" fmla="*/ 7 w 15"/>
                <a:gd name="T47" fmla="*/ 3 h 25"/>
                <a:gd name="T48" fmla="*/ 5 w 15"/>
                <a:gd name="T49" fmla="*/ 3 h 25"/>
                <a:gd name="T50" fmla="*/ 4 w 15"/>
                <a:gd name="T51" fmla="*/ 4 h 25"/>
                <a:gd name="T52" fmla="*/ 3 w 15"/>
                <a:gd name="T53" fmla="*/ 6 h 25"/>
                <a:gd name="T54" fmla="*/ 3 w 15"/>
                <a:gd name="T55" fmla="*/ 8 h 25"/>
                <a:gd name="T56" fmla="*/ 3 w 15"/>
                <a:gd name="T57" fmla="*/ 10 h 25"/>
                <a:gd name="T58" fmla="*/ 4 w 15"/>
                <a:gd name="T59" fmla="*/ 12 h 25"/>
                <a:gd name="T60" fmla="*/ 5 w 15"/>
                <a:gd name="T61" fmla="*/ 13 h 25"/>
                <a:gd name="T62" fmla="*/ 7 w 15"/>
                <a:gd name="T63" fmla="*/ 13 h 25"/>
                <a:gd name="T64" fmla="*/ 12 w 15"/>
                <a:gd name="T65" fmla="*/ 11 h 2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</a:cxnLst>
              <a:rect l="0" t="0" r="r" b="b"/>
              <a:pathLst>
                <a:path w="15" h="25">
                  <a:moveTo>
                    <a:pt x="15" y="12"/>
                  </a:moveTo>
                  <a:cubicBezTo>
                    <a:pt x="15" y="20"/>
                    <a:pt x="12" y="25"/>
                    <a:pt x="7" y="25"/>
                  </a:cubicBezTo>
                  <a:cubicBezTo>
                    <a:pt x="6" y="25"/>
                    <a:pt x="5" y="24"/>
                    <a:pt x="4" y="24"/>
                  </a:cubicBezTo>
                  <a:cubicBezTo>
                    <a:pt x="4" y="24"/>
                    <a:pt x="3" y="24"/>
                    <a:pt x="2" y="23"/>
                  </a:cubicBezTo>
                  <a:cubicBezTo>
                    <a:pt x="2" y="23"/>
                    <a:pt x="1" y="22"/>
                    <a:pt x="1" y="21"/>
                  </a:cubicBezTo>
                  <a:cubicBezTo>
                    <a:pt x="1" y="21"/>
                    <a:pt x="0" y="20"/>
                    <a:pt x="0" y="19"/>
                  </a:cubicBezTo>
                  <a:cubicBezTo>
                    <a:pt x="3" y="19"/>
                    <a:pt x="3" y="19"/>
                    <a:pt x="3" y="19"/>
                  </a:cubicBezTo>
                  <a:cubicBezTo>
                    <a:pt x="4" y="21"/>
                    <a:pt x="5" y="22"/>
                    <a:pt x="7" y="22"/>
                  </a:cubicBezTo>
                  <a:cubicBezTo>
                    <a:pt x="9" y="22"/>
                    <a:pt x="10" y="21"/>
                    <a:pt x="11" y="20"/>
                  </a:cubicBezTo>
                  <a:cubicBezTo>
                    <a:pt x="11" y="18"/>
                    <a:pt x="12" y="16"/>
                    <a:pt x="12" y="13"/>
                  </a:cubicBezTo>
                  <a:cubicBezTo>
                    <a:pt x="11" y="15"/>
                    <a:pt x="9" y="16"/>
                    <a:pt x="7" y="16"/>
                  </a:cubicBezTo>
                  <a:cubicBezTo>
                    <a:pt x="6" y="16"/>
                    <a:pt x="5" y="16"/>
                    <a:pt x="4" y="15"/>
                  </a:cubicBezTo>
                  <a:cubicBezTo>
                    <a:pt x="3" y="15"/>
                    <a:pt x="2" y="14"/>
                    <a:pt x="2" y="14"/>
                  </a:cubicBezTo>
                  <a:cubicBezTo>
                    <a:pt x="1" y="13"/>
                    <a:pt x="1" y="12"/>
                    <a:pt x="0" y="11"/>
                  </a:cubicBezTo>
                  <a:cubicBezTo>
                    <a:pt x="0" y="10"/>
                    <a:pt x="0" y="9"/>
                    <a:pt x="0" y="8"/>
                  </a:cubicBezTo>
                  <a:cubicBezTo>
                    <a:pt x="0" y="7"/>
                    <a:pt x="0" y="6"/>
                    <a:pt x="0" y="5"/>
                  </a:cubicBezTo>
                  <a:cubicBezTo>
                    <a:pt x="1" y="4"/>
                    <a:pt x="1" y="3"/>
                    <a:pt x="2" y="3"/>
                  </a:cubicBezTo>
                  <a:cubicBezTo>
                    <a:pt x="2" y="2"/>
                    <a:pt x="3" y="1"/>
                    <a:pt x="4" y="1"/>
                  </a:cubicBezTo>
                  <a:cubicBezTo>
                    <a:pt x="5" y="0"/>
                    <a:pt x="6" y="0"/>
                    <a:pt x="7" y="0"/>
                  </a:cubicBezTo>
                  <a:cubicBezTo>
                    <a:pt x="10" y="0"/>
                    <a:pt x="12" y="1"/>
                    <a:pt x="13" y="3"/>
                  </a:cubicBezTo>
                  <a:cubicBezTo>
                    <a:pt x="15" y="5"/>
                    <a:pt x="15" y="8"/>
                    <a:pt x="15" y="12"/>
                  </a:cubicBezTo>
                  <a:moveTo>
                    <a:pt x="12" y="11"/>
                  </a:moveTo>
                  <a:cubicBezTo>
                    <a:pt x="12" y="8"/>
                    <a:pt x="12" y="6"/>
                    <a:pt x="11" y="5"/>
                  </a:cubicBezTo>
                  <a:cubicBezTo>
                    <a:pt x="10" y="3"/>
                    <a:pt x="9" y="3"/>
                    <a:pt x="7" y="3"/>
                  </a:cubicBezTo>
                  <a:cubicBezTo>
                    <a:pt x="7" y="3"/>
                    <a:pt x="6" y="3"/>
                    <a:pt x="5" y="3"/>
                  </a:cubicBezTo>
                  <a:cubicBezTo>
                    <a:pt x="5" y="3"/>
                    <a:pt x="4" y="4"/>
                    <a:pt x="4" y="4"/>
                  </a:cubicBezTo>
                  <a:cubicBezTo>
                    <a:pt x="4" y="5"/>
                    <a:pt x="3" y="5"/>
                    <a:pt x="3" y="6"/>
                  </a:cubicBezTo>
                  <a:cubicBezTo>
                    <a:pt x="3" y="7"/>
                    <a:pt x="3" y="7"/>
                    <a:pt x="3" y="8"/>
                  </a:cubicBezTo>
                  <a:cubicBezTo>
                    <a:pt x="3" y="9"/>
                    <a:pt x="3" y="10"/>
                    <a:pt x="3" y="10"/>
                  </a:cubicBezTo>
                  <a:cubicBezTo>
                    <a:pt x="3" y="11"/>
                    <a:pt x="4" y="11"/>
                    <a:pt x="4" y="12"/>
                  </a:cubicBezTo>
                  <a:cubicBezTo>
                    <a:pt x="4" y="12"/>
                    <a:pt x="5" y="13"/>
                    <a:pt x="5" y="13"/>
                  </a:cubicBezTo>
                  <a:cubicBezTo>
                    <a:pt x="6" y="13"/>
                    <a:pt x="7" y="13"/>
                    <a:pt x="7" y="13"/>
                  </a:cubicBezTo>
                  <a:cubicBezTo>
                    <a:pt x="9" y="13"/>
                    <a:pt x="11" y="13"/>
                    <a:pt x="12" y="11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" name="Freeform 17"/>
            <p:cNvSpPr>
              <a:spLocks noEditPoints="1"/>
            </p:cNvSpPr>
            <p:nvPr/>
          </p:nvSpPr>
          <p:spPr bwMode="auto">
            <a:xfrm>
              <a:off x="4562475" y="1414463"/>
              <a:ext cx="155575" cy="155575"/>
            </a:xfrm>
            <a:custGeom>
              <a:avLst/>
              <a:gdLst>
                <a:gd name="T0" fmla="*/ 11 w 25"/>
                <a:gd name="T1" fmla="*/ 6 h 25"/>
                <a:gd name="T2" fmla="*/ 10 w 25"/>
                <a:gd name="T3" fmla="*/ 9 h 25"/>
                <a:gd name="T4" fmla="*/ 9 w 25"/>
                <a:gd name="T5" fmla="*/ 11 h 25"/>
                <a:gd name="T6" fmla="*/ 7 w 25"/>
                <a:gd name="T7" fmla="*/ 12 h 25"/>
                <a:gd name="T8" fmla="*/ 5 w 25"/>
                <a:gd name="T9" fmla="*/ 13 h 25"/>
                <a:gd name="T10" fmla="*/ 3 w 25"/>
                <a:gd name="T11" fmla="*/ 12 h 25"/>
                <a:gd name="T12" fmla="*/ 1 w 25"/>
                <a:gd name="T13" fmla="*/ 11 h 25"/>
                <a:gd name="T14" fmla="*/ 0 w 25"/>
                <a:gd name="T15" fmla="*/ 9 h 25"/>
                <a:gd name="T16" fmla="*/ 0 w 25"/>
                <a:gd name="T17" fmla="*/ 6 h 25"/>
                <a:gd name="T18" fmla="*/ 0 w 25"/>
                <a:gd name="T19" fmla="*/ 4 h 25"/>
                <a:gd name="T20" fmla="*/ 1 w 25"/>
                <a:gd name="T21" fmla="*/ 2 h 25"/>
                <a:gd name="T22" fmla="*/ 3 w 25"/>
                <a:gd name="T23" fmla="*/ 1 h 25"/>
                <a:gd name="T24" fmla="*/ 5 w 25"/>
                <a:gd name="T25" fmla="*/ 0 h 25"/>
                <a:gd name="T26" fmla="*/ 7 w 25"/>
                <a:gd name="T27" fmla="*/ 1 h 25"/>
                <a:gd name="T28" fmla="*/ 9 w 25"/>
                <a:gd name="T29" fmla="*/ 2 h 25"/>
                <a:gd name="T30" fmla="*/ 10 w 25"/>
                <a:gd name="T31" fmla="*/ 4 h 25"/>
                <a:gd name="T32" fmla="*/ 11 w 25"/>
                <a:gd name="T33" fmla="*/ 6 h 25"/>
                <a:gd name="T34" fmla="*/ 8 w 25"/>
                <a:gd name="T35" fmla="*/ 6 h 25"/>
                <a:gd name="T36" fmla="*/ 5 w 25"/>
                <a:gd name="T37" fmla="*/ 2 h 25"/>
                <a:gd name="T38" fmla="*/ 2 w 25"/>
                <a:gd name="T39" fmla="*/ 6 h 25"/>
                <a:gd name="T40" fmla="*/ 5 w 25"/>
                <a:gd name="T41" fmla="*/ 11 h 25"/>
                <a:gd name="T42" fmla="*/ 8 w 25"/>
                <a:gd name="T43" fmla="*/ 6 h 25"/>
                <a:gd name="T44" fmla="*/ 20 w 25"/>
                <a:gd name="T45" fmla="*/ 1 h 25"/>
                <a:gd name="T46" fmla="*/ 7 w 25"/>
                <a:gd name="T47" fmla="*/ 24 h 25"/>
                <a:gd name="T48" fmla="*/ 5 w 25"/>
                <a:gd name="T49" fmla="*/ 24 h 25"/>
                <a:gd name="T50" fmla="*/ 18 w 25"/>
                <a:gd name="T51" fmla="*/ 1 h 25"/>
                <a:gd name="T52" fmla="*/ 20 w 25"/>
                <a:gd name="T53" fmla="*/ 1 h 25"/>
                <a:gd name="T54" fmla="*/ 25 w 25"/>
                <a:gd name="T55" fmla="*/ 18 h 25"/>
                <a:gd name="T56" fmla="*/ 25 w 25"/>
                <a:gd name="T57" fmla="*/ 21 h 25"/>
                <a:gd name="T58" fmla="*/ 24 w 25"/>
                <a:gd name="T59" fmla="*/ 23 h 25"/>
                <a:gd name="T60" fmla="*/ 22 w 25"/>
                <a:gd name="T61" fmla="*/ 24 h 25"/>
                <a:gd name="T62" fmla="*/ 20 w 25"/>
                <a:gd name="T63" fmla="*/ 25 h 25"/>
                <a:gd name="T64" fmla="*/ 17 w 25"/>
                <a:gd name="T65" fmla="*/ 24 h 25"/>
                <a:gd name="T66" fmla="*/ 16 w 25"/>
                <a:gd name="T67" fmla="*/ 23 h 25"/>
                <a:gd name="T68" fmla="*/ 15 w 25"/>
                <a:gd name="T69" fmla="*/ 21 h 25"/>
                <a:gd name="T70" fmla="*/ 14 w 25"/>
                <a:gd name="T71" fmla="*/ 18 h 25"/>
                <a:gd name="T72" fmla="*/ 15 w 25"/>
                <a:gd name="T73" fmla="*/ 16 h 25"/>
                <a:gd name="T74" fmla="*/ 16 w 25"/>
                <a:gd name="T75" fmla="*/ 14 h 25"/>
                <a:gd name="T76" fmla="*/ 17 w 25"/>
                <a:gd name="T77" fmla="*/ 12 h 25"/>
                <a:gd name="T78" fmla="*/ 20 w 25"/>
                <a:gd name="T79" fmla="*/ 12 h 25"/>
                <a:gd name="T80" fmla="*/ 22 w 25"/>
                <a:gd name="T81" fmla="*/ 12 h 25"/>
                <a:gd name="T82" fmla="*/ 24 w 25"/>
                <a:gd name="T83" fmla="*/ 14 h 25"/>
                <a:gd name="T84" fmla="*/ 25 w 25"/>
                <a:gd name="T85" fmla="*/ 16 h 25"/>
                <a:gd name="T86" fmla="*/ 25 w 25"/>
                <a:gd name="T87" fmla="*/ 18 h 25"/>
                <a:gd name="T88" fmla="*/ 22 w 25"/>
                <a:gd name="T89" fmla="*/ 18 h 25"/>
                <a:gd name="T90" fmla="*/ 20 w 25"/>
                <a:gd name="T91" fmla="*/ 14 h 25"/>
                <a:gd name="T92" fmla="*/ 17 w 25"/>
                <a:gd name="T93" fmla="*/ 18 h 25"/>
                <a:gd name="T94" fmla="*/ 20 w 25"/>
                <a:gd name="T95" fmla="*/ 23 h 25"/>
                <a:gd name="T96" fmla="*/ 22 w 25"/>
                <a:gd name="T97" fmla="*/ 18 h 2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</a:cxnLst>
              <a:rect l="0" t="0" r="r" b="b"/>
              <a:pathLst>
                <a:path w="25" h="25">
                  <a:moveTo>
                    <a:pt x="11" y="6"/>
                  </a:moveTo>
                  <a:cubicBezTo>
                    <a:pt x="11" y="7"/>
                    <a:pt x="10" y="8"/>
                    <a:pt x="10" y="9"/>
                  </a:cubicBezTo>
                  <a:cubicBezTo>
                    <a:pt x="10" y="10"/>
                    <a:pt x="10" y="11"/>
                    <a:pt x="9" y="11"/>
                  </a:cubicBezTo>
                  <a:cubicBezTo>
                    <a:pt x="9" y="12"/>
                    <a:pt x="8" y="12"/>
                    <a:pt x="7" y="12"/>
                  </a:cubicBezTo>
                  <a:cubicBezTo>
                    <a:pt x="7" y="13"/>
                    <a:pt x="6" y="13"/>
                    <a:pt x="5" y="13"/>
                  </a:cubicBezTo>
                  <a:cubicBezTo>
                    <a:pt x="4" y="13"/>
                    <a:pt x="4" y="13"/>
                    <a:pt x="3" y="12"/>
                  </a:cubicBezTo>
                  <a:cubicBezTo>
                    <a:pt x="2" y="12"/>
                    <a:pt x="2" y="12"/>
                    <a:pt x="1" y="11"/>
                  </a:cubicBezTo>
                  <a:cubicBezTo>
                    <a:pt x="1" y="10"/>
                    <a:pt x="0" y="10"/>
                    <a:pt x="0" y="9"/>
                  </a:cubicBezTo>
                  <a:cubicBezTo>
                    <a:pt x="0" y="8"/>
                    <a:pt x="0" y="7"/>
                    <a:pt x="0" y="6"/>
                  </a:cubicBezTo>
                  <a:cubicBezTo>
                    <a:pt x="0" y="5"/>
                    <a:pt x="0" y="5"/>
                    <a:pt x="0" y="4"/>
                  </a:cubicBezTo>
                  <a:cubicBezTo>
                    <a:pt x="0" y="3"/>
                    <a:pt x="1" y="2"/>
                    <a:pt x="1" y="2"/>
                  </a:cubicBezTo>
                  <a:cubicBezTo>
                    <a:pt x="2" y="1"/>
                    <a:pt x="2" y="1"/>
                    <a:pt x="3" y="1"/>
                  </a:cubicBezTo>
                  <a:cubicBezTo>
                    <a:pt x="4" y="0"/>
                    <a:pt x="4" y="0"/>
                    <a:pt x="5" y="0"/>
                  </a:cubicBezTo>
                  <a:cubicBezTo>
                    <a:pt x="6" y="0"/>
                    <a:pt x="7" y="0"/>
                    <a:pt x="7" y="1"/>
                  </a:cubicBezTo>
                  <a:cubicBezTo>
                    <a:pt x="8" y="1"/>
                    <a:pt x="9" y="1"/>
                    <a:pt x="9" y="2"/>
                  </a:cubicBezTo>
                  <a:cubicBezTo>
                    <a:pt x="10" y="2"/>
                    <a:pt x="10" y="3"/>
                    <a:pt x="10" y="4"/>
                  </a:cubicBezTo>
                  <a:cubicBezTo>
                    <a:pt x="10" y="5"/>
                    <a:pt x="11" y="5"/>
                    <a:pt x="11" y="6"/>
                  </a:cubicBezTo>
                  <a:moveTo>
                    <a:pt x="8" y="6"/>
                  </a:moveTo>
                  <a:cubicBezTo>
                    <a:pt x="8" y="4"/>
                    <a:pt x="7" y="2"/>
                    <a:pt x="5" y="2"/>
                  </a:cubicBezTo>
                  <a:cubicBezTo>
                    <a:pt x="3" y="2"/>
                    <a:pt x="2" y="4"/>
                    <a:pt x="2" y="6"/>
                  </a:cubicBezTo>
                  <a:cubicBezTo>
                    <a:pt x="2" y="9"/>
                    <a:pt x="3" y="11"/>
                    <a:pt x="5" y="11"/>
                  </a:cubicBezTo>
                  <a:cubicBezTo>
                    <a:pt x="7" y="11"/>
                    <a:pt x="8" y="9"/>
                    <a:pt x="8" y="6"/>
                  </a:cubicBezTo>
                  <a:moveTo>
                    <a:pt x="20" y="1"/>
                  </a:moveTo>
                  <a:cubicBezTo>
                    <a:pt x="7" y="24"/>
                    <a:pt x="7" y="24"/>
                    <a:pt x="7" y="24"/>
                  </a:cubicBezTo>
                  <a:cubicBezTo>
                    <a:pt x="5" y="24"/>
                    <a:pt x="5" y="24"/>
                    <a:pt x="5" y="24"/>
                  </a:cubicBezTo>
                  <a:cubicBezTo>
                    <a:pt x="18" y="1"/>
                    <a:pt x="18" y="1"/>
                    <a:pt x="18" y="1"/>
                  </a:cubicBezTo>
                  <a:lnTo>
                    <a:pt x="20" y="1"/>
                  </a:lnTo>
                  <a:close/>
                  <a:moveTo>
                    <a:pt x="25" y="18"/>
                  </a:moveTo>
                  <a:cubicBezTo>
                    <a:pt x="25" y="19"/>
                    <a:pt x="25" y="20"/>
                    <a:pt x="25" y="21"/>
                  </a:cubicBezTo>
                  <a:cubicBezTo>
                    <a:pt x="24" y="22"/>
                    <a:pt x="24" y="22"/>
                    <a:pt x="24" y="23"/>
                  </a:cubicBezTo>
                  <a:cubicBezTo>
                    <a:pt x="23" y="23"/>
                    <a:pt x="23" y="24"/>
                    <a:pt x="22" y="24"/>
                  </a:cubicBezTo>
                  <a:cubicBezTo>
                    <a:pt x="21" y="24"/>
                    <a:pt x="20" y="25"/>
                    <a:pt x="20" y="25"/>
                  </a:cubicBezTo>
                  <a:cubicBezTo>
                    <a:pt x="19" y="25"/>
                    <a:pt x="18" y="24"/>
                    <a:pt x="17" y="24"/>
                  </a:cubicBezTo>
                  <a:cubicBezTo>
                    <a:pt x="17" y="24"/>
                    <a:pt x="16" y="23"/>
                    <a:pt x="16" y="23"/>
                  </a:cubicBezTo>
                  <a:cubicBezTo>
                    <a:pt x="15" y="22"/>
                    <a:pt x="15" y="22"/>
                    <a:pt x="15" y="21"/>
                  </a:cubicBezTo>
                  <a:cubicBezTo>
                    <a:pt x="14" y="20"/>
                    <a:pt x="14" y="19"/>
                    <a:pt x="14" y="18"/>
                  </a:cubicBezTo>
                  <a:cubicBezTo>
                    <a:pt x="14" y="17"/>
                    <a:pt x="14" y="17"/>
                    <a:pt x="15" y="16"/>
                  </a:cubicBezTo>
                  <a:cubicBezTo>
                    <a:pt x="15" y="15"/>
                    <a:pt x="15" y="14"/>
                    <a:pt x="16" y="14"/>
                  </a:cubicBezTo>
                  <a:cubicBezTo>
                    <a:pt x="16" y="13"/>
                    <a:pt x="17" y="13"/>
                    <a:pt x="17" y="12"/>
                  </a:cubicBezTo>
                  <a:cubicBezTo>
                    <a:pt x="18" y="12"/>
                    <a:pt x="19" y="12"/>
                    <a:pt x="20" y="12"/>
                  </a:cubicBezTo>
                  <a:cubicBezTo>
                    <a:pt x="20" y="12"/>
                    <a:pt x="21" y="12"/>
                    <a:pt x="22" y="12"/>
                  </a:cubicBezTo>
                  <a:cubicBezTo>
                    <a:pt x="23" y="13"/>
                    <a:pt x="23" y="13"/>
                    <a:pt x="24" y="14"/>
                  </a:cubicBezTo>
                  <a:cubicBezTo>
                    <a:pt x="24" y="14"/>
                    <a:pt x="24" y="15"/>
                    <a:pt x="25" y="16"/>
                  </a:cubicBezTo>
                  <a:cubicBezTo>
                    <a:pt x="25" y="17"/>
                    <a:pt x="25" y="17"/>
                    <a:pt x="25" y="18"/>
                  </a:cubicBezTo>
                  <a:moveTo>
                    <a:pt x="22" y="18"/>
                  </a:moveTo>
                  <a:cubicBezTo>
                    <a:pt x="22" y="15"/>
                    <a:pt x="22" y="14"/>
                    <a:pt x="20" y="14"/>
                  </a:cubicBezTo>
                  <a:cubicBezTo>
                    <a:pt x="18" y="14"/>
                    <a:pt x="17" y="15"/>
                    <a:pt x="17" y="18"/>
                  </a:cubicBezTo>
                  <a:cubicBezTo>
                    <a:pt x="17" y="21"/>
                    <a:pt x="18" y="23"/>
                    <a:pt x="20" y="23"/>
                  </a:cubicBezTo>
                  <a:cubicBezTo>
                    <a:pt x="22" y="23"/>
                    <a:pt x="22" y="21"/>
                    <a:pt x="22" y="18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7" name="组合 6"/>
          <p:cNvGrpSpPr/>
          <p:nvPr/>
        </p:nvGrpSpPr>
        <p:grpSpPr>
          <a:xfrm>
            <a:off x="2961061" y="3038561"/>
            <a:ext cx="2093913" cy="2092325"/>
            <a:chOff x="3521075" y="2154238"/>
            <a:chExt cx="2093913" cy="2092325"/>
          </a:xfrm>
        </p:grpSpPr>
        <p:sp>
          <p:nvSpPr>
            <p:cNvPr id="8" name="Oval 7"/>
            <p:cNvSpPr>
              <a:spLocks noChangeArrowheads="1"/>
            </p:cNvSpPr>
            <p:nvPr/>
          </p:nvSpPr>
          <p:spPr bwMode="auto">
            <a:xfrm>
              <a:off x="3521075" y="2154238"/>
              <a:ext cx="2093913" cy="2092325"/>
            </a:xfrm>
            <a:prstGeom prst="ellipse">
              <a:avLst/>
            </a:prstGeom>
            <a:solidFill>
              <a:srgbClr val="557773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" name="Freeform 9"/>
            <p:cNvSpPr>
              <a:spLocks/>
            </p:cNvSpPr>
            <p:nvPr/>
          </p:nvSpPr>
          <p:spPr bwMode="auto">
            <a:xfrm>
              <a:off x="4356100" y="2478088"/>
              <a:ext cx="100013" cy="155575"/>
            </a:xfrm>
            <a:custGeom>
              <a:avLst/>
              <a:gdLst>
                <a:gd name="T0" fmla="*/ 16 w 16"/>
                <a:gd name="T1" fmla="*/ 25 h 25"/>
                <a:gd name="T2" fmla="*/ 0 w 16"/>
                <a:gd name="T3" fmla="*/ 25 h 25"/>
                <a:gd name="T4" fmla="*/ 1 w 16"/>
                <a:gd name="T5" fmla="*/ 20 h 25"/>
                <a:gd name="T6" fmla="*/ 3 w 16"/>
                <a:gd name="T7" fmla="*/ 18 h 25"/>
                <a:gd name="T8" fmla="*/ 6 w 16"/>
                <a:gd name="T9" fmla="*/ 16 h 25"/>
                <a:gd name="T10" fmla="*/ 9 w 16"/>
                <a:gd name="T11" fmla="*/ 13 h 25"/>
                <a:gd name="T12" fmla="*/ 11 w 16"/>
                <a:gd name="T13" fmla="*/ 11 h 25"/>
                <a:gd name="T14" fmla="*/ 12 w 16"/>
                <a:gd name="T15" fmla="*/ 7 h 25"/>
                <a:gd name="T16" fmla="*/ 11 w 16"/>
                <a:gd name="T17" fmla="*/ 4 h 25"/>
                <a:gd name="T18" fmla="*/ 8 w 16"/>
                <a:gd name="T19" fmla="*/ 3 h 25"/>
                <a:gd name="T20" fmla="*/ 5 w 16"/>
                <a:gd name="T21" fmla="*/ 4 h 25"/>
                <a:gd name="T22" fmla="*/ 4 w 16"/>
                <a:gd name="T23" fmla="*/ 7 h 25"/>
                <a:gd name="T24" fmla="*/ 0 w 16"/>
                <a:gd name="T25" fmla="*/ 7 h 25"/>
                <a:gd name="T26" fmla="*/ 1 w 16"/>
                <a:gd name="T27" fmla="*/ 4 h 25"/>
                <a:gd name="T28" fmla="*/ 3 w 16"/>
                <a:gd name="T29" fmla="*/ 2 h 25"/>
                <a:gd name="T30" fmla="*/ 5 w 16"/>
                <a:gd name="T31" fmla="*/ 1 h 25"/>
                <a:gd name="T32" fmla="*/ 8 w 16"/>
                <a:gd name="T33" fmla="*/ 0 h 25"/>
                <a:gd name="T34" fmla="*/ 11 w 16"/>
                <a:gd name="T35" fmla="*/ 1 h 25"/>
                <a:gd name="T36" fmla="*/ 14 w 16"/>
                <a:gd name="T37" fmla="*/ 2 h 25"/>
                <a:gd name="T38" fmla="*/ 15 w 16"/>
                <a:gd name="T39" fmla="*/ 5 h 25"/>
                <a:gd name="T40" fmla="*/ 16 w 16"/>
                <a:gd name="T41" fmla="*/ 7 h 25"/>
                <a:gd name="T42" fmla="*/ 15 w 16"/>
                <a:gd name="T43" fmla="*/ 10 h 25"/>
                <a:gd name="T44" fmla="*/ 14 w 16"/>
                <a:gd name="T45" fmla="*/ 12 h 25"/>
                <a:gd name="T46" fmla="*/ 12 w 16"/>
                <a:gd name="T47" fmla="*/ 14 h 25"/>
                <a:gd name="T48" fmla="*/ 8 w 16"/>
                <a:gd name="T49" fmla="*/ 17 h 25"/>
                <a:gd name="T50" fmla="*/ 4 w 16"/>
                <a:gd name="T51" fmla="*/ 22 h 25"/>
                <a:gd name="T52" fmla="*/ 16 w 16"/>
                <a:gd name="T53" fmla="*/ 22 h 25"/>
                <a:gd name="T54" fmla="*/ 16 w 16"/>
                <a:gd name="T55" fmla="*/ 25 h 2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16" h="25">
                  <a:moveTo>
                    <a:pt x="16" y="25"/>
                  </a:moveTo>
                  <a:cubicBezTo>
                    <a:pt x="0" y="25"/>
                    <a:pt x="0" y="25"/>
                    <a:pt x="0" y="25"/>
                  </a:cubicBezTo>
                  <a:cubicBezTo>
                    <a:pt x="0" y="23"/>
                    <a:pt x="0" y="22"/>
                    <a:pt x="1" y="20"/>
                  </a:cubicBezTo>
                  <a:cubicBezTo>
                    <a:pt x="2" y="20"/>
                    <a:pt x="2" y="19"/>
                    <a:pt x="3" y="18"/>
                  </a:cubicBezTo>
                  <a:cubicBezTo>
                    <a:pt x="4" y="17"/>
                    <a:pt x="5" y="17"/>
                    <a:pt x="6" y="16"/>
                  </a:cubicBezTo>
                  <a:cubicBezTo>
                    <a:pt x="7" y="15"/>
                    <a:pt x="8" y="14"/>
                    <a:pt x="9" y="13"/>
                  </a:cubicBezTo>
                  <a:cubicBezTo>
                    <a:pt x="10" y="12"/>
                    <a:pt x="11" y="12"/>
                    <a:pt x="11" y="11"/>
                  </a:cubicBezTo>
                  <a:cubicBezTo>
                    <a:pt x="12" y="10"/>
                    <a:pt x="12" y="9"/>
                    <a:pt x="12" y="7"/>
                  </a:cubicBezTo>
                  <a:cubicBezTo>
                    <a:pt x="12" y="6"/>
                    <a:pt x="12" y="5"/>
                    <a:pt x="11" y="4"/>
                  </a:cubicBezTo>
                  <a:cubicBezTo>
                    <a:pt x="11" y="3"/>
                    <a:pt x="9" y="3"/>
                    <a:pt x="8" y="3"/>
                  </a:cubicBezTo>
                  <a:cubicBezTo>
                    <a:pt x="7" y="3"/>
                    <a:pt x="6" y="3"/>
                    <a:pt x="5" y="4"/>
                  </a:cubicBezTo>
                  <a:cubicBezTo>
                    <a:pt x="4" y="5"/>
                    <a:pt x="4" y="6"/>
                    <a:pt x="4" y="7"/>
                  </a:cubicBezTo>
                  <a:cubicBezTo>
                    <a:pt x="0" y="7"/>
                    <a:pt x="0" y="7"/>
                    <a:pt x="0" y="7"/>
                  </a:cubicBezTo>
                  <a:cubicBezTo>
                    <a:pt x="1" y="6"/>
                    <a:pt x="1" y="5"/>
                    <a:pt x="1" y="4"/>
                  </a:cubicBezTo>
                  <a:cubicBezTo>
                    <a:pt x="2" y="4"/>
                    <a:pt x="2" y="3"/>
                    <a:pt x="3" y="2"/>
                  </a:cubicBezTo>
                  <a:cubicBezTo>
                    <a:pt x="3" y="2"/>
                    <a:pt x="4" y="1"/>
                    <a:pt x="5" y="1"/>
                  </a:cubicBezTo>
                  <a:cubicBezTo>
                    <a:pt x="6" y="1"/>
                    <a:pt x="7" y="0"/>
                    <a:pt x="8" y="0"/>
                  </a:cubicBezTo>
                  <a:cubicBezTo>
                    <a:pt x="9" y="0"/>
                    <a:pt x="10" y="1"/>
                    <a:pt x="11" y="1"/>
                  </a:cubicBezTo>
                  <a:cubicBezTo>
                    <a:pt x="12" y="1"/>
                    <a:pt x="13" y="2"/>
                    <a:pt x="14" y="2"/>
                  </a:cubicBezTo>
                  <a:cubicBezTo>
                    <a:pt x="14" y="3"/>
                    <a:pt x="15" y="4"/>
                    <a:pt x="15" y="5"/>
                  </a:cubicBezTo>
                  <a:cubicBezTo>
                    <a:pt x="15" y="5"/>
                    <a:pt x="16" y="6"/>
                    <a:pt x="16" y="7"/>
                  </a:cubicBezTo>
                  <a:cubicBezTo>
                    <a:pt x="16" y="8"/>
                    <a:pt x="15" y="9"/>
                    <a:pt x="15" y="10"/>
                  </a:cubicBezTo>
                  <a:cubicBezTo>
                    <a:pt x="15" y="10"/>
                    <a:pt x="15" y="11"/>
                    <a:pt x="14" y="12"/>
                  </a:cubicBezTo>
                  <a:cubicBezTo>
                    <a:pt x="14" y="12"/>
                    <a:pt x="13" y="13"/>
                    <a:pt x="12" y="14"/>
                  </a:cubicBezTo>
                  <a:cubicBezTo>
                    <a:pt x="11" y="15"/>
                    <a:pt x="10" y="16"/>
                    <a:pt x="8" y="17"/>
                  </a:cubicBezTo>
                  <a:cubicBezTo>
                    <a:pt x="6" y="20"/>
                    <a:pt x="4" y="21"/>
                    <a:pt x="4" y="22"/>
                  </a:cubicBezTo>
                  <a:cubicBezTo>
                    <a:pt x="16" y="22"/>
                    <a:pt x="16" y="22"/>
                    <a:pt x="16" y="22"/>
                  </a:cubicBezTo>
                  <a:lnTo>
                    <a:pt x="16" y="2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0" name="Freeform 10"/>
            <p:cNvSpPr>
              <a:spLocks/>
            </p:cNvSpPr>
            <p:nvPr/>
          </p:nvSpPr>
          <p:spPr bwMode="auto">
            <a:xfrm>
              <a:off x="4475163" y="2484438"/>
              <a:ext cx="92075" cy="149225"/>
            </a:xfrm>
            <a:custGeom>
              <a:avLst/>
              <a:gdLst>
                <a:gd name="T0" fmla="*/ 15 w 15"/>
                <a:gd name="T1" fmla="*/ 16 h 24"/>
                <a:gd name="T2" fmla="*/ 15 w 15"/>
                <a:gd name="T3" fmla="*/ 19 h 24"/>
                <a:gd name="T4" fmla="*/ 13 w 15"/>
                <a:gd name="T5" fmla="*/ 22 h 24"/>
                <a:gd name="T6" fmla="*/ 11 w 15"/>
                <a:gd name="T7" fmla="*/ 23 h 24"/>
                <a:gd name="T8" fmla="*/ 7 w 15"/>
                <a:gd name="T9" fmla="*/ 24 h 24"/>
                <a:gd name="T10" fmla="*/ 4 w 15"/>
                <a:gd name="T11" fmla="*/ 24 h 24"/>
                <a:gd name="T12" fmla="*/ 2 w 15"/>
                <a:gd name="T13" fmla="*/ 22 h 24"/>
                <a:gd name="T14" fmla="*/ 0 w 15"/>
                <a:gd name="T15" fmla="*/ 20 h 24"/>
                <a:gd name="T16" fmla="*/ 0 w 15"/>
                <a:gd name="T17" fmla="*/ 17 h 24"/>
                <a:gd name="T18" fmla="*/ 3 w 15"/>
                <a:gd name="T19" fmla="*/ 17 h 24"/>
                <a:gd name="T20" fmla="*/ 4 w 15"/>
                <a:gd name="T21" fmla="*/ 21 h 24"/>
                <a:gd name="T22" fmla="*/ 7 w 15"/>
                <a:gd name="T23" fmla="*/ 22 h 24"/>
                <a:gd name="T24" fmla="*/ 9 w 15"/>
                <a:gd name="T25" fmla="*/ 21 h 24"/>
                <a:gd name="T26" fmla="*/ 11 w 15"/>
                <a:gd name="T27" fmla="*/ 20 h 24"/>
                <a:gd name="T28" fmla="*/ 12 w 15"/>
                <a:gd name="T29" fmla="*/ 18 h 24"/>
                <a:gd name="T30" fmla="*/ 12 w 15"/>
                <a:gd name="T31" fmla="*/ 16 h 24"/>
                <a:gd name="T32" fmla="*/ 12 w 15"/>
                <a:gd name="T33" fmla="*/ 14 h 24"/>
                <a:gd name="T34" fmla="*/ 11 w 15"/>
                <a:gd name="T35" fmla="*/ 12 h 24"/>
                <a:gd name="T36" fmla="*/ 9 w 15"/>
                <a:gd name="T37" fmla="*/ 11 h 24"/>
                <a:gd name="T38" fmla="*/ 7 w 15"/>
                <a:gd name="T39" fmla="*/ 10 h 24"/>
                <a:gd name="T40" fmla="*/ 3 w 15"/>
                <a:gd name="T41" fmla="*/ 12 h 24"/>
                <a:gd name="T42" fmla="*/ 1 w 15"/>
                <a:gd name="T43" fmla="*/ 12 h 24"/>
                <a:gd name="T44" fmla="*/ 2 w 15"/>
                <a:gd name="T45" fmla="*/ 0 h 24"/>
                <a:gd name="T46" fmla="*/ 14 w 15"/>
                <a:gd name="T47" fmla="*/ 0 h 24"/>
                <a:gd name="T48" fmla="*/ 14 w 15"/>
                <a:gd name="T49" fmla="*/ 3 h 24"/>
                <a:gd name="T50" fmla="*/ 4 w 15"/>
                <a:gd name="T51" fmla="*/ 3 h 24"/>
                <a:gd name="T52" fmla="*/ 4 w 15"/>
                <a:gd name="T53" fmla="*/ 9 h 24"/>
                <a:gd name="T54" fmla="*/ 8 w 15"/>
                <a:gd name="T55" fmla="*/ 8 h 24"/>
                <a:gd name="T56" fmla="*/ 11 w 15"/>
                <a:gd name="T57" fmla="*/ 8 h 24"/>
                <a:gd name="T58" fmla="*/ 13 w 15"/>
                <a:gd name="T59" fmla="*/ 10 h 24"/>
                <a:gd name="T60" fmla="*/ 15 w 15"/>
                <a:gd name="T61" fmla="*/ 12 h 24"/>
                <a:gd name="T62" fmla="*/ 15 w 15"/>
                <a:gd name="T63" fmla="*/ 16 h 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l="0" t="0" r="r" b="b"/>
              <a:pathLst>
                <a:path w="15" h="24">
                  <a:moveTo>
                    <a:pt x="15" y="16"/>
                  </a:moveTo>
                  <a:cubicBezTo>
                    <a:pt x="15" y="17"/>
                    <a:pt x="15" y="18"/>
                    <a:pt x="15" y="19"/>
                  </a:cubicBezTo>
                  <a:cubicBezTo>
                    <a:pt x="14" y="20"/>
                    <a:pt x="14" y="21"/>
                    <a:pt x="13" y="22"/>
                  </a:cubicBezTo>
                  <a:cubicBezTo>
                    <a:pt x="12" y="22"/>
                    <a:pt x="12" y="23"/>
                    <a:pt x="11" y="23"/>
                  </a:cubicBezTo>
                  <a:cubicBezTo>
                    <a:pt x="10" y="24"/>
                    <a:pt x="9" y="24"/>
                    <a:pt x="7" y="24"/>
                  </a:cubicBezTo>
                  <a:cubicBezTo>
                    <a:pt x="6" y="24"/>
                    <a:pt x="5" y="24"/>
                    <a:pt x="4" y="24"/>
                  </a:cubicBezTo>
                  <a:cubicBezTo>
                    <a:pt x="4" y="23"/>
                    <a:pt x="3" y="23"/>
                    <a:pt x="2" y="22"/>
                  </a:cubicBezTo>
                  <a:cubicBezTo>
                    <a:pt x="1" y="22"/>
                    <a:pt x="1" y="21"/>
                    <a:pt x="0" y="20"/>
                  </a:cubicBezTo>
                  <a:cubicBezTo>
                    <a:pt x="0" y="19"/>
                    <a:pt x="0" y="18"/>
                    <a:pt x="0" y="17"/>
                  </a:cubicBezTo>
                  <a:cubicBezTo>
                    <a:pt x="3" y="17"/>
                    <a:pt x="3" y="17"/>
                    <a:pt x="3" y="17"/>
                  </a:cubicBezTo>
                  <a:cubicBezTo>
                    <a:pt x="3" y="19"/>
                    <a:pt x="4" y="20"/>
                    <a:pt x="4" y="21"/>
                  </a:cubicBezTo>
                  <a:cubicBezTo>
                    <a:pt x="5" y="21"/>
                    <a:pt x="6" y="22"/>
                    <a:pt x="7" y="22"/>
                  </a:cubicBezTo>
                  <a:cubicBezTo>
                    <a:pt x="8" y="22"/>
                    <a:pt x="9" y="21"/>
                    <a:pt x="9" y="21"/>
                  </a:cubicBezTo>
                  <a:cubicBezTo>
                    <a:pt x="10" y="21"/>
                    <a:pt x="10" y="20"/>
                    <a:pt x="11" y="20"/>
                  </a:cubicBezTo>
                  <a:cubicBezTo>
                    <a:pt x="11" y="19"/>
                    <a:pt x="12" y="19"/>
                    <a:pt x="12" y="18"/>
                  </a:cubicBezTo>
                  <a:cubicBezTo>
                    <a:pt x="12" y="17"/>
                    <a:pt x="12" y="17"/>
                    <a:pt x="12" y="16"/>
                  </a:cubicBezTo>
                  <a:cubicBezTo>
                    <a:pt x="12" y="15"/>
                    <a:pt x="12" y="14"/>
                    <a:pt x="12" y="14"/>
                  </a:cubicBezTo>
                  <a:cubicBezTo>
                    <a:pt x="12" y="13"/>
                    <a:pt x="11" y="12"/>
                    <a:pt x="11" y="12"/>
                  </a:cubicBezTo>
                  <a:cubicBezTo>
                    <a:pt x="10" y="11"/>
                    <a:pt x="10" y="11"/>
                    <a:pt x="9" y="11"/>
                  </a:cubicBezTo>
                  <a:cubicBezTo>
                    <a:pt x="9" y="11"/>
                    <a:pt x="8" y="10"/>
                    <a:pt x="7" y="10"/>
                  </a:cubicBezTo>
                  <a:cubicBezTo>
                    <a:pt x="6" y="10"/>
                    <a:pt x="4" y="11"/>
                    <a:pt x="3" y="12"/>
                  </a:cubicBezTo>
                  <a:cubicBezTo>
                    <a:pt x="1" y="12"/>
                    <a:pt x="1" y="12"/>
                    <a:pt x="1" y="12"/>
                  </a:cubicBezTo>
                  <a:cubicBezTo>
                    <a:pt x="2" y="0"/>
                    <a:pt x="2" y="0"/>
                    <a:pt x="2" y="0"/>
                  </a:cubicBezTo>
                  <a:cubicBezTo>
                    <a:pt x="14" y="0"/>
                    <a:pt x="14" y="0"/>
                    <a:pt x="14" y="0"/>
                  </a:cubicBezTo>
                  <a:cubicBezTo>
                    <a:pt x="14" y="3"/>
                    <a:pt x="14" y="3"/>
                    <a:pt x="14" y="3"/>
                  </a:cubicBezTo>
                  <a:cubicBezTo>
                    <a:pt x="4" y="3"/>
                    <a:pt x="4" y="3"/>
                    <a:pt x="4" y="3"/>
                  </a:cubicBezTo>
                  <a:cubicBezTo>
                    <a:pt x="4" y="9"/>
                    <a:pt x="4" y="9"/>
                    <a:pt x="4" y="9"/>
                  </a:cubicBezTo>
                  <a:cubicBezTo>
                    <a:pt x="5" y="8"/>
                    <a:pt x="6" y="8"/>
                    <a:pt x="8" y="8"/>
                  </a:cubicBezTo>
                  <a:cubicBezTo>
                    <a:pt x="9" y="8"/>
                    <a:pt x="10" y="8"/>
                    <a:pt x="11" y="8"/>
                  </a:cubicBezTo>
                  <a:cubicBezTo>
                    <a:pt x="12" y="9"/>
                    <a:pt x="12" y="9"/>
                    <a:pt x="13" y="10"/>
                  </a:cubicBezTo>
                  <a:cubicBezTo>
                    <a:pt x="14" y="11"/>
                    <a:pt x="14" y="11"/>
                    <a:pt x="15" y="12"/>
                  </a:cubicBezTo>
                  <a:cubicBezTo>
                    <a:pt x="15" y="13"/>
                    <a:pt x="15" y="14"/>
                    <a:pt x="15" y="16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1" name="Freeform 11"/>
            <p:cNvSpPr>
              <a:spLocks noEditPoints="1"/>
            </p:cNvSpPr>
            <p:nvPr/>
          </p:nvSpPr>
          <p:spPr bwMode="auto">
            <a:xfrm>
              <a:off x="4592638" y="2478088"/>
              <a:ext cx="155575" cy="155575"/>
            </a:xfrm>
            <a:custGeom>
              <a:avLst/>
              <a:gdLst>
                <a:gd name="T0" fmla="*/ 11 w 25"/>
                <a:gd name="T1" fmla="*/ 7 h 25"/>
                <a:gd name="T2" fmla="*/ 10 w 25"/>
                <a:gd name="T3" fmla="*/ 9 h 25"/>
                <a:gd name="T4" fmla="*/ 9 w 25"/>
                <a:gd name="T5" fmla="*/ 11 h 25"/>
                <a:gd name="T6" fmla="*/ 7 w 25"/>
                <a:gd name="T7" fmla="*/ 13 h 25"/>
                <a:gd name="T8" fmla="*/ 5 w 25"/>
                <a:gd name="T9" fmla="*/ 13 h 25"/>
                <a:gd name="T10" fmla="*/ 3 w 25"/>
                <a:gd name="T11" fmla="*/ 13 h 25"/>
                <a:gd name="T12" fmla="*/ 1 w 25"/>
                <a:gd name="T13" fmla="*/ 11 h 25"/>
                <a:gd name="T14" fmla="*/ 0 w 25"/>
                <a:gd name="T15" fmla="*/ 9 h 25"/>
                <a:gd name="T16" fmla="*/ 0 w 25"/>
                <a:gd name="T17" fmla="*/ 7 h 25"/>
                <a:gd name="T18" fmla="*/ 0 w 25"/>
                <a:gd name="T19" fmla="*/ 4 h 25"/>
                <a:gd name="T20" fmla="*/ 1 w 25"/>
                <a:gd name="T21" fmla="*/ 2 h 25"/>
                <a:gd name="T22" fmla="*/ 3 w 25"/>
                <a:gd name="T23" fmla="*/ 1 h 25"/>
                <a:gd name="T24" fmla="*/ 5 w 25"/>
                <a:gd name="T25" fmla="*/ 0 h 25"/>
                <a:gd name="T26" fmla="*/ 7 w 25"/>
                <a:gd name="T27" fmla="*/ 1 h 25"/>
                <a:gd name="T28" fmla="*/ 9 w 25"/>
                <a:gd name="T29" fmla="*/ 2 h 25"/>
                <a:gd name="T30" fmla="*/ 10 w 25"/>
                <a:gd name="T31" fmla="*/ 4 h 25"/>
                <a:gd name="T32" fmla="*/ 11 w 25"/>
                <a:gd name="T33" fmla="*/ 7 h 25"/>
                <a:gd name="T34" fmla="*/ 8 w 25"/>
                <a:gd name="T35" fmla="*/ 7 h 25"/>
                <a:gd name="T36" fmla="*/ 5 w 25"/>
                <a:gd name="T37" fmla="*/ 2 h 25"/>
                <a:gd name="T38" fmla="*/ 2 w 25"/>
                <a:gd name="T39" fmla="*/ 7 h 25"/>
                <a:gd name="T40" fmla="*/ 5 w 25"/>
                <a:gd name="T41" fmla="*/ 11 h 25"/>
                <a:gd name="T42" fmla="*/ 8 w 25"/>
                <a:gd name="T43" fmla="*/ 7 h 25"/>
                <a:gd name="T44" fmla="*/ 20 w 25"/>
                <a:gd name="T45" fmla="*/ 1 h 25"/>
                <a:gd name="T46" fmla="*/ 7 w 25"/>
                <a:gd name="T47" fmla="*/ 25 h 25"/>
                <a:gd name="T48" fmla="*/ 5 w 25"/>
                <a:gd name="T49" fmla="*/ 25 h 25"/>
                <a:gd name="T50" fmla="*/ 18 w 25"/>
                <a:gd name="T51" fmla="*/ 1 h 25"/>
                <a:gd name="T52" fmla="*/ 20 w 25"/>
                <a:gd name="T53" fmla="*/ 1 h 25"/>
                <a:gd name="T54" fmla="*/ 25 w 25"/>
                <a:gd name="T55" fmla="*/ 19 h 25"/>
                <a:gd name="T56" fmla="*/ 25 w 25"/>
                <a:gd name="T57" fmla="*/ 21 h 25"/>
                <a:gd name="T58" fmla="*/ 24 w 25"/>
                <a:gd name="T59" fmla="*/ 23 h 25"/>
                <a:gd name="T60" fmla="*/ 22 w 25"/>
                <a:gd name="T61" fmla="*/ 25 h 25"/>
                <a:gd name="T62" fmla="*/ 20 w 25"/>
                <a:gd name="T63" fmla="*/ 25 h 25"/>
                <a:gd name="T64" fmla="*/ 17 w 25"/>
                <a:gd name="T65" fmla="*/ 25 h 25"/>
                <a:gd name="T66" fmla="*/ 16 w 25"/>
                <a:gd name="T67" fmla="*/ 23 h 25"/>
                <a:gd name="T68" fmla="*/ 15 w 25"/>
                <a:gd name="T69" fmla="*/ 21 h 25"/>
                <a:gd name="T70" fmla="*/ 14 w 25"/>
                <a:gd name="T71" fmla="*/ 19 h 25"/>
                <a:gd name="T72" fmla="*/ 15 w 25"/>
                <a:gd name="T73" fmla="*/ 16 h 25"/>
                <a:gd name="T74" fmla="*/ 16 w 25"/>
                <a:gd name="T75" fmla="*/ 14 h 25"/>
                <a:gd name="T76" fmla="*/ 17 w 25"/>
                <a:gd name="T77" fmla="*/ 13 h 25"/>
                <a:gd name="T78" fmla="*/ 20 w 25"/>
                <a:gd name="T79" fmla="*/ 12 h 25"/>
                <a:gd name="T80" fmla="*/ 22 w 25"/>
                <a:gd name="T81" fmla="*/ 13 h 25"/>
                <a:gd name="T82" fmla="*/ 24 w 25"/>
                <a:gd name="T83" fmla="*/ 14 h 25"/>
                <a:gd name="T84" fmla="*/ 25 w 25"/>
                <a:gd name="T85" fmla="*/ 16 h 25"/>
                <a:gd name="T86" fmla="*/ 25 w 25"/>
                <a:gd name="T87" fmla="*/ 19 h 25"/>
                <a:gd name="T88" fmla="*/ 22 w 25"/>
                <a:gd name="T89" fmla="*/ 19 h 25"/>
                <a:gd name="T90" fmla="*/ 20 w 25"/>
                <a:gd name="T91" fmla="*/ 14 h 25"/>
                <a:gd name="T92" fmla="*/ 17 w 25"/>
                <a:gd name="T93" fmla="*/ 19 h 25"/>
                <a:gd name="T94" fmla="*/ 20 w 25"/>
                <a:gd name="T95" fmla="*/ 23 h 25"/>
                <a:gd name="T96" fmla="*/ 22 w 25"/>
                <a:gd name="T97" fmla="*/ 19 h 2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</a:cxnLst>
              <a:rect l="0" t="0" r="r" b="b"/>
              <a:pathLst>
                <a:path w="25" h="25">
                  <a:moveTo>
                    <a:pt x="11" y="7"/>
                  </a:moveTo>
                  <a:cubicBezTo>
                    <a:pt x="11" y="8"/>
                    <a:pt x="10" y="9"/>
                    <a:pt x="10" y="9"/>
                  </a:cubicBezTo>
                  <a:cubicBezTo>
                    <a:pt x="10" y="10"/>
                    <a:pt x="10" y="11"/>
                    <a:pt x="9" y="11"/>
                  </a:cubicBezTo>
                  <a:cubicBezTo>
                    <a:pt x="9" y="12"/>
                    <a:pt x="8" y="12"/>
                    <a:pt x="7" y="13"/>
                  </a:cubicBezTo>
                  <a:cubicBezTo>
                    <a:pt x="7" y="13"/>
                    <a:pt x="6" y="13"/>
                    <a:pt x="5" y="13"/>
                  </a:cubicBezTo>
                  <a:cubicBezTo>
                    <a:pt x="4" y="13"/>
                    <a:pt x="4" y="13"/>
                    <a:pt x="3" y="13"/>
                  </a:cubicBezTo>
                  <a:cubicBezTo>
                    <a:pt x="2" y="12"/>
                    <a:pt x="2" y="12"/>
                    <a:pt x="1" y="11"/>
                  </a:cubicBezTo>
                  <a:cubicBezTo>
                    <a:pt x="1" y="11"/>
                    <a:pt x="0" y="10"/>
                    <a:pt x="0" y="9"/>
                  </a:cubicBezTo>
                  <a:cubicBezTo>
                    <a:pt x="0" y="9"/>
                    <a:pt x="0" y="8"/>
                    <a:pt x="0" y="7"/>
                  </a:cubicBezTo>
                  <a:cubicBezTo>
                    <a:pt x="0" y="6"/>
                    <a:pt x="0" y="5"/>
                    <a:pt x="0" y="4"/>
                  </a:cubicBezTo>
                  <a:cubicBezTo>
                    <a:pt x="0" y="3"/>
                    <a:pt x="1" y="3"/>
                    <a:pt x="1" y="2"/>
                  </a:cubicBezTo>
                  <a:cubicBezTo>
                    <a:pt x="2" y="2"/>
                    <a:pt x="2" y="1"/>
                    <a:pt x="3" y="1"/>
                  </a:cubicBezTo>
                  <a:cubicBezTo>
                    <a:pt x="4" y="1"/>
                    <a:pt x="4" y="0"/>
                    <a:pt x="5" y="0"/>
                  </a:cubicBezTo>
                  <a:cubicBezTo>
                    <a:pt x="6" y="0"/>
                    <a:pt x="7" y="1"/>
                    <a:pt x="7" y="1"/>
                  </a:cubicBezTo>
                  <a:cubicBezTo>
                    <a:pt x="8" y="1"/>
                    <a:pt x="9" y="2"/>
                    <a:pt x="9" y="2"/>
                  </a:cubicBezTo>
                  <a:cubicBezTo>
                    <a:pt x="10" y="3"/>
                    <a:pt x="10" y="3"/>
                    <a:pt x="10" y="4"/>
                  </a:cubicBezTo>
                  <a:cubicBezTo>
                    <a:pt x="10" y="5"/>
                    <a:pt x="11" y="6"/>
                    <a:pt x="11" y="7"/>
                  </a:cubicBezTo>
                  <a:moveTo>
                    <a:pt x="8" y="7"/>
                  </a:moveTo>
                  <a:cubicBezTo>
                    <a:pt x="8" y="4"/>
                    <a:pt x="7" y="2"/>
                    <a:pt x="5" y="2"/>
                  </a:cubicBezTo>
                  <a:cubicBezTo>
                    <a:pt x="3" y="2"/>
                    <a:pt x="2" y="4"/>
                    <a:pt x="2" y="7"/>
                  </a:cubicBezTo>
                  <a:cubicBezTo>
                    <a:pt x="2" y="10"/>
                    <a:pt x="3" y="11"/>
                    <a:pt x="5" y="11"/>
                  </a:cubicBezTo>
                  <a:cubicBezTo>
                    <a:pt x="7" y="11"/>
                    <a:pt x="8" y="10"/>
                    <a:pt x="8" y="7"/>
                  </a:cubicBezTo>
                  <a:moveTo>
                    <a:pt x="20" y="1"/>
                  </a:moveTo>
                  <a:cubicBezTo>
                    <a:pt x="7" y="25"/>
                    <a:pt x="7" y="25"/>
                    <a:pt x="7" y="25"/>
                  </a:cubicBezTo>
                  <a:cubicBezTo>
                    <a:pt x="5" y="25"/>
                    <a:pt x="5" y="25"/>
                    <a:pt x="5" y="25"/>
                  </a:cubicBezTo>
                  <a:cubicBezTo>
                    <a:pt x="18" y="1"/>
                    <a:pt x="18" y="1"/>
                    <a:pt x="18" y="1"/>
                  </a:cubicBezTo>
                  <a:lnTo>
                    <a:pt x="20" y="1"/>
                  </a:lnTo>
                  <a:close/>
                  <a:moveTo>
                    <a:pt x="25" y="19"/>
                  </a:moveTo>
                  <a:cubicBezTo>
                    <a:pt x="25" y="20"/>
                    <a:pt x="25" y="20"/>
                    <a:pt x="25" y="21"/>
                  </a:cubicBezTo>
                  <a:cubicBezTo>
                    <a:pt x="24" y="22"/>
                    <a:pt x="24" y="23"/>
                    <a:pt x="24" y="23"/>
                  </a:cubicBezTo>
                  <a:cubicBezTo>
                    <a:pt x="23" y="24"/>
                    <a:pt x="22" y="24"/>
                    <a:pt x="22" y="25"/>
                  </a:cubicBezTo>
                  <a:cubicBezTo>
                    <a:pt x="21" y="25"/>
                    <a:pt x="20" y="25"/>
                    <a:pt x="20" y="25"/>
                  </a:cubicBezTo>
                  <a:cubicBezTo>
                    <a:pt x="19" y="25"/>
                    <a:pt x="18" y="25"/>
                    <a:pt x="17" y="25"/>
                  </a:cubicBezTo>
                  <a:cubicBezTo>
                    <a:pt x="17" y="24"/>
                    <a:pt x="16" y="24"/>
                    <a:pt x="16" y="23"/>
                  </a:cubicBezTo>
                  <a:cubicBezTo>
                    <a:pt x="15" y="23"/>
                    <a:pt x="15" y="22"/>
                    <a:pt x="15" y="21"/>
                  </a:cubicBezTo>
                  <a:cubicBezTo>
                    <a:pt x="14" y="20"/>
                    <a:pt x="14" y="20"/>
                    <a:pt x="14" y="19"/>
                  </a:cubicBezTo>
                  <a:cubicBezTo>
                    <a:pt x="14" y="18"/>
                    <a:pt x="14" y="17"/>
                    <a:pt x="15" y="16"/>
                  </a:cubicBezTo>
                  <a:cubicBezTo>
                    <a:pt x="15" y="15"/>
                    <a:pt x="15" y="15"/>
                    <a:pt x="16" y="14"/>
                  </a:cubicBezTo>
                  <a:cubicBezTo>
                    <a:pt x="16" y="14"/>
                    <a:pt x="17" y="13"/>
                    <a:pt x="17" y="13"/>
                  </a:cubicBezTo>
                  <a:cubicBezTo>
                    <a:pt x="18" y="13"/>
                    <a:pt x="19" y="12"/>
                    <a:pt x="20" y="12"/>
                  </a:cubicBezTo>
                  <a:cubicBezTo>
                    <a:pt x="20" y="12"/>
                    <a:pt x="21" y="13"/>
                    <a:pt x="22" y="13"/>
                  </a:cubicBezTo>
                  <a:cubicBezTo>
                    <a:pt x="22" y="13"/>
                    <a:pt x="23" y="14"/>
                    <a:pt x="24" y="14"/>
                  </a:cubicBezTo>
                  <a:cubicBezTo>
                    <a:pt x="24" y="15"/>
                    <a:pt x="24" y="15"/>
                    <a:pt x="25" y="16"/>
                  </a:cubicBezTo>
                  <a:cubicBezTo>
                    <a:pt x="25" y="17"/>
                    <a:pt x="25" y="18"/>
                    <a:pt x="25" y="19"/>
                  </a:cubicBezTo>
                  <a:moveTo>
                    <a:pt x="22" y="19"/>
                  </a:moveTo>
                  <a:cubicBezTo>
                    <a:pt x="22" y="16"/>
                    <a:pt x="21" y="14"/>
                    <a:pt x="20" y="14"/>
                  </a:cubicBezTo>
                  <a:cubicBezTo>
                    <a:pt x="18" y="14"/>
                    <a:pt x="17" y="16"/>
                    <a:pt x="17" y="19"/>
                  </a:cubicBezTo>
                  <a:cubicBezTo>
                    <a:pt x="17" y="22"/>
                    <a:pt x="18" y="23"/>
                    <a:pt x="20" y="23"/>
                  </a:cubicBezTo>
                  <a:cubicBezTo>
                    <a:pt x="21" y="23"/>
                    <a:pt x="22" y="22"/>
                    <a:pt x="22" y="19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12" name="组合 11"/>
          <p:cNvGrpSpPr/>
          <p:nvPr/>
        </p:nvGrpSpPr>
        <p:grpSpPr>
          <a:xfrm>
            <a:off x="3303961" y="3711661"/>
            <a:ext cx="1414463" cy="1419225"/>
            <a:chOff x="3863975" y="2827338"/>
            <a:chExt cx="1414463" cy="1419225"/>
          </a:xfrm>
        </p:grpSpPr>
        <p:grpSp>
          <p:nvGrpSpPr>
            <p:cNvPr id="13" name="组合 12"/>
            <p:cNvGrpSpPr/>
            <p:nvPr/>
          </p:nvGrpSpPr>
          <p:grpSpPr>
            <a:xfrm>
              <a:off x="3863975" y="2827338"/>
              <a:ext cx="1414463" cy="1419225"/>
              <a:chOff x="3863975" y="2827338"/>
              <a:chExt cx="1414463" cy="1419225"/>
            </a:xfrm>
          </p:grpSpPr>
          <p:sp>
            <p:nvSpPr>
              <p:cNvPr id="15" name="Oval 8"/>
              <p:cNvSpPr>
                <a:spLocks noChangeArrowheads="1"/>
              </p:cNvSpPr>
              <p:nvPr/>
            </p:nvSpPr>
            <p:spPr bwMode="auto">
              <a:xfrm>
                <a:off x="3863975" y="2827338"/>
                <a:ext cx="1414463" cy="1419225"/>
              </a:xfrm>
              <a:prstGeom prst="ellipse">
                <a:avLst/>
              </a:prstGeom>
              <a:solidFill>
                <a:srgbClr val="F98377"/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6" name="Freeform 12"/>
              <p:cNvSpPr>
                <a:spLocks/>
              </p:cNvSpPr>
              <p:nvPr/>
            </p:nvSpPr>
            <p:spPr bwMode="auto">
              <a:xfrm>
                <a:off x="4405313" y="3063876"/>
                <a:ext cx="44450" cy="136525"/>
              </a:xfrm>
              <a:custGeom>
                <a:avLst/>
                <a:gdLst>
                  <a:gd name="T0" fmla="*/ 7 w 7"/>
                  <a:gd name="T1" fmla="*/ 22 h 22"/>
                  <a:gd name="T2" fmla="*/ 5 w 7"/>
                  <a:gd name="T3" fmla="*/ 22 h 22"/>
                  <a:gd name="T4" fmla="*/ 5 w 7"/>
                  <a:gd name="T5" fmla="*/ 5 h 22"/>
                  <a:gd name="T6" fmla="*/ 0 w 7"/>
                  <a:gd name="T7" fmla="*/ 6 h 22"/>
                  <a:gd name="T8" fmla="*/ 0 w 7"/>
                  <a:gd name="T9" fmla="*/ 4 h 22"/>
                  <a:gd name="T10" fmla="*/ 5 w 7"/>
                  <a:gd name="T11" fmla="*/ 0 h 22"/>
                  <a:gd name="T12" fmla="*/ 7 w 7"/>
                  <a:gd name="T13" fmla="*/ 0 h 22"/>
                  <a:gd name="T14" fmla="*/ 7 w 7"/>
                  <a:gd name="T15" fmla="*/ 22 h 2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7" h="22">
                    <a:moveTo>
                      <a:pt x="7" y="22"/>
                    </a:moveTo>
                    <a:cubicBezTo>
                      <a:pt x="5" y="22"/>
                      <a:pt x="5" y="22"/>
                      <a:pt x="5" y="22"/>
                    </a:cubicBezTo>
                    <a:cubicBezTo>
                      <a:pt x="5" y="5"/>
                      <a:pt x="5" y="5"/>
                      <a:pt x="5" y="5"/>
                    </a:cubicBezTo>
                    <a:cubicBezTo>
                      <a:pt x="4" y="6"/>
                      <a:pt x="2" y="6"/>
                      <a:pt x="0" y="6"/>
                    </a:cubicBezTo>
                    <a:cubicBezTo>
                      <a:pt x="0" y="4"/>
                      <a:pt x="0" y="4"/>
                      <a:pt x="0" y="4"/>
                    </a:cubicBezTo>
                    <a:cubicBezTo>
                      <a:pt x="3" y="4"/>
                      <a:pt x="5" y="3"/>
                      <a:pt x="5" y="0"/>
                    </a:cubicBezTo>
                    <a:cubicBezTo>
                      <a:pt x="7" y="0"/>
                      <a:pt x="7" y="0"/>
                      <a:pt x="7" y="0"/>
                    </a:cubicBezTo>
                    <a:lnTo>
                      <a:pt x="7" y="22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7" name="Freeform 13"/>
              <p:cNvSpPr>
                <a:spLocks/>
              </p:cNvSpPr>
              <p:nvPr/>
            </p:nvSpPr>
            <p:spPr bwMode="auto">
              <a:xfrm>
                <a:off x="4505325" y="3063876"/>
                <a:ext cx="50800" cy="136525"/>
              </a:xfrm>
              <a:custGeom>
                <a:avLst/>
                <a:gdLst>
                  <a:gd name="T0" fmla="*/ 8 w 8"/>
                  <a:gd name="T1" fmla="*/ 22 h 22"/>
                  <a:gd name="T2" fmla="*/ 5 w 8"/>
                  <a:gd name="T3" fmla="*/ 22 h 22"/>
                  <a:gd name="T4" fmla="*/ 5 w 8"/>
                  <a:gd name="T5" fmla="*/ 5 h 22"/>
                  <a:gd name="T6" fmla="*/ 0 w 8"/>
                  <a:gd name="T7" fmla="*/ 6 h 22"/>
                  <a:gd name="T8" fmla="*/ 0 w 8"/>
                  <a:gd name="T9" fmla="*/ 4 h 22"/>
                  <a:gd name="T10" fmla="*/ 6 w 8"/>
                  <a:gd name="T11" fmla="*/ 0 h 22"/>
                  <a:gd name="T12" fmla="*/ 8 w 8"/>
                  <a:gd name="T13" fmla="*/ 0 h 22"/>
                  <a:gd name="T14" fmla="*/ 8 w 8"/>
                  <a:gd name="T15" fmla="*/ 22 h 2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8" h="22">
                    <a:moveTo>
                      <a:pt x="8" y="22"/>
                    </a:moveTo>
                    <a:cubicBezTo>
                      <a:pt x="5" y="22"/>
                      <a:pt x="5" y="22"/>
                      <a:pt x="5" y="22"/>
                    </a:cubicBezTo>
                    <a:cubicBezTo>
                      <a:pt x="5" y="5"/>
                      <a:pt x="5" y="5"/>
                      <a:pt x="5" y="5"/>
                    </a:cubicBezTo>
                    <a:cubicBezTo>
                      <a:pt x="4" y="6"/>
                      <a:pt x="2" y="6"/>
                      <a:pt x="0" y="6"/>
                    </a:cubicBezTo>
                    <a:cubicBezTo>
                      <a:pt x="0" y="4"/>
                      <a:pt x="0" y="4"/>
                      <a:pt x="0" y="4"/>
                    </a:cubicBezTo>
                    <a:cubicBezTo>
                      <a:pt x="3" y="4"/>
                      <a:pt x="5" y="3"/>
                      <a:pt x="6" y="0"/>
                    </a:cubicBezTo>
                    <a:cubicBezTo>
                      <a:pt x="8" y="0"/>
                      <a:pt x="8" y="0"/>
                      <a:pt x="8" y="0"/>
                    </a:cubicBezTo>
                    <a:lnTo>
                      <a:pt x="8" y="22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8" name="Freeform 14"/>
              <p:cNvSpPr>
                <a:spLocks noEditPoints="1"/>
              </p:cNvSpPr>
              <p:nvPr/>
            </p:nvSpPr>
            <p:spPr bwMode="auto">
              <a:xfrm>
                <a:off x="4598988" y="3063876"/>
                <a:ext cx="136525" cy="136525"/>
              </a:xfrm>
              <a:custGeom>
                <a:avLst/>
                <a:gdLst>
                  <a:gd name="T0" fmla="*/ 9 w 22"/>
                  <a:gd name="T1" fmla="*/ 6 h 22"/>
                  <a:gd name="T2" fmla="*/ 9 w 22"/>
                  <a:gd name="T3" fmla="*/ 8 h 22"/>
                  <a:gd name="T4" fmla="*/ 8 w 22"/>
                  <a:gd name="T5" fmla="*/ 10 h 22"/>
                  <a:gd name="T6" fmla="*/ 6 w 22"/>
                  <a:gd name="T7" fmla="*/ 11 h 22"/>
                  <a:gd name="T8" fmla="*/ 5 w 22"/>
                  <a:gd name="T9" fmla="*/ 11 h 22"/>
                  <a:gd name="T10" fmla="*/ 3 w 22"/>
                  <a:gd name="T11" fmla="*/ 11 h 22"/>
                  <a:gd name="T12" fmla="*/ 1 w 22"/>
                  <a:gd name="T13" fmla="*/ 10 h 22"/>
                  <a:gd name="T14" fmla="*/ 0 w 22"/>
                  <a:gd name="T15" fmla="*/ 8 h 22"/>
                  <a:gd name="T16" fmla="*/ 0 w 22"/>
                  <a:gd name="T17" fmla="*/ 6 h 22"/>
                  <a:gd name="T18" fmla="*/ 0 w 22"/>
                  <a:gd name="T19" fmla="*/ 4 h 22"/>
                  <a:gd name="T20" fmla="*/ 1 w 22"/>
                  <a:gd name="T21" fmla="*/ 2 h 22"/>
                  <a:gd name="T22" fmla="*/ 3 w 22"/>
                  <a:gd name="T23" fmla="*/ 1 h 22"/>
                  <a:gd name="T24" fmla="*/ 5 w 22"/>
                  <a:gd name="T25" fmla="*/ 0 h 22"/>
                  <a:gd name="T26" fmla="*/ 6 w 22"/>
                  <a:gd name="T27" fmla="*/ 1 h 22"/>
                  <a:gd name="T28" fmla="*/ 8 w 22"/>
                  <a:gd name="T29" fmla="*/ 2 h 22"/>
                  <a:gd name="T30" fmla="*/ 9 w 22"/>
                  <a:gd name="T31" fmla="*/ 4 h 22"/>
                  <a:gd name="T32" fmla="*/ 9 w 22"/>
                  <a:gd name="T33" fmla="*/ 6 h 22"/>
                  <a:gd name="T34" fmla="*/ 7 w 22"/>
                  <a:gd name="T35" fmla="*/ 6 h 22"/>
                  <a:gd name="T36" fmla="*/ 5 w 22"/>
                  <a:gd name="T37" fmla="*/ 2 h 22"/>
                  <a:gd name="T38" fmla="*/ 2 w 22"/>
                  <a:gd name="T39" fmla="*/ 6 h 22"/>
                  <a:gd name="T40" fmla="*/ 5 w 22"/>
                  <a:gd name="T41" fmla="*/ 10 h 22"/>
                  <a:gd name="T42" fmla="*/ 7 w 22"/>
                  <a:gd name="T43" fmla="*/ 6 h 22"/>
                  <a:gd name="T44" fmla="*/ 18 w 22"/>
                  <a:gd name="T45" fmla="*/ 1 h 22"/>
                  <a:gd name="T46" fmla="*/ 6 w 22"/>
                  <a:gd name="T47" fmla="*/ 22 h 22"/>
                  <a:gd name="T48" fmla="*/ 4 w 22"/>
                  <a:gd name="T49" fmla="*/ 22 h 22"/>
                  <a:gd name="T50" fmla="*/ 16 w 22"/>
                  <a:gd name="T51" fmla="*/ 1 h 22"/>
                  <a:gd name="T52" fmla="*/ 18 w 22"/>
                  <a:gd name="T53" fmla="*/ 1 h 22"/>
                  <a:gd name="T54" fmla="*/ 22 w 22"/>
                  <a:gd name="T55" fmla="*/ 16 h 22"/>
                  <a:gd name="T56" fmla="*/ 22 w 22"/>
                  <a:gd name="T57" fmla="*/ 19 h 22"/>
                  <a:gd name="T58" fmla="*/ 21 w 22"/>
                  <a:gd name="T59" fmla="*/ 20 h 22"/>
                  <a:gd name="T60" fmla="*/ 19 w 22"/>
                  <a:gd name="T61" fmla="*/ 22 h 22"/>
                  <a:gd name="T62" fmla="*/ 17 w 22"/>
                  <a:gd name="T63" fmla="*/ 22 h 22"/>
                  <a:gd name="T64" fmla="*/ 15 w 22"/>
                  <a:gd name="T65" fmla="*/ 22 h 22"/>
                  <a:gd name="T66" fmla="*/ 14 w 22"/>
                  <a:gd name="T67" fmla="*/ 20 h 22"/>
                  <a:gd name="T68" fmla="*/ 13 w 22"/>
                  <a:gd name="T69" fmla="*/ 19 h 22"/>
                  <a:gd name="T70" fmla="*/ 13 w 22"/>
                  <a:gd name="T71" fmla="*/ 16 h 22"/>
                  <a:gd name="T72" fmla="*/ 13 w 22"/>
                  <a:gd name="T73" fmla="*/ 14 h 22"/>
                  <a:gd name="T74" fmla="*/ 14 w 22"/>
                  <a:gd name="T75" fmla="*/ 12 h 22"/>
                  <a:gd name="T76" fmla="*/ 15 w 22"/>
                  <a:gd name="T77" fmla="*/ 11 h 22"/>
                  <a:gd name="T78" fmla="*/ 17 w 22"/>
                  <a:gd name="T79" fmla="*/ 11 h 22"/>
                  <a:gd name="T80" fmla="*/ 19 w 22"/>
                  <a:gd name="T81" fmla="*/ 11 h 22"/>
                  <a:gd name="T82" fmla="*/ 21 w 22"/>
                  <a:gd name="T83" fmla="*/ 12 h 22"/>
                  <a:gd name="T84" fmla="*/ 22 w 22"/>
                  <a:gd name="T85" fmla="*/ 14 h 22"/>
                  <a:gd name="T86" fmla="*/ 22 w 22"/>
                  <a:gd name="T87" fmla="*/ 16 h 22"/>
                  <a:gd name="T88" fmla="*/ 20 w 22"/>
                  <a:gd name="T89" fmla="*/ 16 h 22"/>
                  <a:gd name="T90" fmla="*/ 17 w 22"/>
                  <a:gd name="T91" fmla="*/ 13 h 22"/>
                  <a:gd name="T92" fmla="*/ 15 w 22"/>
                  <a:gd name="T93" fmla="*/ 16 h 22"/>
                  <a:gd name="T94" fmla="*/ 17 w 22"/>
                  <a:gd name="T95" fmla="*/ 20 h 22"/>
                  <a:gd name="T96" fmla="*/ 20 w 22"/>
                  <a:gd name="T97" fmla="*/ 16 h 2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</a:cxnLst>
                <a:rect l="0" t="0" r="r" b="b"/>
                <a:pathLst>
                  <a:path w="22" h="22">
                    <a:moveTo>
                      <a:pt x="9" y="6"/>
                    </a:moveTo>
                    <a:cubicBezTo>
                      <a:pt x="9" y="7"/>
                      <a:pt x="9" y="8"/>
                      <a:pt x="9" y="8"/>
                    </a:cubicBezTo>
                    <a:cubicBezTo>
                      <a:pt x="9" y="9"/>
                      <a:pt x="8" y="9"/>
                      <a:pt x="8" y="10"/>
                    </a:cubicBezTo>
                    <a:cubicBezTo>
                      <a:pt x="8" y="10"/>
                      <a:pt x="7" y="11"/>
                      <a:pt x="6" y="11"/>
                    </a:cubicBezTo>
                    <a:cubicBezTo>
                      <a:pt x="6" y="11"/>
                      <a:pt x="5" y="11"/>
                      <a:pt x="5" y="11"/>
                    </a:cubicBezTo>
                    <a:cubicBezTo>
                      <a:pt x="4" y="11"/>
                      <a:pt x="3" y="11"/>
                      <a:pt x="3" y="11"/>
                    </a:cubicBezTo>
                    <a:cubicBezTo>
                      <a:pt x="2" y="11"/>
                      <a:pt x="2" y="10"/>
                      <a:pt x="1" y="10"/>
                    </a:cubicBezTo>
                    <a:cubicBezTo>
                      <a:pt x="1" y="9"/>
                      <a:pt x="0" y="9"/>
                      <a:pt x="0" y="8"/>
                    </a:cubicBezTo>
                    <a:cubicBezTo>
                      <a:pt x="0" y="7"/>
                      <a:pt x="0" y="7"/>
                      <a:pt x="0" y="6"/>
                    </a:cubicBezTo>
                    <a:cubicBezTo>
                      <a:pt x="0" y="5"/>
                      <a:pt x="0" y="4"/>
                      <a:pt x="0" y="4"/>
                    </a:cubicBezTo>
                    <a:cubicBezTo>
                      <a:pt x="0" y="3"/>
                      <a:pt x="1" y="2"/>
                      <a:pt x="1" y="2"/>
                    </a:cubicBezTo>
                    <a:cubicBezTo>
                      <a:pt x="2" y="1"/>
                      <a:pt x="2" y="1"/>
                      <a:pt x="3" y="1"/>
                    </a:cubicBezTo>
                    <a:cubicBezTo>
                      <a:pt x="3" y="0"/>
                      <a:pt x="4" y="0"/>
                      <a:pt x="5" y="0"/>
                    </a:cubicBezTo>
                    <a:cubicBezTo>
                      <a:pt x="5" y="0"/>
                      <a:pt x="6" y="0"/>
                      <a:pt x="6" y="1"/>
                    </a:cubicBezTo>
                    <a:cubicBezTo>
                      <a:pt x="7" y="1"/>
                      <a:pt x="8" y="1"/>
                      <a:pt x="8" y="2"/>
                    </a:cubicBezTo>
                    <a:cubicBezTo>
                      <a:pt x="8" y="2"/>
                      <a:pt x="9" y="3"/>
                      <a:pt x="9" y="4"/>
                    </a:cubicBezTo>
                    <a:cubicBezTo>
                      <a:pt x="9" y="4"/>
                      <a:pt x="9" y="5"/>
                      <a:pt x="9" y="6"/>
                    </a:cubicBezTo>
                    <a:moveTo>
                      <a:pt x="7" y="6"/>
                    </a:moveTo>
                    <a:cubicBezTo>
                      <a:pt x="7" y="3"/>
                      <a:pt x="6" y="2"/>
                      <a:pt x="5" y="2"/>
                    </a:cubicBezTo>
                    <a:cubicBezTo>
                      <a:pt x="3" y="2"/>
                      <a:pt x="2" y="3"/>
                      <a:pt x="2" y="6"/>
                    </a:cubicBezTo>
                    <a:cubicBezTo>
                      <a:pt x="2" y="8"/>
                      <a:pt x="3" y="10"/>
                      <a:pt x="5" y="10"/>
                    </a:cubicBezTo>
                    <a:cubicBezTo>
                      <a:pt x="6" y="10"/>
                      <a:pt x="7" y="8"/>
                      <a:pt x="7" y="6"/>
                    </a:cubicBezTo>
                    <a:moveTo>
                      <a:pt x="18" y="1"/>
                    </a:moveTo>
                    <a:cubicBezTo>
                      <a:pt x="6" y="22"/>
                      <a:pt x="6" y="22"/>
                      <a:pt x="6" y="22"/>
                    </a:cubicBezTo>
                    <a:cubicBezTo>
                      <a:pt x="4" y="22"/>
                      <a:pt x="4" y="22"/>
                      <a:pt x="4" y="22"/>
                    </a:cubicBezTo>
                    <a:cubicBezTo>
                      <a:pt x="16" y="1"/>
                      <a:pt x="16" y="1"/>
                      <a:pt x="16" y="1"/>
                    </a:cubicBezTo>
                    <a:lnTo>
                      <a:pt x="18" y="1"/>
                    </a:lnTo>
                    <a:close/>
                    <a:moveTo>
                      <a:pt x="22" y="16"/>
                    </a:moveTo>
                    <a:cubicBezTo>
                      <a:pt x="22" y="17"/>
                      <a:pt x="22" y="18"/>
                      <a:pt x="22" y="19"/>
                    </a:cubicBezTo>
                    <a:cubicBezTo>
                      <a:pt x="22" y="19"/>
                      <a:pt x="21" y="20"/>
                      <a:pt x="21" y="20"/>
                    </a:cubicBezTo>
                    <a:cubicBezTo>
                      <a:pt x="20" y="21"/>
                      <a:pt x="20" y="21"/>
                      <a:pt x="19" y="22"/>
                    </a:cubicBezTo>
                    <a:cubicBezTo>
                      <a:pt x="19" y="22"/>
                      <a:pt x="18" y="22"/>
                      <a:pt x="17" y="22"/>
                    </a:cubicBezTo>
                    <a:cubicBezTo>
                      <a:pt x="17" y="22"/>
                      <a:pt x="16" y="22"/>
                      <a:pt x="15" y="22"/>
                    </a:cubicBezTo>
                    <a:cubicBezTo>
                      <a:pt x="15" y="21"/>
                      <a:pt x="14" y="21"/>
                      <a:pt x="14" y="20"/>
                    </a:cubicBezTo>
                    <a:cubicBezTo>
                      <a:pt x="14" y="20"/>
                      <a:pt x="13" y="19"/>
                      <a:pt x="13" y="19"/>
                    </a:cubicBezTo>
                    <a:cubicBezTo>
                      <a:pt x="13" y="18"/>
                      <a:pt x="13" y="17"/>
                      <a:pt x="13" y="16"/>
                    </a:cubicBezTo>
                    <a:cubicBezTo>
                      <a:pt x="13" y="16"/>
                      <a:pt x="13" y="15"/>
                      <a:pt x="13" y="14"/>
                    </a:cubicBezTo>
                    <a:cubicBezTo>
                      <a:pt x="13" y="13"/>
                      <a:pt x="14" y="13"/>
                      <a:pt x="14" y="12"/>
                    </a:cubicBezTo>
                    <a:cubicBezTo>
                      <a:pt x="14" y="12"/>
                      <a:pt x="15" y="11"/>
                      <a:pt x="15" y="11"/>
                    </a:cubicBezTo>
                    <a:cubicBezTo>
                      <a:pt x="16" y="11"/>
                      <a:pt x="17" y="11"/>
                      <a:pt x="17" y="11"/>
                    </a:cubicBezTo>
                    <a:cubicBezTo>
                      <a:pt x="18" y="11"/>
                      <a:pt x="19" y="11"/>
                      <a:pt x="19" y="11"/>
                    </a:cubicBezTo>
                    <a:cubicBezTo>
                      <a:pt x="20" y="11"/>
                      <a:pt x="20" y="12"/>
                      <a:pt x="21" y="12"/>
                    </a:cubicBezTo>
                    <a:cubicBezTo>
                      <a:pt x="21" y="13"/>
                      <a:pt x="22" y="13"/>
                      <a:pt x="22" y="14"/>
                    </a:cubicBezTo>
                    <a:cubicBezTo>
                      <a:pt x="22" y="15"/>
                      <a:pt x="22" y="16"/>
                      <a:pt x="22" y="16"/>
                    </a:cubicBezTo>
                    <a:moveTo>
                      <a:pt x="20" y="16"/>
                    </a:moveTo>
                    <a:cubicBezTo>
                      <a:pt x="20" y="14"/>
                      <a:pt x="19" y="13"/>
                      <a:pt x="17" y="13"/>
                    </a:cubicBezTo>
                    <a:cubicBezTo>
                      <a:pt x="16" y="13"/>
                      <a:pt x="15" y="14"/>
                      <a:pt x="15" y="16"/>
                    </a:cubicBezTo>
                    <a:cubicBezTo>
                      <a:pt x="15" y="19"/>
                      <a:pt x="16" y="20"/>
                      <a:pt x="17" y="20"/>
                    </a:cubicBezTo>
                    <a:cubicBezTo>
                      <a:pt x="19" y="20"/>
                      <a:pt x="20" y="19"/>
                      <a:pt x="20" y="16"/>
                    </a:cubicBezTo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14" name="Freeform 28"/>
            <p:cNvSpPr>
              <a:spLocks noEditPoints="1"/>
            </p:cNvSpPr>
            <p:nvPr/>
          </p:nvSpPr>
          <p:spPr bwMode="auto">
            <a:xfrm>
              <a:off x="4425982" y="3492785"/>
              <a:ext cx="317438" cy="413770"/>
            </a:xfrm>
            <a:custGeom>
              <a:avLst/>
              <a:gdLst>
                <a:gd name="T0" fmla="*/ 34 w 68"/>
                <a:gd name="T1" fmla="*/ 0 h 89"/>
                <a:gd name="T2" fmla="*/ 53 w 68"/>
                <a:gd name="T3" fmla="*/ 19 h 89"/>
                <a:gd name="T4" fmla="*/ 34 w 68"/>
                <a:gd name="T5" fmla="*/ 38 h 89"/>
                <a:gd name="T6" fmla="*/ 15 w 68"/>
                <a:gd name="T7" fmla="*/ 19 h 89"/>
                <a:gd name="T8" fmla="*/ 34 w 68"/>
                <a:gd name="T9" fmla="*/ 0 h 89"/>
                <a:gd name="T10" fmla="*/ 68 w 68"/>
                <a:gd name="T11" fmla="*/ 80 h 89"/>
                <a:gd name="T12" fmla="*/ 0 w 68"/>
                <a:gd name="T13" fmla="*/ 80 h 89"/>
                <a:gd name="T14" fmla="*/ 22 w 68"/>
                <a:gd name="T15" fmla="*/ 44 h 89"/>
                <a:gd name="T16" fmla="*/ 34 w 68"/>
                <a:gd name="T17" fmla="*/ 64 h 89"/>
                <a:gd name="T18" fmla="*/ 47 w 68"/>
                <a:gd name="T19" fmla="*/ 44 h 89"/>
                <a:gd name="T20" fmla="*/ 68 w 68"/>
                <a:gd name="T21" fmla="*/ 80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8" h="89">
                  <a:moveTo>
                    <a:pt x="34" y="0"/>
                  </a:moveTo>
                  <a:cubicBezTo>
                    <a:pt x="44" y="0"/>
                    <a:pt x="53" y="9"/>
                    <a:pt x="53" y="19"/>
                  </a:cubicBezTo>
                  <a:cubicBezTo>
                    <a:pt x="53" y="30"/>
                    <a:pt x="44" y="38"/>
                    <a:pt x="34" y="38"/>
                  </a:cubicBezTo>
                  <a:cubicBezTo>
                    <a:pt x="23" y="38"/>
                    <a:pt x="15" y="30"/>
                    <a:pt x="15" y="19"/>
                  </a:cubicBezTo>
                  <a:cubicBezTo>
                    <a:pt x="15" y="9"/>
                    <a:pt x="23" y="0"/>
                    <a:pt x="34" y="0"/>
                  </a:cubicBezTo>
                  <a:close/>
                  <a:moveTo>
                    <a:pt x="68" y="80"/>
                  </a:moveTo>
                  <a:cubicBezTo>
                    <a:pt x="46" y="88"/>
                    <a:pt x="24" y="89"/>
                    <a:pt x="0" y="80"/>
                  </a:cubicBezTo>
                  <a:cubicBezTo>
                    <a:pt x="0" y="60"/>
                    <a:pt x="10" y="48"/>
                    <a:pt x="22" y="44"/>
                  </a:cubicBezTo>
                  <a:cubicBezTo>
                    <a:pt x="34" y="64"/>
                    <a:pt x="34" y="64"/>
                    <a:pt x="34" y="64"/>
                  </a:cubicBezTo>
                  <a:cubicBezTo>
                    <a:pt x="47" y="44"/>
                    <a:pt x="47" y="44"/>
                    <a:pt x="47" y="44"/>
                  </a:cubicBezTo>
                  <a:cubicBezTo>
                    <a:pt x="58" y="49"/>
                    <a:pt x="67" y="61"/>
                    <a:pt x="68" y="80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19" name="组合 18"/>
          <p:cNvGrpSpPr/>
          <p:nvPr/>
        </p:nvGrpSpPr>
        <p:grpSpPr>
          <a:xfrm>
            <a:off x="6577868" y="2665234"/>
            <a:ext cx="3544284" cy="498093"/>
            <a:chOff x="5053868" y="1895211"/>
            <a:chExt cx="3544284" cy="498093"/>
          </a:xfrm>
        </p:grpSpPr>
        <p:grpSp>
          <p:nvGrpSpPr>
            <p:cNvPr id="20" name="组合 19"/>
            <p:cNvGrpSpPr/>
            <p:nvPr/>
          </p:nvGrpSpPr>
          <p:grpSpPr>
            <a:xfrm>
              <a:off x="5053868" y="1895211"/>
              <a:ext cx="2676452" cy="372098"/>
              <a:chOff x="5141550" y="2007945"/>
              <a:chExt cx="2676452" cy="372098"/>
            </a:xfrm>
          </p:grpSpPr>
          <p:grpSp>
            <p:nvGrpSpPr>
              <p:cNvPr id="22" name="组合 21"/>
              <p:cNvGrpSpPr/>
              <p:nvPr/>
            </p:nvGrpSpPr>
            <p:grpSpPr>
              <a:xfrm>
                <a:off x="6025714" y="2035555"/>
                <a:ext cx="1792288" cy="344488"/>
                <a:chOff x="6775450" y="2039938"/>
                <a:chExt cx="1792288" cy="344488"/>
              </a:xfrm>
            </p:grpSpPr>
            <p:sp>
              <p:nvSpPr>
                <p:cNvPr id="24" name="Freeform 97"/>
                <p:cNvSpPr>
                  <a:spLocks/>
                </p:cNvSpPr>
                <p:nvPr/>
              </p:nvSpPr>
              <p:spPr bwMode="auto">
                <a:xfrm>
                  <a:off x="6775450" y="2101851"/>
                  <a:ext cx="130175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25" name="Oval 98"/>
                <p:cNvSpPr>
                  <a:spLocks noChangeArrowheads="1"/>
                </p:cNvSpPr>
                <p:nvPr/>
              </p:nvSpPr>
              <p:spPr bwMode="auto">
                <a:xfrm>
                  <a:off x="6811963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26" name="Freeform 99"/>
                <p:cNvSpPr>
                  <a:spLocks/>
                </p:cNvSpPr>
                <p:nvPr/>
              </p:nvSpPr>
              <p:spPr bwMode="auto">
                <a:xfrm>
                  <a:off x="6927850" y="2101851"/>
                  <a:ext cx="130175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27" name="Oval 100"/>
                <p:cNvSpPr>
                  <a:spLocks noChangeArrowheads="1"/>
                </p:cNvSpPr>
                <p:nvPr/>
              </p:nvSpPr>
              <p:spPr bwMode="auto">
                <a:xfrm>
                  <a:off x="6964363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28" name="Freeform 101"/>
                <p:cNvSpPr>
                  <a:spLocks/>
                </p:cNvSpPr>
                <p:nvPr/>
              </p:nvSpPr>
              <p:spPr bwMode="auto">
                <a:xfrm>
                  <a:off x="7078663" y="2101851"/>
                  <a:ext cx="130175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4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29" name="Oval 102"/>
                <p:cNvSpPr>
                  <a:spLocks noChangeArrowheads="1"/>
                </p:cNvSpPr>
                <p:nvPr/>
              </p:nvSpPr>
              <p:spPr bwMode="auto">
                <a:xfrm>
                  <a:off x="7115175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0" name="Freeform 103"/>
                <p:cNvSpPr>
                  <a:spLocks/>
                </p:cNvSpPr>
                <p:nvPr/>
              </p:nvSpPr>
              <p:spPr bwMode="auto">
                <a:xfrm>
                  <a:off x="7229475" y="2101851"/>
                  <a:ext cx="131762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4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1" name="Oval 104"/>
                <p:cNvSpPr>
                  <a:spLocks noChangeArrowheads="1"/>
                </p:cNvSpPr>
                <p:nvPr/>
              </p:nvSpPr>
              <p:spPr bwMode="auto">
                <a:xfrm>
                  <a:off x="7265988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2" name="Freeform 141"/>
                <p:cNvSpPr>
                  <a:spLocks/>
                </p:cNvSpPr>
                <p:nvPr/>
              </p:nvSpPr>
              <p:spPr bwMode="auto">
                <a:xfrm>
                  <a:off x="7377113" y="2101851"/>
                  <a:ext cx="134937" cy="282575"/>
                </a:xfrm>
                <a:custGeom>
                  <a:avLst/>
                  <a:gdLst>
                    <a:gd name="T0" fmla="*/ 20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20 w 26"/>
                    <a:gd name="T39" fmla="*/ 50 h 54"/>
                    <a:gd name="T40" fmla="*/ 20 w 26"/>
                    <a:gd name="T41" fmla="*/ 23 h 54"/>
                    <a:gd name="T42" fmla="*/ 20 w 26"/>
                    <a:gd name="T43" fmla="*/ 23 h 54"/>
                    <a:gd name="T44" fmla="*/ 20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20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3" name="Oval 142"/>
                <p:cNvSpPr>
                  <a:spLocks noChangeArrowheads="1"/>
                </p:cNvSpPr>
                <p:nvPr/>
              </p:nvSpPr>
              <p:spPr bwMode="auto">
                <a:xfrm>
                  <a:off x="7418388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4" name="Freeform 143"/>
                <p:cNvSpPr>
                  <a:spLocks/>
                </p:cNvSpPr>
                <p:nvPr/>
              </p:nvSpPr>
              <p:spPr bwMode="auto">
                <a:xfrm>
                  <a:off x="7527925" y="2101851"/>
                  <a:ext cx="136525" cy="282575"/>
                </a:xfrm>
                <a:custGeom>
                  <a:avLst/>
                  <a:gdLst>
                    <a:gd name="T0" fmla="*/ 19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19 w 26"/>
                    <a:gd name="T39" fmla="*/ 50 h 54"/>
                    <a:gd name="T40" fmla="*/ 19 w 26"/>
                    <a:gd name="T41" fmla="*/ 23 h 54"/>
                    <a:gd name="T42" fmla="*/ 19 w 26"/>
                    <a:gd name="T43" fmla="*/ 23 h 54"/>
                    <a:gd name="T44" fmla="*/ 19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19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5" name="Oval 144"/>
                <p:cNvSpPr>
                  <a:spLocks noChangeArrowheads="1"/>
                </p:cNvSpPr>
                <p:nvPr/>
              </p:nvSpPr>
              <p:spPr bwMode="auto">
                <a:xfrm>
                  <a:off x="7569200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6" name="Freeform 145"/>
                <p:cNvSpPr>
                  <a:spLocks/>
                </p:cNvSpPr>
                <p:nvPr/>
              </p:nvSpPr>
              <p:spPr bwMode="auto">
                <a:xfrm>
                  <a:off x="7680325" y="2101851"/>
                  <a:ext cx="134937" cy="282575"/>
                </a:xfrm>
                <a:custGeom>
                  <a:avLst/>
                  <a:gdLst>
                    <a:gd name="T0" fmla="*/ 19 w 26"/>
                    <a:gd name="T1" fmla="*/ 0 h 54"/>
                    <a:gd name="T2" fmla="*/ 6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3 w 26"/>
                    <a:gd name="T33" fmla="*/ 27 h 54"/>
                    <a:gd name="T34" fmla="*/ 13 w 26"/>
                    <a:gd name="T35" fmla="*/ 50 h 54"/>
                    <a:gd name="T36" fmla="*/ 16 w 26"/>
                    <a:gd name="T37" fmla="*/ 54 h 54"/>
                    <a:gd name="T38" fmla="*/ 19 w 26"/>
                    <a:gd name="T39" fmla="*/ 50 h 54"/>
                    <a:gd name="T40" fmla="*/ 19 w 26"/>
                    <a:gd name="T41" fmla="*/ 23 h 54"/>
                    <a:gd name="T42" fmla="*/ 19 w 26"/>
                    <a:gd name="T43" fmla="*/ 23 h 54"/>
                    <a:gd name="T44" fmla="*/ 19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19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7" name="Oval 146"/>
                <p:cNvSpPr>
                  <a:spLocks noChangeArrowheads="1"/>
                </p:cNvSpPr>
                <p:nvPr/>
              </p:nvSpPr>
              <p:spPr bwMode="auto">
                <a:xfrm>
                  <a:off x="7721600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8" name="Freeform 147"/>
                <p:cNvSpPr>
                  <a:spLocks/>
                </p:cNvSpPr>
                <p:nvPr/>
              </p:nvSpPr>
              <p:spPr bwMode="auto">
                <a:xfrm>
                  <a:off x="7831138" y="2101851"/>
                  <a:ext cx="130175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39" name="Oval 148"/>
                <p:cNvSpPr>
                  <a:spLocks noChangeArrowheads="1"/>
                </p:cNvSpPr>
                <p:nvPr/>
              </p:nvSpPr>
              <p:spPr bwMode="auto">
                <a:xfrm>
                  <a:off x="7872413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40" name="Freeform 149"/>
                <p:cNvSpPr>
                  <a:spLocks/>
                </p:cNvSpPr>
                <p:nvPr/>
              </p:nvSpPr>
              <p:spPr bwMode="auto">
                <a:xfrm>
                  <a:off x="7981950" y="2101851"/>
                  <a:ext cx="131762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41" name="Oval 150"/>
                <p:cNvSpPr>
                  <a:spLocks noChangeArrowheads="1"/>
                </p:cNvSpPr>
                <p:nvPr/>
              </p:nvSpPr>
              <p:spPr bwMode="auto">
                <a:xfrm>
                  <a:off x="8024813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42" name="Freeform 151"/>
                <p:cNvSpPr>
                  <a:spLocks/>
                </p:cNvSpPr>
                <p:nvPr/>
              </p:nvSpPr>
              <p:spPr bwMode="auto">
                <a:xfrm>
                  <a:off x="8134350" y="2101851"/>
                  <a:ext cx="130175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43" name="Oval 152"/>
                <p:cNvSpPr>
                  <a:spLocks noChangeArrowheads="1"/>
                </p:cNvSpPr>
                <p:nvPr/>
              </p:nvSpPr>
              <p:spPr bwMode="auto">
                <a:xfrm>
                  <a:off x="8170863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44" name="Freeform 153"/>
                <p:cNvSpPr>
                  <a:spLocks/>
                </p:cNvSpPr>
                <p:nvPr/>
              </p:nvSpPr>
              <p:spPr bwMode="auto">
                <a:xfrm>
                  <a:off x="8285163" y="2101851"/>
                  <a:ext cx="131762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45" name="Oval 154"/>
                <p:cNvSpPr>
                  <a:spLocks noChangeArrowheads="1"/>
                </p:cNvSpPr>
                <p:nvPr/>
              </p:nvSpPr>
              <p:spPr bwMode="auto">
                <a:xfrm>
                  <a:off x="8321675" y="2039938"/>
                  <a:ext cx="5873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46" name="Freeform 155"/>
                <p:cNvSpPr>
                  <a:spLocks/>
                </p:cNvSpPr>
                <p:nvPr/>
              </p:nvSpPr>
              <p:spPr bwMode="auto">
                <a:xfrm>
                  <a:off x="8437563" y="2101851"/>
                  <a:ext cx="130175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4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47" name="Oval 156"/>
                <p:cNvSpPr>
                  <a:spLocks noChangeArrowheads="1"/>
                </p:cNvSpPr>
                <p:nvPr/>
              </p:nvSpPr>
              <p:spPr bwMode="auto">
                <a:xfrm>
                  <a:off x="8474075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</p:grpSp>
          <p:sp>
            <p:nvSpPr>
              <p:cNvPr id="23" name="TextBox 22"/>
              <p:cNvSpPr txBox="1"/>
              <p:nvPr/>
            </p:nvSpPr>
            <p:spPr>
              <a:xfrm>
                <a:off x="5141550" y="2007945"/>
                <a:ext cx="522900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1400" dirty="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typeface="MStiffHeiHK-UltraBold" pitchFamily="50" charset="-120"/>
                    <a:ea typeface="MStiffHeiHK-UltraBold" pitchFamily="50" charset="-120"/>
                  </a:rPr>
                  <a:t>Text</a:t>
                </a:r>
                <a:endParaRPr lang="zh-CN" altLang="en-US" sz="1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MStiffHeiHK-UltraBold" pitchFamily="50" charset="-120"/>
                  <a:ea typeface="MStiffHeiHK-UltraBold" pitchFamily="50" charset="-120"/>
                </a:endParaRPr>
              </a:p>
            </p:txBody>
          </p:sp>
        </p:grpSp>
        <p:cxnSp>
          <p:nvCxnSpPr>
            <p:cNvPr id="21" name="直接连接符 20"/>
            <p:cNvCxnSpPr/>
            <p:nvPr/>
          </p:nvCxnSpPr>
          <p:spPr>
            <a:xfrm>
              <a:off x="5053868" y="2393304"/>
              <a:ext cx="3544284" cy="0"/>
            </a:xfrm>
            <a:prstGeom prst="line">
              <a:avLst/>
            </a:prstGeom>
            <a:ln w="28575">
              <a:solidFill>
                <a:srgbClr val="E1DAAD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48" name="组合 47"/>
          <p:cNvGrpSpPr/>
          <p:nvPr/>
        </p:nvGrpSpPr>
        <p:grpSpPr>
          <a:xfrm>
            <a:off x="6577868" y="3404721"/>
            <a:ext cx="3544284" cy="522692"/>
            <a:chOff x="5053868" y="2634700"/>
            <a:chExt cx="3544284" cy="522692"/>
          </a:xfrm>
        </p:grpSpPr>
        <p:grpSp>
          <p:nvGrpSpPr>
            <p:cNvPr id="49" name="组合 48"/>
            <p:cNvGrpSpPr/>
            <p:nvPr/>
          </p:nvGrpSpPr>
          <p:grpSpPr>
            <a:xfrm>
              <a:off x="5053868" y="2634700"/>
              <a:ext cx="2076377" cy="344488"/>
              <a:chOff x="5141550" y="2653490"/>
              <a:chExt cx="2076377" cy="344488"/>
            </a:xfrm>
          </p:grpSpPr>
          <p:grpSp>
            <p:nvGrpSpPr>
              <p:cNvPr id="51" name="组合 50"/>
              <p:cNvGrpSpPr/>
              <p:nvPr/>
            </p:nvGrpSpPr>
            <p:grpSpPr>
              <a:xfrm>
                <a:off x="6025714" y="2653490"/>
                <a:ext cx="1192213" cy="344488"/>
                <a:chOff x="4648200" y="2039938"/>
                <a:chExt cx="1192213" cy="344488"/>
              </a:xfrm>
            </p:grpSpPr>
            <p:sp>
              <p:nvSpPr>
                <p:cNvPr id="53" name="Freeform 33"/>
                <p:cNvSpPr>
                  <a:spLocks/>
                </p:cNvSpPr>
                <p:nvPr/>
              </p:nvSpPr>
              <p:spPr bwMode="auto">
                <a:xfrm>
                  <a:off x="4648200" y="2101851"/>
                  <a:ext cx="136525" cy="282575"/>
                </a:xfrm>
                <a:custGeom>
                  <a:avLst/>
                  <a:gdLst>
                    <a:gd name="T0" fmla="*/ 20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3 w 26"/>
                    <a:gd name="T13" fmla="*/ 26 h 54"/>
                    <a:gd name="T14" fmla="*/ 5 w 26"/>
                    <a:gd name="T15" fmla="*/ 24 h 54"/>
                    <a:gd name="T16" fmla="*/ 5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7 w 26"/>
                    <a:gd name="T23" fmla="*/ 24 h 54"/>
                    <a:gd name="T24" fmla="*/ 7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20 w 26"/>
                    <a:gd name="T39" fmla="*/ 50 h 54"/>
                    <a:gd name="T40" fmla="*/ 20 w 26"/>
                    <a:gd name="T41" fmla="*/ 23 h 54"/>
                    <a:gd name="T42" fmla="*/ 20 w 26"/>
                    <a:gd name="T43" fmla="*/ 23 h 54"/>
                    <a:gd name="T44" fmla="*/ 20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4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20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3" y="26"/>
                      </a:cubicBezTo>
                      <a:cubicBezTo>
                        <a:pt x="4" y="26"/>
                        <a:pt x="5" y="25"/>
                        <a:pt x="5" y="24"/>
                      </a:cubicBezTo>
                      <a:cubicBezTo>
                        <a:pt x="5" y="8"/>
                        <a:pt x="5" y="8"/>
                        <a:pt x="5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7" y="24"/>
                      </a:cubicBezTo>
                      <a:cubicBezTo>
                        <a:pt x="7" y="50"/>
                        <a:pt x="7" y="50"/>
                        <a:pt x="7" y="50"/>
                      </a:cubicBezTo>
                      <a:cubicBezTo>
                        <a:pt x="7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4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54" name="Oval 34"/>
                <p:cNvSpPr>
                  <a:spLocks noChangeArrowheads="1"/>
                </p:cNvSpPr>
                <p:nvPr/>
              </p:nvSpPr>
              <p:spPr bwMode="auto">
                <a:xfrm>
                  <a:off x="4691063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55" name="Freeform 35"/>
                <p:cNvSpPr>
                  <a:spLocks/>
                </p:cNvSpPr>
                <p:nvPr/>
              </p:nvSpPr>
              <p:spPr bwMode="auto">
                <a:xfrm>
                  <a:off x="4800600" y="2101851"/>
                  <a:ext cx="134937" cy="282575"/>
                </a:xfrm>
                <a:custGeom>
                  <a:avLst/>
                  <a:gdLst>
                    <a:gd name="T0" fmla="*/ 20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5 w 26"/>
                    <a:gd name="T15" fmla="*/ 24 h 54"/>
                    <a:gd name="T16" fmla="*/ 5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20 w 26"/>
                    <a:gd name="T39" fmla="*/ 50 h 54"/>
                    <a:gd name="T40" fmla="*/ 20 w 26"/>
                    <a:gd name="T41" fmla="*/ 23 h 54"/>
                    <a:gd name="T42" fmla="*/ 20 w 26"/>
                    <a:gd name="T43" fmla="*/ 23 h 54"/>
                    <a:gd name="T44" fmla="*/ 20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4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20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4" y="26"/>
                        <a:pt x="5" y="25"/>
                        <a:pt x="5" y="24"/>
                      </a:cubicBezTo>
                      <a:cubicBezTo>
                        <a:pt x="5" y="8"/>
                        <a:pt x="5" y="8"/>
                        <a:pt x="5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4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56" name="Oval 36"/>
                <p:cNvSpPr>
                  <a:spLocks noChangeArrowheads="1"/>
                </p:cNvSpPr>
                <p:nvPr/>
              </p:nvSpPr>
              <p:spPr bwMode="auto">
                <a:xfrm>
                  <a:off x="4841875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57" name="Freeform 37"/>
                <p:cNvSpPr>
                  <a:spLocks/>
                </p:cNvSpPr>
                <p:nvPr/>
              </p:nvSpPr>
              <p:spPr bwMode="auto">
                <a:xfrm>
                  <a:off x="4951413" y="2101851"/>
                  <a:ext cx="136525" cy="282575"/>
                </a:xfrm>
                <a:custGeom>
                  <a:avLst/>
                  <a:gdLst>
                    <a:gd name="T0" fmla="*/ 20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5 w 26"/>
                    <a:gd name="T15" fmla="*/ 24 h 54"/>
                    <a:gd name="T16" fmla="*/ 5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20 w 26"/>
                    <a:gd name="T39" fmla="*/ 50 h 54"/>
                    <a:gd name="T40" fmla="*/ 20 w 26"/>
                    <a:gd name="T41" fmla="*/ 23 h 54"/>
                    <a:gd name="T42" fmla="*/ 20 w 26"/>
                    <a:gd name="T43" fmla="*/ 23 h 54"/>
                    <a:gd name="T44" fmla="*/ 20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4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20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4" y="26"/>
                        <a:pt x="5" y="25"/>
                        <a:pt x="5" y="24"/>
                      </a:cubicBezTo>
                      <a:cubicBezTo>
                        <a:pt x="5" y="8"/>
                        <a:pt x="5" y="8"/>
                        <a:pt x="5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4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58" name="Oval 38"/>
                <p:cNvSpPr>
                  <a:spLocks noChangeArrowheads="1"/>
                </p:cNvSpPr>
                <p:nvPr/>
              </p:nvSpPr>
              <p:spPr bwMode="auto">
                <a:xfrm>
                  <a:off x="4994275" y="2039938"/>
                  <a:ext cx="50800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59" name="Freeform 39"/>
                <p:cNvSpPr>
                  <a:spLocks/>
                </p:cNvSpPr>
                <p:nvPr/>
              </p:nvSpPr>
              <p:spPr bwMode="auto">
                <a:xfrm>
                  <a:off x="5103813" y="2101851"/>
                  <a:ext cx="134937" cy="282575"/>
                </a:xfrm>
                <a:custGeom>
                  <a:avLst/>
                  <a:gdLst>
                    <a:gd name="T0" fmla="*/ 20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20 w 26"/>
                    <a:gd name="T39" fmla="*/ 50 h 54"/>
                    <a:gd name="T40" fmla="*/ 20 w 26"/>
                    <a:gd name="T41" fmla="*/ 23 h 54"/>
                    <a:gd name="T42" fmla="*/ 20 w 26"/>
                    <a:gd name="T43" fmla="*/ 23 h 54"/>
                    <a:gd name="T44" fmla="*/ 20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20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60" name="Oval 40"/>
                <p:cNvSpPr>
                  <a:spLocks noChangeArrowheads="1"/>
                </p:cNvSpPr>
                <p:nvPr/>
              </p:nvSpPr>
              <p:spPr bwMode="auto">
                <a:xfrm>
                  <a:off x="5145088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61" name="Freeform 41"/>
                <p:cNvSpPr>
                  <a:spLocks/>
                </p:cNvSpPr>
                <p:nvPr/>
              </p:nvSpPr>
              <p:spPr bwMode="auto">
                <a:xfrm>
                  <a:off x="5254625" y="2101851"/>
                  <a:ext cx="136525" cy="282575"/>
                </a:xfrm>
                <a:custGeom>
                  <a:avLst/>
                  <a:gdLst>
                    <a:gd name="T0" fmla="*/ 20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20 w 26"/>
                    <a:gd name="T39" fmla="*/ 50 h 54"/>
                    <a:gd name="T40" fmla="*/ 20 w 26"/>
                    <a:gd name="T41" fmla="*/ 23 h 54"/>
                    <a:gd name="T42" fmla="*/ 20 w 26"/>
                    <a:gd name="T43" fmla="*/ 23 h 54"/>
                    <a:gd name="T44" fmla="*/ 20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20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62" name="Oval 42"/>
                <p:cNvSpPr>
                  <a:spLocks noChangeArrowheads="1"/>
                </p:cNvSpPr>
                <p:nvPr/>
              </p:nvSpPr>
              <p:spPr bwMode="auto">
                <a:xfrm>
                  <a:off x="5295900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63" name="Freeform 43"/>
                <p:cNvSpPr>
                  <a:spLocks/>
                </p:cNvSpPr>
                <p:nvPr/>
              </p:nvSpPr>
              <p:spPr bwMode="auto">
                <a:xfrm>
                  <a:off x="5407025" y="2101851"/>
                  <a:ext cx="134937" cy="282575"/>
                </a:xfrm>
                <a:custGeom>
                  <a:avLst/>
                  <a:gdLst>
                    <a:gd name="T0" fmla="*/ 19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19 w 26"/>
                    <a:gd name="T39" fmla="*/ 50 h 54"/>
                    <a:gd name="T40" fmla="*/ 19 w 26"/>
                    <a:gd name="T41" fmla="*/ 23 h 54"/>
                    <a:gd name="T42" fmla="*/ 19 w 26"/>
                    <a:gd name="T43" fmla="*/ 23 h 54"/>
                    <a:gd name="T44" fmla="*/ 19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19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19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64" name="Oval 44"/>
                <p:cNvSpPr>
                  <a:spLocks noChangeArrowheads="1"/>
                </p:cNvSpPr>
                <p:nvPr/>
              </p:nvSpPr>
              <p:spPr bwMode="auto">
                <a:xfrm>
                  <a:off x="5448300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65" name="Freeform 45"/>
                <p:cNvSpPr>
                  <a:spLocks/>
                </p:cNvSpPr>
                <p:nvPr/>
              </p:nvSpPr>
              <p:spPr bwMode="auto">
                <a:xfrm>
                  <a:off x="5557838" y="2101851"/>
                  <a:ext cx="136525" cy="282575"/>
                </a:xfrm>
                <a:custGeom>
                  <a:avLst/>
                  <a:gdLst>
                    <a:gd name="T0" fmla="*/ 19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3 w 26"/>
                    <a:gd name="T33" fmla="*/ 27 h 54"/>
                    <a:gd name="T34" fmla="*/ 13 w 26"/>
                    <a:gd name="T35" fmla="*/ 50 h 54"/>
                    <a:gd name="T36" fmla="*/ 16 w 26"/>
                    <a:gd name="T37" fmla="*/ 54 h 54"/>
                    <a:gd name="T38" fmla="*/ 19 w 26"/>
                    <a:gd name="T39" fmla="*/ 50 h 54"/>
                    <a:gd name="T40" fmla="*/ 19 w 26"/>
                    <a:gd name="T41" fmla="*/ 23 h 54"/>
                    <a:gd name="T42" fmla="*/ 19 w 26"/>
                    <a:gd name="T43" fmla="*/ 23 h 54"/>
                    <a:gd name="T44" fmla="*/ 19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19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66" name="Oval 46"/>
                <p:cNvSpPr>
                  <a:spLocks noChangeArrowheads="1"/>
                </p:cNvSpPr>
                <p:nvPr/>
              </p:nvSpPr>
              <p:spPr bwMode="auto">
                <a:xfrm>
                  <a:off x="5599113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67" name="Freeform 47"/>
                <p:cNvSpPr>
                  <a:spLocks/>
                </p:cNvSpPr>
                <p:nvPr/>
              </p:nvSpPr>
              <p:spPr bwMode="auto">
                <a:xfrm>
                  <a:off x="5710238" y="2101851"/>
                  <a:ext cx="130175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68" name="Oval 48"/>
                <p:cNvSpPr>
                  <a:spLocks noChangeArrowheads="1"/>
                </p:cNvSpPr>
                <p:nvPr/>
              </p:nvSpPr>
              <p:spPr bwMode="auto">
                <a:xfrm>
                  <a:off x="5751513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</p:grpSp>
          <p:sp>
            <p:nvSpPr>
              <p:cNvPr id="52" name="TextBox 51"/>
              <p:cNvSpPr txBox="1"/>
              <p:nvPr/>
            </p:nvSpPr>
            <p:spPr>
              <a:xfrm>
                <a:off x="5141550" y="2671824"/>
                <a:ext cx="522900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1400" dirty="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typeface="MStiffHeiHK-UltraBold" pitchFamily="50" charset="-120"/>
                    <a:ea typeface="MStiffHeiHK-UltraBold" pitchFamily="50" charset="-120"/>
                  </a:rPr>
                  <a:t>Text</a:t>
                </a:r>
                <a:endParaRPr lang="zh-CN" altLang="en-US" sz="1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MStiffHeiHK-UltraBold" pitchFamily="50" charset="-120"/>
                  <a:ea typeface="MStiffHeiHK-UltraBold" pitchFamily="50" charset="-120"/>
                </a:endParaRPr>
              </a:p>
            </p:txBody>
          </p:sp>
        </p:grpSp>
        <p:cxnSp>
          <p:nvCxnSpPr>
            <p:cNvPr id="50" name="直接连接符 49"/>
            <p:cNvCxnSpPr/>
            <p:nvPr/>
          </p:nvCxnSpPr>
          <p:spPr>
            <a:xfrm>
              <a:off x="5053868" y="3157392"/>
              <a:ext cx="3544284" cy="0"/>
            </a:xfrm>
            <a:prstGeom prst="line">
              <a:avLst/>
            </a:prstGeom>
            <a:ln w="28575">
              <a:solidFill>
                <a:srgbClr val="E1DAAD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69" name="组合 68"/>
          <p:cNvGrpSpPr/>
          <p:nvPr/>
        </p:nvGrpSpPr>
        <p:grpSpPr>
          <a:xfrm>
            <a:off x="6577868" y="4116602"/>
            <a:ext cx="3544284" cy="537321"/>
            <a:chOff x="5053868" y="3346580"/>
            <a:chExt cx="3544284" cy="537321"/>
          </a:xfrm>
        </p:grpSpPr>
        <p:grpSp>
          <p:nvGrpSpPr>
            <p:cNvPr id="70" name="组合 69"/>
            <p:cNvGrpSpPr/>
            <p:nvPr/>
          </p:nvGrpSpPr>
          <p:grpSpPr>
            <a:xfrm>
              <a:off x="5053868" y="3346580"/>
              <a:ext cx="1777927" cy="344488"/>
              <a:chOff x="5141550" y="3271424"/>
              <a:chExt cx="1777927" cy="344488"/>
            </a:xfrm>
          </p:grpSpPr>
          <p:grpSp>
            <p:nvGrpSpPr>
              <p:cNvPr id="72" name="组合 71"/>
              <p:cNvGrpSpPr/>
              <p:nvPr/>
            </p:nvGrpSpPr>
            <p:grpSpPr>
              <a:xfrm>
                <a:off x="6025714" y="3271424"/>
                <a:ext cx="893763" cy="344488"/>
                <a:chOff x="5861050" y="2039938"/>
                <a:chExt cx="893763" cy="344488"/>
              </a:xfrm>
            </p:grpSpPr>
            <p:sp>
              <p:nvSpPr>
                <p:cNvPr id="74" name="Oval 50"/>
                <p:cNvSpPr>
                  <a:spLocks noChangeArrowheads="1"/>
                </p:cNvSpPr>
                <p:nvPr/>
              </p:nvSpPr>
              <p:spPr bwMode="auto">
                <a:xfrm>
                  <a:off x="5902325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75" name="Freeform 49"/>
                <p:cNvSpPr>
                  <a:spLocks/>
                </p:cNvSpPr>
                <p:nvPr/>
              </p:nvSpPr>
              <p:spPr bwMode="auto">
                <a:xfrm>
                  <a:off x="5861050" y="2101851"/>
                  <a:ext cx="130175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76" name="Freeform 87"/>
                <p:cNvSpPr>
                  <a:spLocks/>
                </p:cNvSpPr>
                <p:nvPr/>
              </p:nvSpPr>
              <p:spPr bwMode="auto">
                <a:xfrm>
                  <a:off x="6018213" y="2101851"/>
                  <a:ext cx="134937" cy="282575"/>
                </a:xfrm>
                <a:custGeom>
                  <a:avLst/>
                  <a:gdLst>
                    <a:gd name="T0" fmla="*/ 20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20 w 26"/>
                    <a:gd name="T39" fmla="*/ 50 h 54"/>
                    <a:gd name="T40" fmla="*/ 20 w 26"/>
                    <a:gd name="T41" fmla="*/ 23 h 54"/>
                    <a:gd name="T42" fmla="*/ 20 w 26"/>
                    <a:gd name="T43" fmla="*/ 23 h 54"/>
                    <a:gd name="T44" fmla="*/ 20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20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77" name="Oval 88"/>
                <p:cNvSpPr>
                  <a:spLocks noChangeArrowheads="1"/>
                </p:cNvSpPr>
                <p:nvPr/>
              </p:nvSpPr>
              <p:spPr bwMode="auto">
                <a:xfrm>
                  <a:off x="6059488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78" name="Freeform 89"/>
                <p:cNvSpPr>
                  <a:spLocks/>
                </p:cNvSpPr>
                <p:nvPr/>
              </p:nvSpPr>
              <p:spPr bwMode="auto">
                <a:xfrm>
                  <a:off x="6169025" y="2101851"/>
                  <a:ext cx="136525" cy="282575"/>
                </a:xfrm>
                <a:custGeom>
                  <a:avLst/>
                  <a:gdLst>
                    <a:gd name="T0" fmla="*/ 19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4 w 26"/>
                    <a:gd name="T33" fmla="*/ 27 h 54"/>
                    <a:gd name="T34" fmla="*/ 14 w 26"/>
                    <a:gd name="T35" fmla="*/ 50 h 54"/>
                    <a:gd name="T36" fmla="*/ 17 w 26"/>
                    <a:gd name="T37" fmla="*/ 54 h 54"/>
                    <a:gd name="T38" fmla="*/ 19 w 26"/>
                    <a:gd name="T39" fmla="*/ 50 h 54"/>
                    <a:gd name="T40" fmla="*/ 19 w 26"/>
                    <a:gd name="T41" fmla="*/ 23 h 54"/>
                    <a:gd name="T42" fmla="*/ 19 w 26"/>
                    <a:gd name="T43" fmla="*/ 23 h 54"/>
                    <a:gd name="T44" fmla="*/ 19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19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79" name="Oval 90"/>
                <p:cNvSpPr>
                  <a:spLocks noChangeArrowheads="1"/>
                </p:cNvSpPr>
                <p:nvPr/>
              </p:nvSpPr>
              <p:spPr bwMode="auto">
                <a:xfrm>
                  <a:off x="6211888" y="2039938"/>
                  <a:ext cx="50800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80" name="Freeform 91"/>
                <p:cNvSpPr>
                  <a:spLocks/>
                </p:cNvSpPr>
                <p:nvPr/>
              </p:nvSpPr>
              <p:spPr bwMode="auto">
                <a:xfrm>
                  <a:off x="6321425" y="2101851"/>
                  <a:ext cx="134937" cy="282575"/>
                </a:xfrm>
                <a:custGeom>
                  <a:avLst/>
                  <a:gdLst>
                    <a:gd name="T0" fmla="*/ 19 w 26"/>
                    <a:gd name="T1" fmla="*/ 0 h 54"/>
                    <a:gd name="T2" fmla="*/ 7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3 w 26"/>
                    <a:gd name="T33" fmla="*/ 27 h 54"/>
                    <a:gd name="T34" fmla="*/ 13 w 26"/>
                    <a:gd name="T35" fmla="*/ 50 h 54"/>
                    <a:gd name="T36" fmla="*/ 16 w 26"/>
                    <a:gd name="T37" fmla="*/ 54 h 54"/>
                    <a:gd name="T38" fmla="*/ 19 w 26"/>
                    <a:gd name="T39" fmla="*/ 50 h 54"/>
                    <a:gd name="T40" fmla="*/ 19 w 26"/>
                    <a:gd name="T41" fmla="*/ 23 h 54"/>
                    <a:gd name="T42" fmla="*/ 19 w 26"/>
                    <a:gd name="T43" fmla="*/ 23 h 54"/>
                    <a:gd name="T44" fmla="*/ 19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19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81" name="Oval 92"/>
                <p:cNvSpPr>
                  <a:spLocks noChangeArrowheads="1"/>
                </p:cNvSpPr>
                <p:nvPr/>
              </p:nvSpPr>
              <p:spPr bwMode="auto">
                <a:xfrm>
                  <a:off x="6362700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82" name="Freeform 93"/>
                <p:cNvSpPr>
                  <a:spLocks/>
                </p:cNvSpPr>
                <p:nvPr/>
              </p:nvSpPr>
              <p:spPr bwMode="auto">
                <a:xfrm>
                  <a:off x="6472238" y="2101851"/>
                  <a:ext cx="136525" cy="282575"/>
                </a:xfrm>
                <a:custGeom>
                  <a:avLst/>
                  <a:gdLst>
                    <a:gd name="T0" fmla="*/ 19 w 26"/>
                    <a:gd name="T1" fmla="*/ 0 h 54"/>
                    <a:gd name="T2" fmla="*/ 6 w 26"/>
                    <a:gd name="T3" fmla="*/ 0 h 54"/>
                    <a:gd name="T4" fmla="*/ 0 w 26"/>
                    <a:gd name="T5" fmla="*/ 5 h 54"/>
                    <a:gd name="T6" fmla="*/ 0 w 26"/>
                    <a:gd name="T7" fmla="*/ 5 h 54"/>
                    <a:gd name="T8" fmla="*/ 0 w 26"/>
                    <a:gd name="T9" fmla="*/ 6 h 54"/>
                    <a:gd name="T10" fmla="*/ 0 w 26"/>
                    <a:gd name="T11" fmla="*/ 24 h 54"/>
                    <a:gd name="T12" fmla="*/ 2 w 26"/>
                    <a:gd name="T13" fmla="*/ 26 h 54"/>
                    <a:gd name="T14" fmla="*/ 4 w 26"/>
                    <a:gd name="T15" fmla="*/ 24 h 54"/>
                    <a:gd name="T16" fmla="*/ 4 w 26"/>
                    <a:gd name="T17" fmla="*/ 8 h 54"/>
                    <a:gd name="T18" fmla="*/ 6 w 26"/>
                    <a:gd name="T19" fmla="*/ 8 h 54"/>
                    <a:gd name="T20" fmla="*/ 6 w 26"/>
                    <a:gd name="T21" fmla="*/ 23 h 54"/>
                    <a:gd name="T22" fmla="*/ 6 w 26"/>
                    <a:gd name="T23" fmla="*/ 24 h 54"/>
                    <a:gd name="T24" fmla="*/ 6 w 26"/>
                    <a:gd name="T25" fmla="*/ 50 h 54"/>
                    <a:gd name="T26" fmla="*/ 9 w 26"/>
                    <a:gd name="T27" fmla="*/ 54 h 54"/>
                    <a:gd name="T28" fmla="*/ 12 w 26"/>
                    <a:gd name="T29" fmla="*/ 50 h 54"/>
                    <a:gd name="T30" fmla="*/ 12 w 26"/>
                    <a:gd name="T31" fmla="*/ 27 h 54"/>
                    <a:gd name="T32" fmla="*/ 13 w 26"/>
                    <a:gd name="T33" fmla="*/ 27 h 54"/>
                    <a:gd name="T34" fmla="*/ 13 w 26"/>
                    <a:gd name="T35" fmla="*/ 50 h 54"/>
                    <a:gd name="T36" fmla="*/ 16 w 26"/>
                    <a:gd name="T37" fmla="*/ 54 h 54"/>
                    <a:gd name="T38" fmla="*/ 19 w 26"/>
                    <a:gd name="T39" fmla="*/ 50 h 54"/>
                    <a:gd name="T40" fmla="*/ 19 w 26"/>
                    <a:gd name="T41" fmla="*/ 23 h 54"/>
                    <a:gd name="T42" fmla="*/ 19 w 26"/>
                    <a:gd name="T43" fmla="*/ 23 h 54"/>
                    <a:gd name="T44" fmla="*/ 19 w 26"/>
                    <a:gd name="T45" fmla="*/ 8 h 54"/>
                    <a:gd name="T46" fmla="*/ 21 w 26"/>
                    <a:gd name="T47" fmla="*/ 8 h 54"/>
                    <a:gd name="T48" fmla="*/ 21 w 26"/>
                    <a:gd name="T49" fmla="*/ 24 h 54"/>
                    <a:gd name="T50" fmla="*/ 23 w 26"/>
                    <a:gd name="T51" fmla="*/ 26 h 54"/>
                    <a:gd name="T52" fmla="*/ 26 w 26"/>
                    <a:gd name="T53" fmla="*/ 24 h 54"/>
                    <a:gd name="T54" fmla="*/ 26 w 26"/>
                    <a:gd name="T55" fmla="*/ 6 h 54"/>
                    <a:gd name="T56" fmla="*/ 26 w 26"/>
                    <a:gd name="T57" fmla="*/ 5 h 54"/>
                    <a:gd name="T58" fmla="*/ 26 w 26"/>
                    <a:gd name="T59" fmla="*/ 5 h 54"/>
                    <a:gd name="T60" fmla="*/ 19 w 26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6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83" name="Oval 94"/>
                <p:cNvSpPr>
                  <a:spLocks noChangeArrowheads="1"/>
                </p:cNvSpPr>
                <p:nvPr/>
              </p:nvSpPr>
              <p:spPr bwMode="auto">
                <a:xfrm>
                  <a:off x="6513513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84" name="Freeform 95"/>
                <p:cNvSpPr>
                  <a:spLocks/>
                </p:cNvSpPr>
                <p:nvPr/>
              </p:nvSpPr>
              <p:spPr bwMode="auto">
                <a:xfrm>
                  <a:off x="6624638" y="2101851"/>
                  <a:ext cx="130175" cy="282575"/>
                </a:xfrm>
                <a:custGeom>
                  <a:avLst/>
                  <a:gdLst>
                    <a:gd name="T0" fmla="*/ 19 w 25"/>
                    <a:gd name="T1" fmla="*/ 0 h 54"/>
                    <a:gd name="T2" fmla="*/ 6 w 25"/>
                    <a:gd name="T3" fmla="*/ 0 h 54"/>
                    <a:gd name="T4" fmla="*/ 0 w 25"/>
                    <a:gd name="T5" fmla="*/ 5 h 54"/>
                    <a:gd name="T6" fmla="*/ 0 w 25"/>
                    <a:gd name="T7" fmla="*/ 5 h 54"/>
                    <a:gd name="T8" fmla="*/ 0 w 25"/>
                    <a:gd name="T9" fmla="*/ 6 h 54"/>
                    <a:gd name="T10" fmla="*/ 0 w 25"/>
                    <a:gd name="T11" fmla="*/ 24 h 54"/>
                    <a:gd name="T12" fmla="*/ 2 w 25"/>
                    <a:gd name="T13" fmla="*/ 26 h 54"/>
                    <a:gd name="T14" fmla="*/ 4 w 25"/>
                    <a:gd name="T15" fmla="*/ 24 h 54"/>
                    <a:gd name="T16" fmla="*/ 4 w 25"/>
                    <a:gd name="T17" fmla="*/ 8 h 54"/>
                    <a:gd name="T18" fmla="*/ 6 w 25"/>
                    <a:gd name="T19" fmla="*/ 8 h 54"/>
                    <a:gd name="T20" fmla="*/ 6 w 25"/>
                    <a:gd name="T21" fmla="*/ 23 h 54"/>
                    <a:gd name="T22" fmla="*/ 6 w 25"/>
                    <a:gd name="T23" fmla="*/ 24 h 54"/>
                    <a:gd name="T24" fmla="*/ 6 w 25"/>
                    <a:gd name="T25" fmla="*/ 50 h 54"/>
                    <a:gd name="T26" fmla="*/ 9 w 25"/>
                    <a:gd name="T27" fmla="*/ 54 h 54"/>
                    <a:gd name="T28" fmla="*/ 12 w 25"/>
                    <a:gd name="T29" fmla="*/ 50 h 54"/>
                    <a:gd name="T30" fmla="*/ 12 w 25"/>
                    <a:gd name="T31" fmla="*/ 27 h 54"/>
                    <a:gd name="T32" fmla="*/ 13 w 25"/>
                    <a:gd name="T33" fmla="*/ 27 h 54"/>
                    <a:gd name="T34" fmla="*/ 13 w 25"/>
                    <a:gd name="T35" fmla="*/ 50 h 54"/>
                    <a:gd name="T36" fmla="*/ 16 w 25"/>
                    <a:gd name="T37" fmla="*/ 54 h 54"/>
                    <a:gd name="T38" fmla="*/ 19 w 25"/>
                    <a:gd name="T39" fmla="*/ 50 h 54"/>
                    <a:gd name="T40" fmla="*/ 19 w 25"/>
                    <a:gd name="T41" fmla="*/ 23 h 54"/>
                    <a:gd name="T42" fmla="*/ 19 w 25"/>
                    <a:gd name="T43" fmla="*/ 23 h 54"/>
                    <a:gd name="T44" fmla="*/ 19 w 25"/>
                    <a:gd name="T45" fmla="*/ 8 h 54"/>
                    <a:gd name="T46" fmla="*/ 21 w 25"/>
                    <a:gd name="T47" fmla="*/ 8 h 54"/>
                    <a:gd name="T48" fmla="*/ 21 w 25"/>
                    <a:gd name="T49" fmla="*/ 24 h 54"/>
                    <a:gd name="T50" fmla="*/ 23 w 25"/>
                    <a:gd name="T51" fmla="*/ 26 h 54"/>
                    <a:gd name="T52" fmla="*/ 25 w 25"/>
                    <a:gd name="T53" fmla="*/ 24 h 54"/>
                    <a:gd name="T54" fmla="*/ 25 w 25"/>
                    <a:gd name="T55" fmla="*/ 6 h 54"/>
                    <a:gd name="T56" fmla="*/ 25 w 25"/>
                    <a:gd name="T57" fmla="*/ 5 h 54"/>
                    <a:gd name="T58" fmla="*/ 25 w 25"/>
                    <a:gd name="T59" fmla="*/ 5 h 54"/>
                    <a:gd name="T60" fmla="*/ 19 w 25"/>
                    <a:gd name="T61" fmla="*/ 0 h 5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l="0" t="0" r="r" b="b"/>
                  <a:pathLst>
                    <a:path w="25" h="54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  <p:sp>
              <p:nvSpPr>
                <p:cNvPr id="85" name="Oval 96"/>
                <p:cNvSpPr>
                  <a:spLocks noChangeArrowheads="1"/>
                </p:cNvSpPr>
                <p:nvPr/>
              </p:nvSpPr>
              <p:spPr bwMode="auto">
                <a:xfrm>
                  <a:off x="6665913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vert="horz" wrap="square" lIns="91440" tIns="45720" rIns="91440" bIns="4572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/>
                </a:p>
              </p:txBody>
            </p:sp>
          </p:grpSp>
          <p:sp>
            <p:nvSpPr>
              <p:cNvPr id="73" name="TextBox 72"/>
              <p:cNvSpPr txBox="1"/>
              <p:nvPr/>
            </p:nvSpPr>
            <p:spPr>
              <a:xfrm>
                <a:off x="5141550" y="3273074"/>
                <a:ext cx="522900" cy="30777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z="1400" dirty="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typeface="MStiffHeiHK-UltraBold" pitchFamily="50" charset="-120"/>
                    <a:ea typeface="MStiffHeiHK-UltraBold" pitchFamily="50" charset="-120"/>
                  </a:rPr>
                  <a:t>Text</a:t>
                </a:r>
                <a:endParaRPr lang="zh-CN" altLang="en-US" sz="1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MStiffHeiHK-UltraBold" pitchFamily="50" charset="-120"/>
                  <a:ea typeface="MStiffHeiHK-UltraBold" pitchFamily="50" charset="-120"/>
                </a:endParaRPr>
              </a:p>
            </p:txBody>
          </p:sp>
        </p:grpSp>
        <p:cxnSp>
          <p:nvCxnSpPr>
            <p:cNvPr id="71" name="直接连接符 70"/>
            <p:cNvCxnSpPr/>
            <p:nvPr/>
          </p:nvCxnSpPr>
          <p:spPr>
            <a:xfrm>
              <a:off x="5053868" y="3883901"/>
              <a:ext cx="3544284" cy="0"/>
            </a:xfrm>
            <a:prstGeom prst="line">
              <a:avLst/>
            </a:prstGeom>
            <a:ln w="28575">
              <a:solidFill>
                <a:srgbClr val="E1DAAD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125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1" presetClass="entr" presetSubtype="1" fill="hold" nodeType="withEffect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0" dur="125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1" presetClass="entr" presetSubtype="1" fill="hold" nodeType="withEffect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" dur="125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2" presetClass="entr" presetSubtype="8" fill="hold" nodeType="withEffect">
                                  <p:stCondLst>
                                    <p:cond delay="2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17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2" presetClass="entr" presetSubtype="8" fill="hold" nodeType="withEffect">
                                  <p:stCondLst>
                                    <p:cond delay="28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/>
                                        <p:tgtEl>
                                          <p:spTgt spid="4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21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2" presetClass="entr" presetSubtype="8" fill="hold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/>
                                        <p:tgtEl>
                                          <p:spTgt spid="6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25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666828" y="1778039"/>
            <a:ext cx="7060002" cy="3473908"/>
            <a:chOff x="1512888" y="1339851"/>
            <a:chExt cx="6094413" cy="2998787"/>
          </a:xfrm>
        </p:grpSpPr>
        <p:sp>
          <p:nvSpPr>
            <p:cNvPr id="3" name="Freeform 6"/>
            <p:cNvSpPr>
              <a:spLocks/>
            </p:cNvSpPr>
            <p:nvPr/>
          </p:nvSpPr>
          <p:spPr bwMode="auto">
            <a:xfrm>
              <a:off x="6629401" y="3303588"/>
              <a:ext cx="307975" cy="161925"/>
            </a:xfrm>
            <a:custGeom>
              <a:avLst/>
              <a:gdLst>
                <a:gd name="T0" fmla="*/ 23 w 70"/>
                <a:gd name="T1" fmla="*/ 18 h 37"/>
                <a:gd name="T2" fmla="*/ 20 w 70"/>
                <a:gd name="T3" fmla="*/ 17 h 37"/>
                <a:gd name="T4" fmla="*/ 18 w 70"/>
                <a:gd name="T5" fmla="*/ 13 h 37"/>
                <a:gd name="T6" fmla="*/ 7 w 70"/>
                <a:gd name="T7" fmla="*/ 10 h 37"/>
                <a:gd name="T8" fmla="*/ 1 w 70"/>
                <a:gd name="T9" fmla="*/ 10 h 37"/>
                <a:gd name="T10" fmla="*/ 0 w 70"/>
                <a:gd name="T11" fmla="*/ 6 h 37"/>
                <a:gd name="T12" fmla="*/ 3 w 70"/>
                <a:gd name="T13" fmla="*/ 6 h 37"/>
                <a:gd name="T14" fmla="*/ 6 w 70"/>
                <a:gd name="T15" fmla="*/ 5 h 37"/>
                <a:gd name="T16" fmla="*/ 11 w 70"/>
                <a:gd name="T17" fmla="*/ 7 h 37"/>
                <a:gd name="T18" fmla="*/ 15 w 70"/>
                <a:gd name="T19" fmla="*/ 4 h 37"/>
                <a:gd name="T20" fmla="*/ 22 w 70"/>
                <a:gd name="T21" fmla="*/ 1 h 37"/>
                <a:gd name="T22" fmla="*/ 24 w 70"/>
                <a:gd name="T23" fmla="*/ 3 h 37"/>
                <a:gd name="T24" fmla="*/ 32 w 70"/>
                <a:gd name="T25" fmla="*/ 6 h 37"/>
                <a:gd name="T26" fmla="*/ 34 w 70"/>
                <a:gd name="T27" fmla="*/ 5 h 37"/>
                <a:gd name="T28" fmla="*/ 36 w 70"/>
                <a:gd name="T29" fmla="*/ 7 h 37"/>
                <a:gd name="T30" fmla="*/ 41 w 70"/>
                <a:gd name="T31" fmla="*/ 7 h 37"/>
                <a:gd name="T32" fmla="*/ 44 w 70"/>
                <a:gd name="T33" fmla="*/ 9 h 37"/>
                <a:gd name="T34" fmla="*/ 44 w 70"/>
                <a:gd name="T35" fmla="*/ 12 h 37"/>
                <a:gd name="T36" fmla="*/ 46 w 70"/>
                <a:gd name="T37" fmla="*/ 11 h 37"/>
                <a:gd name="T38" fmla="*/ 47 w 70"/>
                <a:gd name="T39" fmla="*/ 14 h 37"/>
                <a:gd name="T40" fmla="*/ 52 w 70"/>
                <a:gd name="T41" fmla="*/ 17 h 37"/>
                <a:gd name="T42" fmla="*/ 60 w 70"/>
                <a:gd name="T43" fmla="*/ 19 h 37"/>
                <a:gd name="T44" fmla="*/ 59 w 70"/>
                <a:gd name="T45" fmla="*/ 22 h 37"/>
                <a:gd name="T46" fmla="*/ 62 w 70"/>
                <a:gd name="T47" fmla="*/ 24 h 37"/>
                <a:gd name="T48" fmla="*/ 62 w 70"/>
                <a:gd name="T49" fmla="*/ 26 h 37"/>
                <a:gd name="T50" fmla="*/ 65 w 70"/>
                <a:gd name="T51" fmla="*/ 30 h 37"/>
                <a:gd name="T52" fmla="*/ 70 w 70"/>
                <a:gd name="T53" fmla="*/ 35 h 37"/>
                <a:gd name="T54" fmla="*/ 63 w 70"/>
                <a:gd name="T55" fmla="*/ 35 h 37"/>
                <a:gd name="T56" fmla="*/ 58 w 70"/>
                <a:gd name="T57" fmla="*/ 31 h 37"/>
                <a:gd name="T58" fmla="*/ 56 w 70"/>
                <a:gd name="T59" fmla="*/ 29 h 37"/>
                <a:gd name="T60" fmla="*/ 55 w 70"/>
                <a:gd name="T61" fmla="*/ 28 h 37"/>
                <a:gd name="T62" fmla="*/ 52 w 70"/>
                <a:gd name="T63" fmla="*/ 25 h 37"/>
                <a:gd name="T64" fmla="*/ 44 w 70"/>
                <a:gd name="T65" fmla="*/ 24 h 37"/>
                <a:gd name="T66" fmla="*/ 41 w 70"/>
                <a:gd name="T67" fmla="*/ 33 h 37"/>
                <a:gd name="T68" fmla="*/ 35 w 70"/>
                <a:gd name="T69" fmla="*/ 31 h 37"/>
                <a:gd name="T70" fmla="*/ 32 w 70"/>
                <a:gd name="T71" fmla="*/ 30 h 37"/>
                <a:gd name="T72" fmla="*/ 28 w 70"/>
                <a:gd name="T73" fmla="*/ 25 h 37"/>
                <a:gd name="T74" fmla="*/ 24 w 70"/>
                <a:gd name="T75" fmla="*/ 29 h 37"/>
                <a:gd name="T76" fmla="*/ 21 w 70"/>
                <a:gd name="T77" fmla="*/ 27 h 37"/>
                <a:gd name="T78" fmla="*/ 24 w 70"/>
                <a:gd name="T79" fmla="*/ 24 h 37"/>
                <a:gd name="T80" fmla="*/ 26 w 70"/>
                <a:gd name="T81" fmla="*/ 20 h 37"/>
                <a:gd name="T82" fmla="*/ 25 w 70"/>
                <a:gd name="T83" fmla="*/ 22 h 37"/>
                <a:gd name="T84" fmla="*/ 23 w 70"/>
                <a:gd name="T85" fmla="*/ 18 h 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</a:cxnLst>
              <a:rect l="0" t="0" r="r" b="b"/>
              <a:pathLst>
                <a:path w="70" h="37">
                  <a:moveTo>
                    <a:pt x="23" y="18"/>
                  </a:moveTo>
                  <a:cubicBezTo>
                    <a:pt x="21" y="18"/>
                    <a:pt x="22" y="16"/>
                    <a:pt x="20" y="17"/>
                  </a:cubicBezTo>
                  <a:cubicBezTo>
                    <a:pt x="19" y="15"/>
                    <a:pt x="18" y="14"/>
                    <a:pt x="18" y="13"/>
                  </a:cubicBezTo>
                  <a:cubicBezTo>
                    <a:pt x="13" y="12"/>
                    <a:pt x="9" y="12"/>
                    <a:pt x="7" y="10"/>
                  </a:cubicBezTo>
                  <a:cubicBezTo>
                    <a:pt x="4" y="11"/>
                    <a:pt x="5" y="10"/>
                    <a:pt x="1" y="10"/>
                  </a:cubicBezTo>
                  <a:cubicBezTo>
                    <a:pt x="1" y="8"/>
                    <a:pt x="2" y="6"/>
                    <a:pt x="0" y="6"/>
                  </a:cubicBezTo>
                  <a:cubicBezTo>
                    <a:pt x="1" y="4"/>
                    <a:pt x="2" y="6"/>
                    <a:pt x="3" y="6"/>
                  </a:cubicBezTo>
                  <a:cubicBezTo>
                    <a:pt x="5" y="6"/>
                    <a:pt x="5" y="5"/>
                    <a:pt x="6" y="5"/>
                  </a:cubicBezTo>
                  <a:cubicBezTo>
                    <a:pt x="8" y="5"/>
                    <a:pt x="9" y="7"/>
                    <a:pt x="11" y="7"/>
                  </a:cubicBezTo>
                  <a:cubicBezTo>
                    <a:pt x="13" y="8"/>
                    <a:pt x="14" y="5"/>
                    <a:pt x="15" y="4"/>
                  </a:cubicBezTo>
                  <a:cubicBezTo>
                    <a:pt x="17" y="3"/>
                    <a:pt x="20" y="3"/>
                    <a:pt x="22" y="1"/>
                  </a:cubicBezTo>
                  <a:cubicBezTo>
                    <a:pt x="24" y="0"/>
                    <a:pt x="24" y="3"/>
                    <a:pt x="24" y="3"/>
                  </a:cubicBezTo>
                  <a:cubicBezTo>
                    <a:pt x="26" y="4"/>
                    <a:pt x="32" y="3"/>
                    <a:pt x="32" y="6"/>
                  </a:cubicBezTo>
                  <a:cubicBezTo>
                    <a:pt x="33" y="7"/>
                    <a:pt x="34" y="5"/>
                    <a:pt x="34" y="5"/>
                  </a:cubicBezTo>
                  <a:cubicBezTo>
                    <a:pt x="35" y="5"/>
                    <a:pt x="35" y="7"/>
                    <a:pt x="36" y="7"/>
                  </a:cubicBezTo>
                  <a:cubicBezTo>
                    <a:pt x="37" y="8"/>
                    <a:pt x="39" y="7"/>
                    <a:pt x="41" y="7"/>
                  </a:cubicBezTo>
                  <a:cubicBezTo>
                    <a:pt x="41" y="7"/>
                    <a:pt x="41" y="10"/>
                    <a:pt x="44" y="9"/>
                  </a:cubicBezTo>
                  <a:cubicBezTo>
                    <a:pt x="45" y="10"/>
                    <a:pt x="45" y="10"/>
                    <a:pt x="44" y="12"/>
                  </a:cubicBezTo>
                  <a:cubicBezTo>
                    <a:pt x="45" y="12"/>
                    <a:pt x="46" y="12"/>
                    <a:pt x="46" y="11"/>
                  </a:cubicBezTo>
                  <a:cubicBezTo>
                    <a:pt x="47" y="11"/>
                    <a:pt x="47" y="13"/>
                    <a:pt x="47" y="14"/>
                  </a:cubicBezTo>
                  <a:cubicBezTo>
                    <a:pt x="48" y="15"/>
                    <a:pt x="50" y="15"/>
                    <a:pt x="52" y="17"/>
                  </a:cubicBezTo>
                  <a:cubicBezTo>
                    <a:pt x="53" y="17"/>
                    <a:pt x="57" y="19"/>
                    <a:pt x="60" y="19"/>
                  </a:cubicBezTo>
                  <a:cubicBezTo>
                    <a:pt x="60" y="21"/>
                    <a:pt x="59" y="21"/>
                    <a:pt x="59" y="22"/>
                  </a:cubicBezTo>
                  <a:cubicBezTo>
                    <a:pt x="59" y="23"/>
                    <a:pt x="61" y="23"/>
                    <a:pt x="62" y="24"/>
                  </a:cubicBezTo>
                  <a:cubicBezTo>
                    <a:pt x="62" y="25"/>
                    <a:pt x="61" y="26"/>
                    <a:pt x="62" y="26"/>
                  </a:cubicBezTo>
                  <a:cubicBezTo>
                    <a:pt x="63" y="27"/>
                    <a:pt x="64" y="28"/>
                    <a:pt x="65" y="30"/>
                  </a:cubicBezTo>
                  <a:cubicBezTo>
                    <a:pt x="67" y="32"/>
                    <a:pt x="68" y="34"/>
                    <a:pt x="70" y="35"/>
                  </a:cubicBezTo>
                  <a:cubicBezTo>
                    <a:pt x="68" y="37"/>
                    <a:pt x="65" y="35"/>
                    <a:pt x="63" y="35"/>
                  </a:cubicBezTo>
                  <a:cubicBezTo>
                    <a:pt x="62" y="34"/>
                    <a:pt x="60" y="33"/>
                    <a:pt x="58" y="31"/>
                  </a:cubicBezTo>
                  <a:cubicBezTo>
                    <a:pt x="57" y="30"/>
                    <a:pt x="56" y="30"/>
                    <a:pt x="56" y="29"/>
                  </a:cubicBezTo>
                  <a:cubicBezTo>
                    <a:pt x="55" y="28"/>
                    <a:pt x="55" y="29"/>
                    <a:pt x="55" y="28"/>
                  </a:cubicBezTo>
                  <a:cubicBezTo>
                    <a:pt x="55" y="28"/>
                    <a:pt x="52" y="25"/>
                    <a:pt x="52" y="25"/>
                  </a:cubicBezTo>
                  <a:cubicBezTo>
                    <a:pt x="50" y="24"/>
                    <a:pt x="47" y="26"/>
                    <a:pt x="44" y="24"/>
                  </a:cubicBezTo>
                  <a:cubicBezTo>
                    <a:pt x="42" y="26"/>
                    <a:pt x="42" y="30"/>
                    <a:pt x="41" y="33"/>
                  </a:cubicBezTo>
                  <a:cubicBezTo>
                    <a:pt x="40" y="31"/>
                    <a:pt x="36" y="32"/>
                    <a:pt x="35" y="31"/>
                  </a:cubicBezTo>
                  <a:cubicBezTo>
                    <a:pt x="34" y="30"/>
                    <a:pt x="35" y="28"/>
                    <a:pt x="32" y="30"/>
                  </a:cubicBezTo>
                  <a:cubicBezTo>
                    <a:pt x="34" y="25"/>
                    <a:pt x="27" y="29"/>
                    <a:pt x="28" y="25"/>
                  </a:cubicBezTo>
                  <a:cubicBezTo>
                    <a:pt x="26" y="25"/>
                    <a:pt x="24" y="26"/>
                    <a:pt x="24" y="29"/>
                  </a:cubicBezTo>
                  <a:cubicBezTo>
                    <a:pt x="23" y="28"/>
                    <a:pt x="23" y="27"/>
                    <a:pt x="21" y="27"/>
                  </a:cubicBezTo>
                  <a:cubicBezTo>
                    <a:pt x="22" y="25"/>
                    <a:pt x="23" y="25"/>
                    <a:pt x="24" y="24"/>
                  </a:cubicBezTo>
                  <a:cubicBezTo>
                    <a:pt x="25" y="23"/>
                    <a:pt x="27" y="23"/>
                    <a:pt x="26" y="20"/>
                  </a:cubicBezTo>
                  <a:cubicBezTo>
                    <a:pt x="26" y="20"/>
                    <a:pt x="25" y="22"/>
                    <a:pt x="25" y="22"/>
                  </a:cubicBezTo>
                  <a:cubicBezTo>
                    <a:pt x="23" y="22"/>
                    <a:pt x="24" y="16"/>
                    <a:pt x="23" y="18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" name="Freeform 7"/>
            <p:cNvSpPr>
              <a:spLocks/>
            </p:cNvSpPr>
            <p:nvPr/>
          </p:nvSpPr>
          <p:spPr bwMode="auto">
            <a:xfrm>
              <a:off x="3132138" y="1339851"/>
              <a:ext cx="1028700" cy="766762"/>
            </a:xfrm>
            <a:custGeom>
              <a:avLst/>
              <a:gdLst>
                <a:gd name="T0" fmla="*/ 167 w 235"/>
                <a:gd name="T1" fmla="*/ 20 h 175"/>
                <a:gd name="T2" fmla="*/ 176 w 235"/>
                <a:gd name="T3" fmla="*/ 21 h 175"/>
                <a:gd name="T4" fmla="*/ 189 w 235"/>
                <a:gd name="T5" fmla="*/ 18 h 175"/>
                <a:gd name="T6" fmla="*/ 197 w 235"/>
                <a:gd name="T7" fmla="*/ 19 h 175"/>
                <a:gd name="T8" fmla="*/ 196 w 235"/>
                <a:gd name="T9" fmla="*/ 22 h 175"/>
                <a:gd name="T10" fmla="*/ 221 w 235"/>
                <a:gd name="T11" fmla="*/ 17 h 175"/>
                <a:gd name="T12" fmla="*/ 234 w 235"/>
                <a:gd name="T13" fmla="*/ 20 h 175"/>
                <a:gd name="T14" fmla="*/ 217 w 235"/>
                <a:gd name="T15" fmla="*/ 28 h 175"/>
                <a:gd name="T16" fmla="*/ 212 w 235"/>
                <a:gd name="T17" fmla="*/ 35 h 175"/>
                <a:gd name="T18" fmla="*/ 204 w 235"/>
                <a:gd name="T19" fmla="*/ 45 h 175"/>
                <a:gd name="T20" fmla="*/ 206 w 235"/>
                <a:gd name="T21" fmla="*/ 53 h 175"/>
                <a:gd name="T22" fmla="*/ 200 w 235"/>
                <a:gd name="T23" fmla="*/ 62 h 175"/>
                <a:gd name="T24" fmla="*/ 207 w 235"/>
                <a:gd name="T25" fmla="*/ 73 h 175"/>
                <a:gd name="T26" fmla="*/ 201 w 235"/>
                <a:gd name="T27" fmla="*/ 82 h 175"/>
                <a:gd name="T28" fmla="*/ 194 w 235"/>
                <a:gd name="T29" fmla="*/ 89 h 175"/>
                <a:gd name="T30" fmla="*/ 204 w 235"/>
                <a:gd name="T31" fmla="*/ 107 h 175"/>
                <a:gd name="T32" fmla="*/ 189 w 235"/>
                <a:gd name="T33" fmla="*/ 105 h 175"/>
                <a:gd name="T34" fmla="*/ 188 w 235"/>
                <a:gd name="T35" fmla="*/ 110 h 175"/>
                <a:gd name="T36" fmla="*/ 181 w 235"/>
                <a:gd name="T37" fmla="*/ 120 h 175"/>
                <a:gd name="T38" fmla="*/ 166 w 235"/>
                <a:gd name="T39" fmla="*/ 124 h 175"/>
                <a:gd name="T40" fmla="*/ 158 w 235"/>
                <a:gd name="T41" fmla="*/ 129 h 175"/>
                <a:gd name="T42" fmla="*/ 153 w 235"/>
                <a:gd name="T43" fmla="*/ 134 h 175"/>
                <a:gd name="T44" fmla="*/ 132 w 235"/>
                <a:gd name="T45" fmla="*/ 140 h 175"/>
                <a:gd name="T46" fmla="*/ 126 w 235"/>
                <a:gd name="T47" fmla="*/ 149 h 175"/>
                <a:gd name="T48" fmla="*/ 121 w 235"/>
                <a:gd name="T49" fmla="*/ 156 h 175"/>
                <a:gd name="T50" fmla="*/ 119 w 235"/>
                <a:gd name="T51" fmla="*/ 164 h 175"/>
                <a:gd name="T52" fmla="*/ 106 w 235"/>
                <a:gd name="T53" fmla="*/ 172 h 175"/>
                <a:gd name="T54" fmla="*/ 93 w 235"/>
                <a:gd name="T55" fmla="*/ 165 h 175"/>
                <a:gd name="T56" fmla="*/ 85 w 235"/>
                <a:gd name="T57" fmla="*/ 155 h 175"/>
                <a:gd name="T58" fmla="*/ 81 w 235"/>
                <a:gd name="T59" fmla="*/ 149 h 175"/>
                <a:gd name="T60" fmla="*/ 77 w 235"/>
                <a:gd name="T61" fmla="*/ 134 h 175"/>
                <a:gd name="T62" fmla="*/ 79 w 235"/>
                <a:gd name="T63" fmla="*/ 130 h 175"/>
                <a:gd name="T64" fmla="*/ 85 w 235"/>
                <a:gd name="T65" fmla="*/ 122 h 175"/>
                <a:gd name="T66" fmla="*/ 82 w 235"/>
                <a:gd name="T67" fmla="*/ 112 h 175"/>
                <a:gd name="T68" fmla="*/ 84 w 235"/>
                <a:gd name="T69" fmla="*/ 105 h 175"/>
                <a:gd name="T70" fmla="*/ 74 w 235"/>
                <a:gd name="T71" fmla="*/ 102 h 175"/>
                <a:gd name="T72" fmla="*/ 67 w 235"/>
                <a:gd name="T73" fmla="*/ 89 h 175"/>
                <a:gd name="T74" fmla="*/ 61 w 235"/>
                <a:gd name="T75" fmla="*/ 76 h 175"/>
                <a:gd name="T76" fmla="*/ 43 w 235"/>
                <a:gd name="T77" fmla="*/ 67 h 175"/>
                <a:gd name="T78" fmla="*/ 20 w 235"/>
                <a:gd name="T79" fmla="*/ 68 h 175"/>
                <a:gd name="T80" fmla="*/ 20 w 235"/>
                <a:gd name="T81" fmla="*/ 63 h 175"/>
                <a:gd name="T82" fmla="*/ 10 w 235"/>
                <a:gd name="T83" fmla="*/ 54 h 175"/>
                <a:gd name="T84" fmla="*/ 15 w 235"/>
                <a:gd name="T85" fmla="*/ 46 h 175"/>
                <a:gd name="T86" fmla="*/ 26 w 235"/>
                <a:gd name="T87" fmla="*/ 41 h 175"/>
                <a:gd name="T88" fmla="*/ 28 w 235"/>
                <a:gd name="T89" fmla="*/ 35 h 175"/>
                <a:gd name="T90" fmla="*/ 25 w 235"/>
                <a:gd name="T91" fmla="*/ 31 h 175"/>
                <a:gd name="T92" fmla="*/ 34 w 235"/>
                <a:gd name="T93" fmla="*/ 28 h 175"/>
                <a:gd name="T94" fmla="*/ 43 w 235"/>
                <a:gd name="T95" fmla="*/ 19 h 175"/>
                <a:gd name="T96" fmla="*/ 72 w 235"/>
                <a:gd name="T97" fmla="*/ 15 h 175"/>
                <a:gd name="T98" fmla="*/ 85 w 235"/>
                <a:gd name="T99" fmla="*/ 19 h 175"/>
                <a:gd name="T100" fmla="*/ 98 w 235"/>
                <a:gd name="T101" fmla="*/ 12 h 175"/>
                <a:gd name="T102" fmla="*/ 109 w 235"/>
                <a:gd name="T103" fmla="*/ 13 h 175"/>
                <a:gd name="T104" fmla="*/ 113 w 235"/>
                <a:gd name="T105" fmla="*/ 6 h 175"/>
                <a:gd name="T106" fmla="*/ 135 w 235"/>
                <a:gd name="T107" fmla="*/ 2 h 175"/>
                <a:gd name="T108" fmla="*/ 166 w 235"/>
                <a:gd name="T109" fmla="*/ 1 h 175"/>
                <a:gd name="T110" fmla="*/ 189 w 235"/>
                <a:gd name="T111" fmla="*/ 8 h 175"/>
                <a:gd name="T112" fmla="*/ 196 w 235"/>
                <a:gd name="T113" fmla="*/ 14 h 175"/>
                <a:gd name="T114" fmla="*/ 164 w 235"/>
                <a:gd name="T115" fmla="*/ 15 h 1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235" h="175">
                  <a:moveTo>
                    <a:pt x="159" y="18"/>
                  </a:moveTo>
                  <a:cubicBezTo>
                    <a:pt x="159" y="19"/>
                    <a:pt x="161" y="19"/>
                    <a:pt x="161" y="20"/>
                  </a:cubicBezTo>
                  <a:cubicBezTo>
                    <a:pt x="162" y="21"/>
                    <a:pt x="163" y="19"/>
                    <a:pt x="164" y="19"/>
                  </a:cubicBezTo>
                  <a:cubicBezTo>
                    <a:pt x="165" y="19"/>
                    <a:pt x="165" y="20"/>
                    <a:pt x="167" y="20"/>
                  </a:cubicBezTo>
                  <a:cubicBezTo>
                    <a:pt x="167" y="20"/>
                    <a:pt x="168" y="19"/>
                    <a:pt x="168" y="19"/>
                  </a:cubicBezTo>
                  <a:cubicBezTo>
                    <a:pt x="169" y="19"/>
                    <a:pt x="170" y="19"/>
                    <a:pt x="171" y="19"/>
                  </a:cubicBezTo>
                  <a:cubicBezTo>
                    <a:pt x="175" y="18"/>
                    <a:pt x="179" y="17"/>
                    <a:pt x="182" y="18"/>
                  </a:cubicBezTo>
                  <a:cubicBezTo>
                    <a:pt x="181" y="20"/>
                    <a:pt x="177" y="19"/>
                    <a:pt x="176" y="21"/>
                  </a:cubicBezTo>
                  <a:cubicBezTo>
                    <a:pt x="176" y="23"/>
                    <a:pt x="178" y="21"/>
                    <a:pt x="178" y="21"/>
                  </a:cubicBezTo>
                  <a:cubicBezTo>
                    <a:pt x="180" y="21"/>
                    <a:pt x="180" y="22"/>
                    <a:pt x="183" y="21"/>
                  </a:cubicBezTo>
                  <a:cubicBezTo>
                    <a:pt x="183" y="20"/>
                    <a:pt x="184" y="20"/>
                    <a:pt x="185" y="20"/>
                  </a:cubicBezTo>
                  <a:cubicBezTo>
                    <a:pt x="185" y="20"/>
                    <a:pt x="189" y="18"/>
                    <a:pt x="189" y="18"/>
                  </a:cubicBezTo>
                  <a:cubicBezTo>
                    <a:pt x="191" y="20"/>
                    <a:pt x="188" y="17"/>
                    <a:pt x="190" y="17"/>
                  </a:cubicBezTo>
                  <a:cubicBezTo>
                    <a:pt x="191" y="17"/>
                    <a:pt x="193" y="17"/>
                    <a:pt x="193" y="17"/>
                  </a:cubicBezTo>
                  <a:cubicBezTo>
                    <a:pt x="194" y="16"/>
                    <a:pt x="195" y="15"/>
                    <a:pt x="198" y="16"/>
                  </a:cubicBezTo>
                  <a:cubicBezTo>
                    <a:pt x="198" y="17"/>
                    <a:pt x="198" y="19"/>
                    <a:pt x="197" y="19"/>
                  </a:cubicBezTo>
                  <a:cubicBezTo>
                    <a:pt x="197" y="20"/>
                    <a:pt x="196" y="20"/>
                    <a:pt x="195" y="21"/>
                  </a:cubicBezTo>
                  <a:cubicBezTo>
                    <a:pt x="194" y="22"/>
                    <a:pt x="194" y="24"/>
                    <a:pt x="191" y="24"/>
                  </a:cubicBezTo>
                  <a:cubicBezTo>
                    <a:pt x="192" y="26"/>
                    <a:pt x="193" y="23"/>
                    <a:pt x="195" y="24"/>
                  </a:cubicBezTo>
                  <a:cubicBezTo>
                    <a:pt x="196" y="24"/>
                    <a:pt x="196" y="22"/>
                    <a:pt x="196" y="22"/>
                  </a:cubicBezTo>
                  <a:cubicBezTo>
                    <a:pt x="197" y="21"/>
                    <a:pt x="201" y="22"/>
                    <a:pt x="201" y="20"/>
                  </a:cubicBezTo>
                  <a:cubicBezTo>
                    <a:pt x="203" y="23"/>
                    <a:pt x="209" y="18"/>
                    <a:pt x="210" y="21"/>
                  </a:cubicBezTo>
                  <a:cubicBezTo>
                    <a:pt x="211" y="20"/>
                    <a:pt x="212" y="19"/>
                    <a:pt x="213" y="18"/>
                  </a:cubicBezTo>
                  <a:cubicBezTo>
                    <a:pt x="216" y="19"/>
                    <a:pt x="218" y="17"/>
                    <a:pt x="221" y="17"/>
                  </a:cubicBezTo>
                  <a:cubicBezTo>
                    <a:pt x="221" y="17"/>
                    <a:pt x="222" y="18"/>
                    <a:pt x="222" y="18"/>
                  </a:cubicBezTo>
                  <a:cubicBezTo>
                    <a:pt x="223" y="18"/>
                    <a:pt x="226" y="17"/>
                    <a:pt x="227" y="18"/>
                  </a:cubicBezTo>
                  <a:cubicBezTo>
                    <a:pt x="228" y="19"/>
                    <a:pt x="227" y="18"/>
                    <a:pt x="229" y="18"/>
                  </a:cubicBezTo>
                  <a:cubicBezTo>
                    <a:pt x="230" y="18"/>
                    <a:pt x="232" y="20"/>
                    <a:pt x="234" y="20"/>
                  </a:cubicBezTo>
                  <a:cubicBezTo>
                    <a:pt x="235" y="22"/>
                    <a:pt x="233" y="21"/>
                    <a:pt x="232" y="22"/>
                  </a:cubicBezTo>
                  <a:cubicBezTo>
                    <a:pt x="232" y="22"/>
                    <a:pt x="231" y="23"/>
                    <a:pt x="231" y="24"/>
                  </a:cubicBezTo>
                  <a:cubicBezTo>
                    <a:pt x="228" y="25"/>
                    <a:pt x="224" y="24"/>
                    <a:pt x="224" y="27"/>
                  </a:cubicBezTo>
                  <a:cubicBezTo>
                    <a:pt x="221" y="27"/>
                    <a:pt x="218" y="27"/>
                    <a:pt x="217" y="28"/>
                  </a:cubicBezTo>
                  <a:cubicBezTo>
                    <a:pt x="218" y="30"/>
                    <a:pt x="220" y="30"/>
                    <a:pt x="216" y="30"/>
                  </a:cubicBezTo>
                  <a:cubicBezTo>
                    <a:pt x="216" y="31"/>
                    <a:pt x="218" y="31"/>
                    <a:pt x="219" y="31"/>
                  </a:cubicBezTo>
                  <a:cubicBezTo>
                    <a:pt x="218" y="34"/>
                    <a:pt x="213" y="33"/>
                    <a:pt x="212" y="37"/>
                  </a:cubicBezTo>
                  <a:cubicBezTo>
                    <a:pt x="211" y="37"/>
                    <a:pt x="213" y="35"/>
                    <a:pt x="212" y="35"/>
                  </a:cubicBezTo>
                  <a:cubicBezTo>
                    <a:pt x="212" y="35"/>
                    <a:pt x="209" y="36"/>
                    <a:pt x="208" y="37"/>
                  </a:cubicBezTo>
                  <a:cubicBezTo>
                    <a:pt x="208" y="38"/>
                    <a:pt x="209" y="38"/>
                    <a:pt x="210" y="38"/>
                  </a:cubicBezTo>
                  <a:cubicBezTo>
                    <a:pt x="207" y="40"/>
                    <a:pt x="209" y="39"/>
                    <a:pt x="208" y="43"/>
                  </a:cubicBezTo>
                  <a:cubicBezTo>
                    <a:pt x="207" y="44"/>
                    <a:pt x="204" y="44"/>
                    <a:pt x="204" y="45"/>
                  </a:cubicBezTo>
                  <a:cubicBezTo>
                    <a:pt x="203" y="45"/>
                    <a:pt x="204" y="47"/>
                    <a:pt x="204" y="47"/>
                  </a:cubicBezTo>
                  <a:cubicBezTo>
                    <a:pt x="203" y="48"/>
                    <a:pt x="201" y="48"/>
                    <a:pt x="200" y="48"/>
                  </a:cubicBezTo>
                  <a:cubicBezTo>
                    <a:pt x="200" y="50"/>
                    <a:pt x="202" y="50"/>
                    <a:pt x="202" y="51"/>
                  </a:cubicBezTo>
                  <a:cubicBezTo>
                    <a:pt x="202" y="53"/>
                    <a:pt x="205" y="52"/>
                    <a:pt x="206" y="53"/>
                  </a:cubicBezTo>
                  <a:cubicBezTo>
                    <a:pt x="206" y="53"/>
                    <a:pt x="205" y="55"/>
                    <a:pt x="206" y="55"/>
                  </a:cubicBezTo>
                  <a:cubicBezTo>
                    <a:pt x="206" y="56"/>
                    <a:pt x="208" y="55"/>
                    <a:pt x="209" y="56"/>
                  </a:cubicBezTo>
                  <a:cubicBezTo>
                    <a:pt x="208" y="58"/>
                    <a:pt x="210" y="58"/>
                    <a:pt x="210" y="60"/>
                  </a:cubicBezTo>
                  <a:cubicBezTo>
                    <a:pt x="207" y="61"/>
                    <a:pt x="204" y="60"/>
                    <a:pt x="200" y="62"/>
                  </a:cubicBezTo>
                  <a:cubicBezTo>
                    <a:pt x="202" y="64"/>
                    <a:pt x="204" y="67"/>
                    <a:pt x="210" y="67"/>
                  </a:cubicBezTo>
                  <a:cubicBezTo>
                    <a:pt x="209" y="68"/>
                    <a:pt x="210" y="68"/>
                    <a:pt x="211" y="68"/>
                  </a:cubicBezTo>
                  <a:cubicBezTo>
                    <a:pt x="212" y="71"/>
                    <a:pt x="210" y="70"/>
                    <a:pt x="210" y="71"/>
                  </a:cubicBezTo>
                  <a:cubicBezTo>
                    <a:pt x="209" y="73"/>
                    <a:pt x="208" y="73"/>
                    <a:pt x="207" y="73"/>
                  </a:cubicBezTo>
                  <a:cubicBezTo>
                    <a:pt x="206" y="77"/>
                    <a:pt x="210" y="75"/>
                    <a:pt x="210" y="78"/>
                  </a:cubicBezTo>
                  <a:cubicBezTo>
                    <a:pt x="208" y="78"/>
                    <a:pt x="208" y="79"/>
                    <a:pt x="209" y="79"/>
                  </a:cubicBezTo>
                  <a:cubicBezTo>
                    <a:pt x="208" y="82"/>
                    <a:pt x="206" y="78"/>
                    <a:pt x="204" y="79"/>
                  </a:cubicBezTo>
                  <a:cubicBezTo>
                    <a:pt x="202" y="79"/>
                    <a:pt x="203" y="82"/>
                    <a:pt x="201" y="82"/>
                  </a:cubicBezTo>
                  <a:cubicBezTo>
                    <a:pt x="201" y="83"/>
                    <a:pt x="202" y="84"/>
                    <a:pt x="203" y="85"/>
                  </a:cubicBezTo>
                  <a:cubicBezTo>
                    <a:pt x="203" y="86"/>
                    <a:pt x="200" y="85"/>
                    <a:pt x="199" y="86"/>
                  </a:cubicBezTo>
                  <a:cubicBezTo>
                    <a:pt x="196" y="86"/>
                    <a:pt x="194" y="88"/>
                    <a:pt x="191" y="88"/>
                  </a:cubicBezTo>
                  <a:cubicBezTo>
                    <a:pt x="191" y="90"/>
                    <a:pt x="193" y="89"/>
                    <a:pt x="194" y="89"/>
                  </a:cubicBezTo>
                  <a:cubicBezTo>
                    <a:pt x="195" y="90"/>
                    <a:pt x="196" y="93"/>
                    <a:pt x="198" y="92"/>
                  </a:cubicBezTo>
                  <a:cubicBezTo>
                    <a:pt x="199" y="94"/>
                    <a:pt x="196" y="94"/>
                    <a:pt x="196" y="95"/>
                  </a:cubicBezTo>
                  <a:cubicBezTo>
                    <a:pt x="196" y="97"/>
                    <a:pt x="197" y="99"/>
                    <a:pt x="195" y="100"/>
                  </a:cubicBezTo>
                  <a:cubicBezTo>
                    <a:pt x="197" y="104"/>
                    <a:pt x="203" y="102"/>
                    <a:pt x="204" y="107"/>
                  </a:cubicBezTo>
                  <a:cubicBezTo>
                    <a:pt x="202" y="107"/>
                    <a:pt x="200" y="107"/>
                    <a:pt x="200" y="106"/>
                  </a:cubicBezTo>
                  <a:cubicBezTo>
                    <a:pt x="199" y="106"/>
                    <a:pt x="199" y="107"/>
                    <a:pt x="200" y="107"/>
                  </a:cubicBezTo>
                  <a:cubicBezTo>
                    <a:pt x="197" y="109"/>
                    <a:pt x="196" y="109"/>
                    <a:pt x="191" y="109"/>
                  </a:cubicBezTo>
                  <a:cubicBezTo>
                    <a:pt x="193" y="105"/>
                    <a:pt x="187" y="108"/>
                    <a:pt x="189" y="105"/>
                  </a:cubicBezTo>
                  <a:cubicBezTo>
                    <a:pt x="186" y="104"/>
                    <a:pt x="186" y="106"/>
                    <a:pt x="183" y="106"/>
                  </a:cubicBezTo>
                  <a:cubicBezTo>
                    <a:pt x="184" y="107"/>
                    <a:pt x="184" y="108"/>
                    <a:pt x="182" y="108"/>
                  </a:cubicBezTo>
                  <a:cubicBezTo>
                    <a:pt x="182" y="109"/>
                    <a:pt x="188" y="109"/>
                    <a:pt x="183" y="109"/>
                  </a:cubicBezTo>
                  <a:cubicBezTo>
                    <a:pt x="184" y="111"/>
                    <a:pt x="186" y="110"/>
                    <a:pt x="188" y="110"/>
                  </a:cubicBezTo>
                  <a:cubicBezTo>
                    <a:pt x="190" y="111"/>
                    <a:pt x="193" y="112"/>
                    <a:pt x="195" y="111"/>
                  </a:cubicBezTo>
                  <a:cubicBezTo>
                    <a:pt x="193" y="114"/>
                    <a:pt x="191" y="117"/>
                    <a:pt x="189" y="119"/>
                  </a:cubicBezTo>
                  <a:cubicBezTo>
                    <a:pt x="186" y="119"/>
                    <a:pt x="185" y="119"/>
                    <a:pt x="183" y="120"/>
                  </a:cubicBezTo>
                  <a:cubicBezTo>
                    <a:pt x="182" y="120"/>
                    <a:pt x="181" y="120"/>
                    <a:pt x="181" y="120"/>
                  </a:cubicBezTo>
                  <a:cubicBezTo>
                    <a:pt x="180" y="121"/>
                    <a:pt x="180" y="120"/>
                    <a:pt x="179" y="120"/>
                  </a:cubicBezTo>
                  <a:cubicBezTo>
                    <a:pt x="176" y="120"/>
                    <a:pt x="174" y="122"/>
                    <a:pt x="170" y="122"/>
                  </a:cubicBezTo>
                  <a:cubicBezTo>
                    <a:pt x="169" y="122"/>
                    <a:pt x="170" y="123"/>
                    <a:pt x="170" y="123"/>
                  </a:cubicBezTo>
                  <a:cubicBezTo>
                    <a:pt x="169" y="125"/>
                    <a:pt x="169" y="123"/>
                    <a:pt x="166" y="124"/>
                  </a:cubicBezTo>
                  <a:cubicBezTo>
                    <a:pt x="166" y="125"/>
                    <a:pt x="167" y="125"/>
                    <a:pt x="168" y="125"/>
                  </a:cubicBezTo>
                  <a:cubicBezTo>
                    <a:pt x="168" y="126"/>
                    <a:pt x="160" y="127"/>
                    <a:pt x="162" y="124"/>
                  </a:cubicBezTo>
                  <a:cubicBezTo>
                    <a:pt x="161" y="124"/>
                    <a:pt x="158" y="124"/>
                    <a:pt x="158" y="125"/>
                  </a:cubicBezTo>
                  <a:cubicBezTo>
                    <a:pt x="157" y="126"/>
                    <a:pt x="159" y="128"/>
                    <a:pt x="158" y="129"/>
                  </a:cubicBezTo>
                  <a:cubicBezTo>
                    <a:pt x="158" y="128"/>
                    <a:pt x="155" y="127"/>
                    <a:pt x="155" y="129"/>
                  </a:cubicBezTo>
                  <a:cubicBezTo>
                    <a:pt x="155" y="129"/>
                    <a:pt x="157" y="130"/>
                    <a:pt x="156" y="131"/>
                  </a:cubicBezTo>
                  <a:cubicBezTo>
                    <a:pt x="155" y="133"/>
                    <a:pt x="155" y="132"/>
                    <a:pt x="153" y="131"/>
                  </a:cubicBezTo>
                  <a:cubicBezTo>
                    <a:pt x="153" y="134"/>
                    <a:pt x="153" y="134"/>
                    <a:pt x="153" y="134"/>
                  </a:cubicBezTo>
                  <a:cubicBezTo>
                    <a:pt x="153" y="134"/>
                    <a:pt x="152" y="134"/>
                    <a:pt x="151" y="134"/>
                  </a:cubicBezTo>
                  <a:cubicBezTo>
                    <a:pt x="150" y="135"/>
                    <a:pt x="151" y="136"/>
                    <a:pt x="150" y="136"/>
                  </a:cubicBezTo>
                  <a:cubicBezTo>
                    <a:pt x="149" y="137"/>
                    <a:pt x="145" y="136"/>
                    <a:pt x="146" y="139"/>
                  </a:cubicBezTo>
                  <a:cubicBezTo>
                    <a:pt x="142" y="140"/>
                    <a:pt x="137" y="140"/>
                    <a:pt x="132" y="140"/>
                  </a:cubicBezTo>
                  <a:cubicBezTo>
                    <a:pt x="130" y="141"/>
                    <a:pt x="129" y="146"/>
                    <a:pt x="126" y="144"/>
                  </a:cubicBezTo>
                  <a:cubicBezTo>
                    <a:pt x="127" y="145"/>
                    <a:pt x="128" y="145"/>
                    <a:pt x="127" y="147"/>
                  </a:cubicBezTo>
                  <a:cubicBezTo>
                    <a:pt x="127" y="147"/>
                    <a:pt x="126" y="147"/>
                    <a:pt x="126" y="147"/>
                  </a:cubicBezTo>
                  <a:cubicBezTo>
                    <a:pt x="125" y="147"/>
                    <a:pt x="127" y="148"/>
                    <a:pt x="126" y="149"/>
                  </a:cubicBezTo>
                  <a:cubicBezTo>
                    <a:pt x="127" y="149"/>
                    <a:pt x="126" y="149"/>
                    <a:pt x="126" y="150"/>
                  </a:cubicBezTo>
                  <a:cubicBezTo>
                    <a:pt x="125" y="151"/>
                    <a:pt x="123" y="153"/>
                    <a:pt x="125" y="153"/>
                  </a:cubicBezTo>
                  <a:cubicBezTo>
                    <a:pt x="125" y="155"/>
                    <a:pt x="123" y="154"/>
                    <a:pt x="123" y="154"/>
                  </a:cubicBezTo>
                  <a:cubicBezTo>
                    <a:pt x="122" y="155"/>
                    <a:pt x="121" y="156"/>
                    <a:pt x="121" y="156"/>
                  </a:cubicBezTo>
                  <a:cubicBezTo>
                    <a:pt x="121" y="157"/>
                    <a:pt x="121" y="158"/>
                    <a:pt x="121" y="158"/>
                  </a:cubicBezTo>
                  <a:cubicBezTo>
                    <a:pt x="119" y="159"/>
                    <a:pt x="121" y="160"/>
                    <a:pt x="120" y="162"/>
                  </a:cubicBezTo>
                  <a:cubicBezTo>
                    <a:pt x="120" y="162"/>
                    <a:pt x="118" y="162"/>
                    <a:pt x="118" y="162"/>
                  </a:cubicBezTo>
                  <a:cubicBezTo>
                    <a:pt x="118" y="162"/>
                    <a:pt x="119" y="163"/>
                    <a:pt x="119" y="164"/>
                  </a:cubicBezTo>
                  <a:cubicBezTo>
                    <a:pt x="119" y="165"/>
                    <a:pt x="118" y="166"/>
                    <a:pt x="118" y="167"/>
                  </a:cubicBezTo>
                  <a:cubicBezTo>
                    <a:pt x="118" y="167"/>
                    <a:pt x="119" y="169"/>
                    <a:pt x="119" y="169"/>
                  </a:cubicBezTo>
                  <a:cubicBezTo>
                    <a:pt x="118" y="172"/>
                    <a:pt x="116" y="173"/>
                    <a:pt x="113" y="175"/>
                  </a:cubicBezTo>
                  <a:cubicBezTo>
                    <a:pt x="110" y="175"/>
                    <a:pt x="108" y="173"/>
                    <a:pt x="106" y="172"/>
                  </a:cubicBezTo>
                  <a:cubicBezTo>
                    <a:pt x="104" y="175"/>
                    <a:pt x="98" y="169"/>
                    <a:pt x="99" y="170"/>
                  </a:cubicBezTo>
                  <a:cubicBezTo>
                    <a:pt x="98" y="169"/>
                    <a:pt x="98" y="171"/>
                    <a:pt x="98" y="172"/>
                  </a:cubicBezTo>
                  <a:cubicBezTo>
                    <a:pt x="97" y="171"/>
                    <a:pt x="97" y="170"/>
                    <a:pt x="96" y="169"/>
                  </a:cubicBezTo>
                  <a:cubicBezTo>
                    <a:pt x="95" y="168"/>
                    <a:pt x="93" y="168"/>
                    <a:pt x="93" y="165"/>
                  </a:cubicBezTo>
                  <a:cubicBezTo>
                    <a:pt x="92" y="164"/>
                    <a:pt x="91" y="163"/>
                    <a:pt x="89" y="162"/>
                  </a:cubicBezTo>
                  <a:cubicBezTo>
                    <a:pt x="89" y="161"/>
                    <a:pt x="90" y="161"/>
                    <a:pt x="91" y="161"/>
                  </a:cubicBezTo>
                  <a:cubicBezTo>
                    <a:pt x="91" y="159"/>
                    <a:pt x="89" y="160"/>
                    <a:pt x="87" y="158"/>
                  </a:cubicBezTo>
                  <a:cubicBezTo>
                    <a:pt x="87" y="157"/>
                    <a:pt x="87" y="156"/>
                    <a:pt x="85" y="155"/>
                  </a:cubicBezTo>
                  <a:cubicBezTo>
                    <a:pt x="84" y="157"/>
                    <a:pt x="85" y="154"/>
                    <a:pt x="85" y="154"/>
                  </a:cubicBezTo>
                  <a:cubicBezTo>
                    <a:pt x="85" y="153"/>
                    <a:pt x="84" y="154"/>
                    <a:pt x="84" y="153"/>
                  </a:cubicBezTo>
                  <a:cubicBezTo>
                    <a:pt x="83" y="152"/>
                    <a:pt x="84" y="151"/>
                    <a:pt x="83" y="151"/>
                  </a:cubicBezTo>
                  <a:cubicBezTo>
                    <a:pt x="81" y="150"/>
                    <a:pt x="82" y="146"/>
                    <a:pt x="81" y="149"/>
                  </a:cubicBezTo>
                  <a:cubicBezTo>
                    <a:pt x="80" y="148"/>
                    <a:pt x="80" y="146"/>
                    <a:pt x="78" y="147"/>
                  </a:cubicBezTo>
                  <a:cubicBezTo>
                    <a:pt x="78" y="145"/>
                    <a:pt x="79" y="145"/>
                    <a:pt x="80" y="144"/>
                  </a:cubicBezTo>
                  <a:cubicBezTo>
                    <a:pt x="79" y="143"/>
                    <a:pt x="77" y="143"/>
                    <a:pt x="76" y="143"/>
                  </a:cubicBezTo>
                  <a:cubicBezTo>
                    <a:pt x="75" y="139"/>
                    <a:pt x="75" y="138"/>
                    <a:pt x="77" y="134"/>
                  </a:cubicBezTo>
                  <a:cubicBezTo>
                    <a:pt x="75" y="133"/>
                    <a:pt x="79" y="131"/>
                    <a:pt x="75" y="131"/>
                  </a:cubicBezTo>
                  <a:cubicBezTo>
                    <a:pt x="75" y="130"/>
                    <a:pt x="76" y="131"/>
                    <a:pt x="77" y="130"/>
                  </a:cubicBezTo>
                  <a:cubicBezTo>
                    <a:pt x="77" y="130"/>
                    <a:pt x="77" y="129"/>
                    <a:pt x="77" y="129"/>
                  </a:cubicBezTo>
                  <a:cubicBezTo>
                    <a:pt x="77" y="128"/>
                    <a:pt x="78" y="130"/>
                    <a:pt x="79" y="130"/>
                  </a:cubicBezTo>
                  <a:cubicBezTo>
                    <a:pt x="79" y="124"/>
                    <a:pt x="79" y="124"/>
                    <a:pt x="79" y="124"/>
                  </a:cubicBezTo>
                  <a:cubicBezTo>
                    <a:pt x="80" y="124"/>
                    <a:pt x="81" y="123"/>
                    <a:pt x="82" y="122"/>
                  </a:cubicBezTo>
                  <a:cubicBezTo>
                    <a:pt x="83" y="122"/>
                    <a:pt x="82" y="123"/>
                    <a:pt x="83" y="124"/>
                  </a:cubicBezTo>
                  <a:cubicBezTo>
                    <a:pt x="84" y="123"/>
                    <a:pt x="84" y="122"/>
                    <a:pt x="85" y="122"/>
                  </a:cubicBezTo>
                  <a:cubicBezTo>
                    <a:pt x="86" y="121"/>
                    <a:pt x="84" y="120"/>
                    <a:pt x="84" y="120"/>
                  </a:cubicBezTo>
                  <a:cubicBezTo>
                    <a:pt x="85" y="119"/>
                    <a:pt x="87" y="119"/>
                    <a:pt x="87" y="118"/>
                  </a:cubicBezTo>
                  <a:cubicBezTo>
                    <a:pt x="88" y="116"/>
                    <a:pt x="84" y="116"/>
                    <a:pt x="86" y="113"/>
                  </a:cubicBezTo>
                  <a:cubicBezTo>
                    <a:pt x="82" y="116"/>
                    <a:pt x="88" y="111"/>
                    <a:pt x="82" y="112"/>
                  </a:cubicBezTo>
                  <a:cubicBezTo>
                    <a:pt x="81" y="109"/>
                    <a:pt x="84" y="109"/>
                    <a:pt x="87" y="109"/>
                  </a:cubicBezTo>
                  <a:cubicBezTo>
                    <a:pt x="87" y="108"/>
                    <a:pt x="85" y="109"/>
                    <a:pt x="85" y="108"/>
                  </a:cubicBezTo>
                  <a:cubicBezTo>
                    <a:pt x="86" y="106"/>
                    <a:pt x="84" y="107"/>
                    <a:pt x="84" y="107"/>
                  </a:cubicBezTo>
                  <a:cubicBezTo>
                    <a:pt x="83" y="106"/>
                    <a:pt x="84" y="105"/>
                    <a:pt x="84" y="105"/>
                  </a:cubicBezTo>
                  <a:cubicBezTo>
                    <a:pt x="83" y="104"/>
                    <a:pt x="81" y="103"/>
                    <a:pt x="81" y="103"/>
                  </a:cubicBezTo>
                  <a:cubicBezTo>
                    <a:pt x="80" y="103"/>
                    <a:pt x="79" y="100"/>
                    <a:pt x="78" y="99"/>
                  </a:cubicBezTo>
                  <a:cubicBezTo>
                    <a:pt x="77" y="100"/>
                    <a:pt x="76" y="102"/>
                    <a:pt x="75" y="99"/>
                  </a:cubicBezTo>
                  <a:cubicBezTo>
                    <a:pt x="74" y="99"/>
                    <a:pt x="74" y="101"/>
                    <a:pt x="74" y="102"/>
                  </a:cubicBezTo>
                  <a:cubicBezTo>
                    <a:pt x="69" y="102"/>
                    <a:pt x="69" y="102"/>
                    <a:pt x="69" y="102"/>
                  </a:cubicBezTo>
                  <a:cubicBezTo>
                    <a:pt x="66" y="98"/>
                    <a:pt x="68" y="95"/>
                    <a:pt x="69" y="90"/>
                  </a:cubicBezTo>
                  <a:cubicBezTo>
                    <a:pt x="69" y="90"/>
                    <a:pt x="68" y="89"/>
                    <a:pt x="68" y="88"/>
                  </a:cubicBezTo>
                  <a:cubicBezTo>
                    <a:pt x="67" y="88"/>
                    <a:pt x="68" y="89"/>
                    <a:pt x="67" y="89"/>
                  </a:cubicBezTo>
                  <a:cubicBezTo>
                    <a:pt x="65" y="90"/>
                    <a:pt x="68" y="84"/>
                    <a:pt x="64" y="86"/>
                  </a:cubicBezTo>
                  <a:cubicBezTo>
                    <a:pt x="66" y="84"/>
                    <a:pt x="66" y="83"/>
                    <a:pt x="64" y="82"/>
                  </a:cubicBezTo>
                  <a:cubicBezTo>
                    <a:pt x="64" y="81"/>
                    <a:pt x="63" y="81"/>
                    <a:pt x="62" y="81"/>
                  </a:cubicBezTo>
                  <a:cubicBezTo>
                    <a:pt x="61" y="79"/>
                    <a:pt x="61" y="77"/>
                    <a:pt x="61" y="76"/>
                  </a:cubicBezTo>
                  <a:cubicBezTo>
                    <a:pt x="60" y="75"/>
                    <a:pt x="57" y="75"/>
                    <a:pt x="59" y="72"/>
                  </a:cubicBezTo>
                  <a:cubicBezTo>
                    <a:pt x="57" y="73"/>
                    <a:pt x="56" y="72"/>
                    <a:pt x="56" y="71"/>
                  </a:cubicBezTo>
                  <a:cubicBezTo>
                    <a:pt x="56" y="71"/>
                    <a:pt x="54" y="72"/>
                    <a:pt x="54" y="71"/>
                  </a:cubicBezTo>
                  <a:cubicBezTo>
                    <a:pt x="53" y="70"/>
                    <a:pt x="45" y="71"/>
                    <a:pt x="43" y="67"/>
                  </a:cubicBezTo>
                  <a:cubicBezTo>
                    <a:pt x="40" y="69"/>
                    <a:pt x="32" y="65"/>
                    <a:pt x="30" y="67"/>
                  </a:cubicBezTo>
                  <a:cubicBezTo>
                    <a:pt x="29" y="69"/>
                    <a:pt x="29" y="67"/>
                    <a:pt x="27" y="67"/>
                  </a:cubicBezTo>
                  <a:cubicBezTo>
                    <a:pt x="25" y="68"/>
                    <a:pt x="23" y="69"/>
                    <a:pt x="21" y="69"/>
                  </a:cubicBezTo>
                  <a:cubicBezTo>
                    <a:pt x="21" y="69"/>
                    <a:pt x="20" y="68"/>
                    <a:pt x="20" y="68"/>
                  </a:cubicBezTo>
                  <a:cubicBezTo>
                    <a:pt x="19" y="68"/>
                    <a:pt x="18" y="68"/>
                    <a:pt x="17" y="68"/>
                  </a:cubicBezTo>
                  <a:cubicBezTo>
                    <a:pt x="17" y="67"/>
                    <a:pt x="16" y="66"/>
                    <a:pt x="15" y="66"/>
                  </a:cubicBezTo>
                  <a:cubicBezTo>
                    <a:pt x="15" y="64"/>
                    <a:pt x="17" y="65"/>
                    <a:pt x="18" y="65"/>
                  </a:cubicBezTo>
                  <a:cubicBezTo>
                    <a:pt x="18" y="64"/>
                    <a:pt x="15" y="62"/>
                    <a:pt x="20" y="63"/>
                  </a:cubicBezTo>
                  <a:cubicBezTo>
                    <a:pt x="18" y="60"/>
                    <a:pt x="11" y="63"/>
                    <a:pt x="9" y="61"/>
                  </a:cubicBezTo>
                  <a:cubicBezTo>
                    <a:pt x="11" y="56"/>
                    <a:pt x="17" y="61"/>
                    <a:pt x="21" y="57"/>
                  </a:cubicBezTo>
                  <a:cubicBezTo>
                    <a:pt x="19" y="55"/>
                    <a:pt x="12" y="56"/>
                    <a:pt x="10" y="57"/>
                  </a:cubicBezTo>
                  <a:cubicBezTo>
                    <a:pt x="9" y="56"/>
                    <a:pt x="10" y="55"/>
                    <a:pt x="10" y="54"/>
                  </a:cubicBezTo>
                  <a:cubicBezTo>
                    <a:pt x="9" y="54"/>
                    <a:pt x="9" y="55"/>
                    <a:pt x="9" y="55"/>
                  </a:cubicBezTo>
                  <a:cubicBezTo>
                    <a:pt x="8" y="55"/>
                    <a:pt x="8" y="54"/>
                    <a:pt x="8" y="53"/>
                  </a:cubicBezTo>
                  <a:cubicBezTo>
                    <a:pt x="4" y="54"/>
                    <a:pt x="3" y="52"/>
                    <a:pt x="0" y="51"/>
                  </a:cubicBezTo>
                  <a:cubicBezTo>
                    <a:pt x="2" y="45"/>
                    <a:pt x="10" y="47"/>
                    <a:pt x="15" y="46"/>
                  </a:cubicBezTo>
                  <a:cubicBezTo>
                    <a:pt x="16" y="45"/>
                    <a:pt x="16" y="45"/>
                    <a:pt x="17" y="45"/>
                  </a:cubicBezTo>
                  <a:cubicBezTo>
                    <a:pt x="17" y="45"/>
                    <a:pt x="18" y="44"/>
                    <a:pt x="18" y="44"/>
                  </a:cubicBezTo>
                  <a:cubicBezTo>
                    <a:pt x="20" y="43"/>
                    <a:pt x="24" y="43"/>
                    <a:pt x="25" y="43"/>
                  </a:cubicBezTo>
                  <a:cubicBezTo>
                    <a:pt x="26" y="42"/>
                    <a:pt x="26" y="41"/>
                    <a:pt x="26" y="41"/>
                  </a:cubicBezTo>
                  <a:cubicBezTo>
                    <a:pt x="27" y="40"/>
                    <a:pt x="28" y="40"/>
                    <a:pt x="29" y="40"/>
                  </a:cubicBezTo>
                  <a:cubicBezTo>
                    <a:pt x="30" y="39"/>
                    <a:pt x="31" y="38"/>
                    <a:pt x="32" y="37"/>
                  </a:cubicBezTo>
                  <a:cubicBezTo>
                    <a:pt x="33" y="34"/>
                    <a:pt x="29" y="36"/>
                    <a:pt x="30" y="33"/>
                  </a:cubicBezTo>
                  <a:cubicBezTo>
                    <a:pt x="28" y="32"/>
                    <a:pt x="29" y="35"/>
                    <a:pt x="28" y="35"/>
                  </a:cubicBezTo>
                  <a:cubicBezTo>
                    <a:pt x="28" y="35"/>
                    <a:pt x="23" y="33"/>
                    <a:pt x="21" y="34"/>
                  </a:cubicBezTo>
                  <a:cubicBezTo>
                    <a:pt x="19" y="32"/>
                    <a:pt x="23" y="33"/>
                    <a:pt x="23" y="32"/>
                  </a:cubicBezTo>
                  <a:cubicBezTo>
                    <a:pt x="24" y="32"/>
                    <a:pt x="23" y="31"/>
                    <a:pt x="23" y="31"/>
                  </a:cubicBezTo>
                  <a:cubicBezTo>
                    <a:pt x="24" y="31"/>
                    <a:pt x="25" y="32"/>
                    <a:pt x="25" y="31"/>
                  </a:cubicBezTo>
                  <a:cubicBezTo>
                    <a:pt x="25" y="31"/>
                    <a:pt x="26" y="29"/>
                    <a:pt x="26" y="29"/>
                  </a:cubicBezTo>
                  <a:cubicBezTo>
                    <a:pt x="27" y="29"/>
                    <a:pt x="27" y="30"/>
                    <a:pt x="27" y="30"/>
                  </a:cubicBezTo>
                  <a:cubicBezTo>
                    <a:pt x="28" y="30"/>
                    <a:pt x="31" y="30"/>
                    <a:pt x="30" y="27"/>
                  </a:cubicBezTo>
                  <a:cubicBezTo>
                    <a:pt x="32" y="27"/>
                    <a:pt x="32" y="29"/>
                    <a:pt x="34" y="28"/>
                  </a:cubicBezTo>
                  <a:cubicBezTo>
                    <a:pt x="35" y="28"/>
                    <a:pt x="34" y="27"/>
                    <a:pt x="34" y="27"/>
                  </a:cubicBezTo>
                  <a:cubicBezTo>
                    <a:pt x="34" y="26"/>
                    <a:pt x="36" y="26"/>
                    <a:pt x="36" y="25"/>
                  </a:cubicBezTo>
                  <a:cubicBezTo>
                    <a:pt x="42" y="25"/>
                    <a:pt x="42" y="25"/>
                    <a:pt x="42" y="25"/>
                  </a:cubicBezTo>
                  <a:cubicBezTo>
                    <a:pt x="45" y="24"/>
                    <a:pt x="43" y="20"/>
                    <a:pt x="43" y="19"/>
                  </a:cubicBezTo>
                  <a:cubicBezTo>
                    <a:pt x="47" y="19"/>
                    <a:pt x="50" y="20"/>
                    <a:pt x="53" y="19"/>
                  </a:cubicBezTo>
                  <a:cubicBezTo>
                    <a:pt x="53" y="18"/>
                    <a:pt x="52" y="18"/>
                    <a:pt x="51" y="18"/>
                  </a:cubicBezTo>
                  <a:cubicBezTo>
                    <a:pt x="52" y="16"/>
                    <a:pt x="55" y="17"/>
                    <a:pt x="57" y="16"/>
                  </a:cubicBezTo>
                  <a:cubicBezTo>
                    <a:pt x="59" y="14"/>
                    <a:pt x="66" y="16"/>
                    <a:pt x="72" y="15"/>
                  </a:cubicBezTo>
                  <a:cubicBezTo>
                    <a:pt x="74" y="15"/>
                    <a:pt x="74" y="14"/>
                    <a:pt x="75" y="14"/>
                  </a:cubicBezTo>
                  <a:cubicBezTo>
                    <a:pt x="78" y="14"/>
                    <a:pt x="80" y="15"/>
                    <a:pt x="82" y="14"/>
                  </a:cubicBezTo>
                  <a:cubicBezTo>
                    <a:pt x="81" y="15"/>
                    <a:pt x="82" y="17"/>
                    <a:pt x="83" y="17"/>
                  </a:cubicBezTo>
                  <a:cubicBezTo>
                    <a:pt x="84" y="15"/>
                    <a:pt x="83" y="16"/>
                    <a:pt x="85" y="19"/>
                  </a:cubicBezTo>
                  <a:cubicBezTo>
                    <a:pt x="87" y="18"/>
                    <a:pt x="84" y="16"/>
                    <a:pt x="88" y="17"/>
                  </a:cubicBezTo>
                  <a:cubicBezTo>
                    <a:pt x="87" y="15"/>
                    <a:pt x="90" y="13"/>
                    <a:pt x="85" y="13"/>
                  </a:cubicBezTo>
                  <a:cubicBezTo>
                    <a:pt x="86" y="11"/>
                    <a:pt x="93" y="8"/>
                    <a:pt x="93" y="12"/>
                  </a:cubicBezTo>
                  <a:cubicBezTo>
                    <a:pt x="96" y="13"/>
                    <a:pt x="96" y="11"/>
                    <a:pt x="98" y="12"/>
                  </a:cubicBezTo>
                  <a:cubicBezTo>
                    <a:pt x="99" y="13"/>
                    <a:pt x="100" y="13"/>
                    <a:pt x="101" y="14"/>
                  </a:cubicBezTo>
                  <a:cubicBezTo>
                    <a:pt x="102" y="15"/>
                    <a:pt x="105" y="15"/>
                    <a:pt x="108" y="16"/>
                  </a:cubicBezTo>
                  <a:cubicBezTo>
                    <a:pt x="108" y="15"/>
                    <a:pt x="107" y="15"/>
                    <a:pt x="106" y="15"/>
                  </a:cubicBezTo>
                  <a:cubicBezTo>
                    <a:pt x="107" y="14"/>
                    <a:pt x="108" y="13"/>
                    <a:pt x="109" y="13"/>
                  </a:cubicBezTo>
                  <a:cubicBezTo>
                    <a:pt x="108" y="11"/>
                    <a:pt x="104" y="11"/>
                    <a:pt x="101" y="10"/>
                  </a:cubicBezTo>
                  <a:cubicBezTo>
                    <a:pt x="101" y="7"/>
                    <a:pt x="105" y="8"/>
                    <a:pt x="107" y="8"/>
                  </a:cubicBezTo>
                  <a:cubicBezTo>
                    <a:pt x="108" y="6"/>
                    <a:pt x="106" y="7"/>
                    <a:pt x="105" y="6"/>
                  </a:cubicBezTo>
                  <a:cubicBezTo>
                    <a:pt x="107" y="2"/>
                    <a:pt x="110" y="6"/>
                    <a:pt x="113" y="6"/>
                  </a:cubicBezTo>
                  <a:cubicBezTo>
                    <a:pt x="115" y="7"/>
                    <a:pt x="115" y="5"/>
                    <a:pt x="117" y="5"/>
                  </a:cubicBezTo>
                  <a:cubicBezTo>
                    <a:pt x="122" y="6"/>
                    <a:pt x="125" y="8"/>
                    <a:pt x="128" y="5"/>
                  </a:cubicBezTo>
                  <a:cubicBezTo>
                    <a:pt x="130" y="5"/>
                    <a:pt x="132" y="5"/>
                    <a:pt x="134" y="4"/>
                  </a:cubicBezTo>
                  <a:cubicBezTo>
                    <a:pt x="135" y="4"/>
                    <a:pt x="135" y="3"/>
                    <a:pt x="135" y="2"/>
                  </a:cubicBezTo>
                  <a:cubicBezTo>
                    <a:pt x="137" y="1"/>
                    <a:pt x="138" y="2"/>
                    <a:pt x="140" y="2"/>
                  </a:cubicBezTo>
                  <a:cubicBezTo>
                    <a:pt x="141" y="1"/>
                    <a:pt x="142" y="1"/>
                    <a:pt x="143" y="1"/>
                  </a:cubicBezTo>
                  <a:cubicBezTo>
                    <a:pt x="145" y="1"/>
                    <a:pt x="147" y="2"/>
                    <a:pt x="151" y="2"/>
                  </a:cubicBezTo>
                  <a:cubicBezTo>
                    <a:pt x="154" y="1"/>
                    <a:pt x="160" y="0"/>
                    <a:pt x="166" y="1"/>
                  </a:cubicBezTo>
                  <a:cubicBezTo>
                    <a:pt x="167" y="1"/>
                    <a:pt x="167" y="1"/>
                    <a:pt x="168" y="2"/>
                  </a:cubicBezTo>
                  <a:cubicBezTo>
                    <a:pt x="174" y="3"/>
                    <a:pt x="179" y="1"/>
                    <a:pt x="179" y="5"/>
                  </a:cubicBezTo>
                  <a:cubicBezTo>
                    <a:pt x="182" y="6"/>
                    <a:pt x="181" y="4"/>
                    <a:pt x="184" y="4"/>
                  </a:cubicBezTo>
                  <a:cubicBezTo>
                    <a:pt x="184" y="8"/>
                    <a:pt x="187" y="7"/>
                    <a:pt x="189" y="8"/>
                  </a:cubicBezTo>
                  <a:cubicBezTo>
                    <a:pt x="191" y="9"/>
                    <a:pt x="191" y="7"/>
                    <a:pt x="193" y="7"/>
                  </a:cubicBezTo>
                  <a:cubicBezTo>
                    <a:pt x="192" y="11"/>
                    <a:pt x="197" y="9"/>
                    <a:pt x="199" y="9"/>
                  </a:cubicBezTo>
                  <a:cubicBezTo>
                    <a:pt x="197" y="11"/>
                    <a:pt x="197" y="10"/>
                    <a:pt x="198" y="13"/>
                  </a:cubicBezTo>
                  <a:cubicBezTo>
                    <a:pt x="197" y="12"/>
                    <a:pt x="196" y="12"/>
                    <a:pt x="196" y="14"/>
                  </a:cubicBezTo>
                  <a:cubicBezTo>
                    <a:pt x="186" y="15"/>
                    <a:pt x="174" y="15"/>
                    <a:pt x="167" y="16"/>
                  </a:cubicBezTo>
                  <a:cubicBezTo>
                    <a:pt x="166" y="16"/>
                    <a:pt x="166" y="16"/>
                    <a:pt x="166" y="17"/>
                  </a:cubicBezTo>
                  <a:cubicBezTo>
                    <a:pt x="165" y="17"/>
                    <a:pt x="165" y="16"/>
                    <a:pt x="166" y="16"/>
                  </a:cubicBezTo>
                  <a:cubicBezTo>
                    <a:pt x="166" y="15"/>
                    <a:pt x="164" y="15"/>
                    <a:pt x="164" y="15"/>
                  </a:cubicBezTo>
                  <a:cubicBezTo>
                    <a:pt x="164" y="15"/>
                    <a:pt x="164" y="17"/>
                    <a:pt x="164" y="17"/>
                  </a:cubicBezTo>
                  <a:cubicBezTo>
                    <a:pt x="162" y="18"/>
                    <a:pt x="160" y="16"/>
                    <a:pt x="159" y="18"/>
                  </a:cubicBezTo>
                </a:path>
              </a:pathLst>
            </a:custGeom>
            <a:solidFill>
              <a:srgbClr val="F98377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" name="Freeform 8"/>
            <p:cNvSpPr>
              <a:spLocks/>
            </p:cNvSpPr>
            <p:nvPr/>
          </p:nvSpPr>
          <p:spPr bwMode="auto">
            <a:xfrm>
              <a:off x="2819401" y="1360488"/>
              <a:ext cx="509588" cy="276225"/>
            </a:xfrm>
            <a:custGeom>
              <a:avLst/>
              <a:gdLst>
                <a:gd name="T0" fmla="*/ 108 w 116"/>
                <a:gd name="T1" fmla="*/ 6 h 63"/>
                <a:gd name="T2" fmla="*/ 114 w 116"/>
                <a:gd name="T3" fmla="*/ 10 h 63"/>
                <a:gd name="T4" fmla="*/ 112 w 116"/>
                <a:gd name="T5" fmla="*/ 12 h 63"/>
                <a:gd name="T6" fmla="*/ 107 w 116"/>
                <a:gd name="T7" fmla="*/ 14 h 63"/>
                <a:gd name="T8" fmla="*/ 93 w 116"/>
                <a:gd name="T9" fmla="*/ 17 h 63"/>
                <a:gd name="T10" fmla="*/ 99 w 116"/>
                <a:gd name="T11" fmla="*/ 19 h 63"/>
                <a:gd name="T12" fmla="*/ 88 w 116"/>
                <a:gd name="T13" fmla="*/ 23 h 63"/>
                <a:gd name="T14" fmla="*/ 84 w 116"/>
                <a:gd name="T15" fmla="*/ 25 h 63"/>
                <a:gd name="T16" fmla="*/ 78 w 116"/>
                <a:gd name="T17" fmla="*/ 28 h 63"/>
                <a:gd name="T18" fmla="*/ 69 w 116"/>
                <a:gd name="T19" fmla="*/ 32 h 63"/>
                <a:gd name="T20" fmla="*/ 66 w 116"/>
                <a:gd name="T21" fmla="*/ 35 h 63"/>
                <a:gd name="T22" fmla="*/ 59 w 116"/>
                <a:gd name="T23" fmla="*/ 36 h 63"/>
                <a:gd name="T24" fmla="*/ 63 w 116"/>
                <a:gd name="T25" fmla="*/ 41 h 63"/>
                <a:gd name="T26" fmla="*/ 56 w 116"/>
                <a:gd name="T27" fmla="*/ 46 h 63"/>
                <a:gd name="T28" fmla="*/ 51 w 116"/>
                <a:gd name="T29" fmla="*/ 49 h 63"/>
                <a:gd name="T30" fmla="*/ 43 w 116"/>
                <a:gd name="T31" fmla="*/ 55 h 63"/>
                <a:gd name="T32" fmla="*/ 46 w 116"/>
                <a:gd name="T33" fmla="*/ 60 h 63"/>
                <a:gd name="T34" fmla="*/ 38 w 116"/>
                <a:gd name="T35" fmla="*/ 62 h 63"/>
                <a:gd name="T36" fmla="*/ 24 w 116"/>
                <a:gd name="T37" fmla="*/ 59 h 63"/>
                <a:gd name="T38" fmla="*/ 19 w 116"/>
                <a:gd name="T39" fmla="*/ 60 h 63"/>
                <a:gd name="T40" fmla="*/ 12 w 116"/>
                <a:gd name="T41" fmla="*/ 55 h 63"/>
                <a:gd name="T42" fmla="*/ 19 w 116"/>
                <a:gd name="T43" fmla="*/ 49 h 63"/>
                <a:gd name="T44" fmla="*/ 27 w 116"/>
                <a:gd name="T45" fmla="*/ 49 h 63"/>
                <a:gd name="T46" fmla="*/ 13 w 116"/>
                <a:gd name="T47" fmla="*/ 46 h 63"/>
                <a:gd name="T48" fmla="*/ 21 w 116"/>
                <a:gd name="T49" fmla="*/ 41 h 63"/>
                <a:gd name="T50" fmla="*/ 28 w 116"/>
                <a:gd name="T51" fmla="*/ 41 h 63"/>
                <a:gd name="T52" fmla="*/ 28 w 116"/>
                <a:gd name="T53" fmla="*/ 37 h 63"/>
                <a:gd name="T54" fmla="*/ 26 w 116"/>
                <a:gd name="T55" fmla="*/ 32 h 63"/>
                <a:gd name="T56" fmla="*/ 21 w 116"/>
                <a:gd name="T57" fmla="*/ 30 h 63"/>
                <a:gd name="T58" fmla="*/ 31 w 116"/>
                <a:gd name="T59" fmla="*/ 29 h 63"/>
                <a:gd name="T60" fmla="*/ 35 w 116"/>
                <a:gd name="T61" fmla="*/ 27 h 63"/>
                <a:gd name="T62" fmla="*/ 43 w 116"/>
                <a:gd name="T63" fmla="*/ 21 h 63"/>
                <a:gd name="T64" fmla="*/ 27 w 116"/>
                <a:gd name="T65" fmla="*/ 24 h 63"/>
                <a:gd name="T66" fmla="*/ 15 w 116"/>
                <a:gd name="T67" fmla="*/ 21 h 63"/>
                <a:gd name="T68" fmla="*/ 4 w 116"/>
                <a:gd name="T69" fmla="*/ 19 h 63"/>
                <a:gd name="T70" fmla="*/ 2 w 116"/>
                <a:gd name="T71" fmla="*/ 13 h 63"/>
                <a:gd name="T72" fmla="*/ 21 w 116"/>
                <a:gd name="T73" fmla="*/ 8 h 63"/>
                <a:gd name="T74" fmla="*/ 34 w 116"/>
                <a:gd name="T75" fmla="*/ 5 h 63"/>
                <a:gd name="T76" fmla="*/ 50 w 116"/>
                <a:gd name="T77" fmla="*/ 2 h 63"/>
                <a:gd name="T78" fmla="*/ 67 w 116"/>
                <a:gd name="T79" fmla="*/ 1 h 63"/>
                <a:gd name="T80" fmla="*/ 75 w 116"/>
                <a:gd name="T81" fmla="*/ 1 h 63"/>
                <a:gd name="T82" fmla="*/ 92 w 116"/>
                <a:gd name="T83" fmla="*/ 1 h 63"/>
                <a:gd name="T84" fmla="*/ 108 w 116"/>
                <a:gd name="T85" fmla="*/ 2 h 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</a:cxnLst>
              <a:rect l="0" t="0" r="r" b="b"/>
              <a:pathLst>
                <a:path w="116" h="63">
                  <a:moveTo>
                    <a:pt x="108" y="2"/>
                  </a:moveTo>
                  <a:cubicBezTo>
                    <a:pt x="106" y="4"/>
                    <a:pt x="108" y="4"/>
                    <a:pt x="108" y="6"/>
                  </a:cubicBezTo>
                  <a:cubicBezTo>
                    <a:pt x="115" y="6"/>
                    <a:pt x="115" y="6"/>
                    <a:pt x="115" y="6"/>
                  </a:cubicBezTo>
                  <a:cubicBezTo>
                    <a:pt x="116" y="8"/>
                    <a:pt x="114" y="8"/>
                    <a:pt x="114" y="10"/>
                  </a:cubicBezTo>
                  <a:cubicBezTo>
                    <a:pt x="114" y="10"/>
                    <a:pt x="112" y="10"/>
                    <a:pt x="112" y="10"/>
                  </a:cubicBezTo>
                  <a:cubicBezTo>
                    <a:pt x="111" y="10"/>
                    <a:pt x="112" y="12"/>
                    <a:pt x="112" y="12"/>
                  </a:cubicBezTo>
                  <a:cubicBezTo>
                    <a:pt x="110" y="13"/>
                    <a:pt x="108" y="13"/>
                    <a:pt x="108" y="12"/>
                  </a:cubicBezTo>
                  <a:cubicBezTo>
                    <a:pt x="107" y="12"/>
                    <a:pt x="107" y="13"/>
                    <a:pt x="107" y="14"/>
                  </a:cubicBezTo>
                  <a:cubicBezTo>
                    <a:pt x="106" y="15"/>
                    <a:pt x="103" y="13"/>
                    <a:pt x="103" y="15"/>
                  </a:cubicBezTo>
                  <a:cubicBezTo>
                    <a:pt x="100" y="14"/>
                    <a:pt x="95" y="14"/>
                    <a:pt x="93" y="17"/>
                  </a:cubicBezTo>
                  <a:cubicBezTo>
                    <a:pt x="94" y="19"/>
                    <a:pt x="98" y="17"/>
                    <a:pt x="99" y="16"/>
                  </a:cubicBezTo>
                  <a:cubicBezTo>
                    <a:pt x="101" y="16"/>
                    <a:pt x="99" y="17"/>
                    <a:pt x="99" y="19"/>
                  </a:cubicBezTo>
                  <a:cubicBezTo>
                    <a:pt x="96" y="19"/>
                    <a:pt x="94" y="20"/>
                    <a:pt x="91" y="21"/>
                  </a:cubicBezTo>
                  <a:cubicBezTo>
                    <a:pt x="89" y="21"/>
                    <a:pt x="88" y="22"/>
                    <a:pt x="88" y="23"/>
                  </a:cubicBezTo>
                  <a:cubicBezTo>
                    <a:pt x="87" y="24"/>
                    <a:pt x="86" y="23"/>
                    <a:pt x="85" y="23"/>
                  </a:cubicBezTo>
                  <a:cubicBezTo>
                    <a:pt x="84" y="24"/>
                    <a:pt x="85" y="25"/>
                    <a:pt x="84" y="25"/>
                  </a:cubicBezTo>
                  <a:cubicBezTo>
                    <a:pt x="83" y="26"/>
                    <a:pt x="81" y="24"/>
                    <a:pt x="81" y="26"/>
                  </a:cubicBezTo>
                  <a:cubicBezTo>
                    <a:pt x="81" y="28"/>
                    <a:pt x="78" y="27"/>
                    <a:pt x="78" y="28"/>
                  </a:cubicBezTo>
                  <a:cubicBezTo>
                    <a:pt x="78" y="30"/>
                    <a:pt x="76" y="29"/>
                    <a:pt x="74" y="30"/>
                  </a:cubicBezTo>
                  <a:cubicBezTo>
                    <a:pt x="73" y="31"/>
                    <a:pt x="71" y="31"/>
                    <a:pt x="69" y="32"/>
                  </a:cubicBezTo>
                  <a:cubicBezTo>
                    <a:pt x="68" y="32"/>
                    <a:pt x="69" y="33"/>
                    <a:pt x="68" y="33"/>
                  </a:cubicBezTo>
                  <a:cubicBezTo>
                    <a:pt x="65" y="33"/>
                    <a:pt x="67" y="34"/>
                    <a:pt x="66" y="35"/>
                  </a:cubicBezTo>
                  <a:cubicBezTo>
                    <a:pt x="66" y="35"/>
                    <a:pt x="65" y="35"/>
                    <a:pt x="65" y="35"/>
                  </a:cubicBezTo>
                  <a:cubicBezTo>
                    <a:pt x="64" y="35"/>
                    <a:pt x="62" y="37"/>
                    <a:pt x="59" y="36"/>
                  </a:cubicBezTo>
                  <a:cubicBezTo>
                    <a:pt x="59" y="37"/>
                    <a:pt x="63" y="38"/>
                    <a:pt x="59" y="38"/>
                  </a:cubicBezTo>
                  <a:cubicBezTo>
                    <a:pt x="60" y="40"/>
                    <a:pt x="64" y="38"/>
                    <a:pt x="63" y="41"/>
                  </a:cubicBezTo>
                  <a:cubicBezTo>
                    <a:pt x="61" y="39"/>
                    <a:pt x="61" y="42"/>
                    <a:pt x="61" y="44"/>
                  </a:cubicBezTo>
                  <a:cubicBezTo>
                    <a:pt x="59" y="41"/>
                    <a:pt x="58" y="45"/>
                    <a:pt x="56" y="46"/>
                  </a:cubicBezTo>
                  <a:cubicBezTo>
                    <a:pt x="54" y="47"/>
                    <a:pt x="52" y="46"/>
                    <a:pt x="50" y="48"/>
                  </a:cubicBezTo>
                  <a:cubicBezTo>
                    <a:pt x="50" y="49"/>
                    <a:pt x="51" y="49"/>
                    <a:pt x="51" y="49"/>
                  </a:cubicBezTo>
                  <a:cubicBezTo>
                    <a:pt x="52" y="50"/>
                    <a:pt x="48" y="51"/>
                    <a:pt x="50" y="51"/>
                  </a:cubicBezTo>
                  <a:cubicBezTo>
                    <a:pt x="49" y="54"/>
                    <a:pt x="44" y="52"/>
                    <a:pt x="43" y="55"/>
                  </a:cubicBezTo>
                  <a:cubicBezTo>
                    <a:pt x="44" y="57"/>
                    <a:pt x="47" y="57"/>
                    <a:pt x="50" y="57"/>
                  </a:cubicBezTo>
                  <a:cubicBezTo>
                    <a:pt x="51" y="60"/>
                    <a:pt x="46" y="57"/>
                    <a:pt x="46" y="60"/>
                  </a:cubicBezTo>
                  <a:cubicBezTo>
                    <a:pt x="46" y="61"/>
                    <a:pt x="45" y="60"/>
                    <a:pt x="44" y="60"/>
                  </a:cubicBezTo>
                  <a:cubicBezTo>
                    <a:pt x="42" y="60"/>
                    <a:pt x="40" y="63"/>
                    <a:pt x="38" y="62"/>
                  </a:cubicBezTo>
                  <a:cubicBezTo>
                    <a:pt x="37" y="61"/>
                    <a:pt x="36" y="61"/>
                    <a:pt x="36" y="59"/>
                  </a:cubicBezTo>
                  <a:cubicBezTo>
                    <a:pt x="31" y="58"/>
                    <a:pt x="28" y="60"/>
                    <a:pt x="24" y="59"/>
                  </a:cubicBezTo>
                  <a:cubicBezTo>
                    <a:pt x="23" y="59"/>
                    <a:pt x="22" y="58"/>
                    <a:pt x="23" y="58"/>
                  </a:cubicBezTo>
                  <a:cubicBezTo>
                    <a:pt x="21" y="58"/>
                    <a:pt x="20" y="59"/>
                    <a:pt x="19" y="60"/>
                  </a:cubicBezTo>
                  <a:cubicBezTo>
                    <a:pt x="15" y="60"/>
                    <a:pt x="11" y="58"/>
                    <a:pt x="6" y="58"/>
                  </a:cubicBezTo>
                  <a:cubicBezTo>
                    <a:pt x="7" y="56"/>
                    <a:pt x="9" y="55"/>
                    <a:pt x="12" y="55"/>
                  </a:cubicBezTo>
                  <a:cubicBezTo>
                    <a:pt x="14" y="55"/>
                    <a:pt x="13" y="51"/>
                    <a:pt x="14" y="50"/>
                  </a:cubicBezTo>
                  <a:cubicBezTo>
                    <a:pt x="17" y="51"/>
                    <a:pt x="17" y="49"/>
                    <a:pt x="19" y="49"/>
                  </a:cubicBezTo>
                  <a:cubicBezTo>
                    <a:pt x="19" y="52"/>
                    <a:pt x="23" y="52"/>
                    <a:pt x="26" y="52"/>
                  </a:cubicBezTo>
                  <a:cubicBezTo>
                    <a:pt x="28" y="51"/>
                    <a:pt x="25" y="51"/>
                    <a:pt x="27" y="49"/>
                  </a:cubicBezTo>
                  <a:cubicBezTo>
                    <a:pt x="26" y="47"/>
                    <a:pt x="21" y="50"/>
                    <a:pt x="23" y="45"/>
                  </a:cubicBezTo>
                  <a:cubicBezTo>
                    <a:pt x="19" y="46"/>
                    <a:pt x="17" y="48"/>
                    <a:pt x="13" y="46"/>
                  </a:cubicBezTo>
                  <a:cubicBezTo>
                    <a:pt x="14" y="44"/>
                    <a:pt x="16" y="44"/>
                    <a:pt x="18" y="43"/>
                  </a:cubicBezTo>
                  <a:cubicBezTo>
                    <a:pt x="19" y="42"/>
                    <a:pt x="20" y="42"/>
                    <a:pt x="21" y="41"/>
                  </a:cubicBezTo>
                  <a:cubicBezTo>
                    <a:pt x="22" y="41"/>
                    <a:pt x="23" y="40"/>
                    <a:pt x="23" y="40"/>
                  </a:cubicBezTo>
                  <a:cubicBezTo>
                    <a:pt x="25" y="39"/>
                    <a:pt x="26" y="40"/>
                    <a:pt x="28" y="41"/>
                  </a:cubicBezTo>
                  <a:cubicBezTo>
                    <a:pt x="29" y="40"/>
                    <a:pt x="30" y="39"/>
                    <a:pt x="30" y="38"/>
                  </a:cubicBezTo>
                  <a:cubicBezTo>
                    <a:pt x="31" y="36"/>
                    <a:pt x="28" y="37"/>
                    <a:pt x="28" y="37"/>
                  </a:cubicBezTo>
                  <a:cubicBezTo>
                    <a:pt x="27" y="36"/>
                    <a:pt x="27" y="34"/>
                    <a:pt x="27" y="34"/>
                  </a:cubicBezTo>
                  <a:cubicBezTo>
                    <a:pt x="26" y="33"/>
                    <a:pt x="25" y="33"/>
                    <a:pt x="26" y="32"/>
                  </a:cubicBezTo>
                  <a:cubicBezTo>
                    <a:pt x="25" y="32"/>
                    <a:pt x="24" y="33"/>
                    <a:pt x="23" y="33"/>
                  </a:cubicBezTo>
                  <a:cubicBezTo>
                    <a:pt x="23" y="31"/>
                    <a:pt x="23" y="30"/>
                    <a:pt x="21" y="30"/>
                  </a:cubicBezTo>
                  <a:cubicBezTo>
                    <a:pt x="22" y="28"/>
                    <a:pt x="23" y="27"/>
                    <a:pt x="26" y="27"/>
                  </a:cubicBezTo>
                  <a:cubicBezTo>
                    <a:pt x="28" y="27"/>
                    <a:pt x="28" y="30"/>
                    <a:pt x="31" y="29"/>
                  </a:cubicBezTo>
                  <a:cubicBezTo>
                    <a:pt x="31" y="30"/>
                    <a:pt x="32" y="31"/>
                    <a:pt x="32" y="31"/>
                  </a:cubicBezTo>
                  <a:cubicBezTo>
                    <a:pt x="35" y="32"/>
                    <a:pt x="34" y="28"/>
                    <a:pt x="35" y="27"/>
                  </a:cubicBezTo>
                  <a:cubicBezTo>
                    <a:pt x="40" y="26"/>
                    <a:pt x="44" y="25"/>
                    <a:pt x="47" y="21"/>
                  </a:cubicBezTo>
                  <a:cubicBezTo>
                    <a:pt x="46" y="19"/>
                    <a:pt x="45" y="23"/>
                    <a:pt x="43" y="21"/>
                  </a:cubicBezTo>
                  <a:cubicBezTo>
                    <a:pt x="41" y="23"/>
                    <a:pt x="39" y="23"/>
                    <a:pt x="38" y="24"/>
                  </a:cubicBezTo>
                  <a:cubicBezTo>
                    <a:pt x="35" y="24"/>
                    <a:pt x="31" y="25"/>
                    <a:pt x="27" y="24"/>
                  </a:cubicBezTo>
                  <a:cubicBezTo>
                    <a:pt x="24" y="24"/>
                    <a:pt x="23" y="23"/>
                    <a:pt x="20" y="24"/>
                  </a:cubicBezTo>
                  <a:cubicBezTo>
                    <a:pt x="19" y="21"/>
                    <a:pt x="17" y="25"/>
                    <a:pt x="15" y="21"/>
                  </a:cubicBezTo>
                  <a:cubicBezTo>
                    <a:pt x="14" y="23"/>
                    <a:pt x="11" y="21"/>
                    <a:pt x="8" y="21"/>
                  </a:cubicBezTo>
                  <a:cubicBezTo>
                    <a:pt x="8" y="18"/>
                    <a:pt x="4" y="20"/>
                    <a:pt x="4" y="19"/>
                  </a:cubicBezTo>
                  <a:cubicBezTo>
                    <a:pt x="3" y="16"/>
                    <a:pt x="6" y="17"/>
                    <a:pt x="7" y="16"/>
                  </a:cubicBezTo>
                  <a:cubicBezTo>
                    <a:pt x="7" y="13"/>
                    <a:pt x="0" y="17"/>
                    <a:pt x="2" y="13"/>
                  </a:cubicBezTo>
                  <a:cubicBezTo>
                    <a:pt x="6" y="11"/>
                    <a:pt x="13" y="11"/>
                    <a:pt x="20" y="10"/>
                  </a:cubicBezTo>
                  <a:cubicBezTo>
                    <a:pt x="21" y="10"/>
                    <a:pt x="21" y="9"/>
                    <a:pt x="21" y="8"/>
                  </a:cubicBezTo>
                  <a:cubicBezTo>
                    <a:pt x="26" y="9"/>
                    <a:pt x="30" y="7"/>
                    <a:pt x="32" y="8"/>
                  </a:cubicBezTo>
                  <a:cubicBezTo>
                    <a:pt x="33" y="7"/>
                    <a:pt x="34" y="6"/>
                    <a:pt x="34" y="5"/>
                  </a:cubicBezTo>
                  <a:cubicBezTo>
                    <a:pt x="40" y="5"/>
                    <a:pt x="45" y="3"/>
                    <a:pt x="50" y="4"/>
                  </a:cubicBezTo>
                  <a:cubicBezTo>
                    <a:pt x="50" y="4"/>
                    <a:pt x="50" y="3"/>
                    <a:pt x="50" y="2"/>
                  </a:cubicBezTo>
                  <a:cubicBezTo>
                    <a:pt x="54" y="3"/>
                    <a:pt x="60" y="1"/>
                    <a:pt x="62" y="3"/>
                  </a:cubicBezTo>
                  <a:cubicBezTo>
                    <a:pt x="63" y="2"/>
                    <a:pt x="66" y="3"/>
                    <a:pt x="67" y="1"/>
                  </a:cubicBezTo>
                  <a:cubicBezTo>
                    <a:pt x="69" y="2"/>
                    <a:pt x="73" y="3"/>
                    <a:pt x="76" y="2"/>
                  </a:cubicBezTo>
                  <a:cubicBezTo>
                    <a:pt x="76" y="2"/>
                    <a:pt x="76" y="1"/>
                    <a:pt x="75" y="1"/>
                  </a:cubicBezTo>
                  <a:cubicBezTo>
                    <a:pt x="75" y="0"/>
                    <a:pt x="76" y="1"/>
                    <a:pt x="76" y="1"/>
                  </a:cubicBezTo>
                  <a:cubicBezTo>
                    <a:pt x="81" y="2"/>
                    <a:pt x="87" y="0"/>
                    <a:pt x="92" y="1"/>
                  </a:cubicBezTo>
                  <a:cubicBezTo>
                    <a:pt x="92" y="1"/>
                    <a:pt x="91" y="3"/>
                    <a:pt x="92" y="3"/>
                  </a:cubicBezTo>
                  <a:cubicBezTo>
                    <a:pt x="99" y="3"/>
                    <a:pt x="99" y="2"/>
                    <a:pt x="108" y="2"/>
                  </a:cubicBezTo>
                </a:path>
              </a:pathLst>
            </a:custGeom>
            <a:solidFill>
              <a:srgbClr val="E1DAAD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" name="Freeform 9"/>
            <p:cNvSpPr>
              <a:spLocks noEditPoints="1"/>
            </p:cNvSpPr>
            <p:nvPr/>
          </p:nvSpPr>
          <p:spPr bwMode="auto">
            <a:xfrm>
              <a:off x="4068763" y="1579563"/>
              <a:ext cx="3538538" cy="2320925"/>
            </a:xfrm>
            <a:custGeom>
              <a:avLst/>
              <a:gdLst>
                <a:gd name="T0" fmla="*/ 479 w 807"/>
                <a:gd name="T1" fmla="*/ 37 h 529"/>
                <a:gd name="T2" fmla="*/ 566 w 807"/>
                <a:gd name="T3" fmla="*/ 37 h 529"/>
                <a:gd name="T4" fmla="*/ 639 w 807"/>
                <a:gd name="T5" fmla="*/ 44 h 529"/>
                <a:gd name="T6" fmla="*/ 733 w 807"/>
                <a:gd name="T7" fmla="*/ 59 h 529"/>
                <a:gd name="T8" fmla="*/ 807 w 807"/>
                <a:gd name="T9" fmla="*/ 83 h 529"/>
                <a:gd name="T10" fmla="*/ 760 w 807"/>
                <a:gd name="T11" fmla="*/ 95 h 529"/>
                <a:gd name="T12" fmla="*/ 700 w 807"/>
                <a:gd name="T13" fmla="*/ 140 h 529"/>
                <a:gd name="T14" fmla="*/ 676 w 807"/>
                <a:gd name="T15" fmla="*/ 155 h 529"/>
                <a:gd name="T16" fmla="*/ 708 w 807"/>
                <a:gd name="T17" fmla="*/ 107 h 529"/>
                <a:gd name="T18" fmla="*/ 639 w 807"/>
                <a:gd name="T19" fmla="*/ 127 h 529"/>
                <a:gd name="T20" fmla="*/ 617 w 807"/>
                <a:gd name="T21" fmla="*/ 160 h 529"/>
                <a:gd name="T22" fmla="*/ 579 w 807"/>
                <a:gd name="T23" fmla="*/ 213 h 529"/>
                <a:gd name="T24" fmla="*/ 554 w 807"/>
                <a:gd name="T25" fmla="*/ 225 h 529"/>
                <a:gd name="T26" fmla="*/ 543 w 807"/>
                <a:gd name="T27" fmla="*/ 238 h 529"/>
                <a:gd name="T28" fmla="*/ 509 w 807"/>
                <a:gd name="T29" fmla="*/ 301 h 529"/>
                <a:gd name="T30" fmla="*/ 490 w 807"/>
                <a:gd name="T31" fmla="*/ 346 h 529"/>
                <a:gd name="T32" fmla="*/ 458 w 807"/>
                <a:gd name="T33" fmla="*/ 351 h 529"/>
                <a:gd name="T34" fmla="*/ 452 w 807"/>
                <a:gd name="T35" fmla="*/ 353 h 529"/>
                <a:gd name="T36" fmla="*/ 435 w 807"/>
                <a:gd name="T37" fmla="*/ 308 h 529"/>
                <a:gd name="T38" fmla="*/ 380 w 807"/>
                <a:gd name="T39" fmla="*/ 337 h 529"/>
                <a:gd name="T40" fmla="*/ 341 w 807"/>
                <a:gd name="T41" fmla="*/ 297 h 529"/>
                <a:gd name="T42" fmla="*/ 268 w 807"/>
                <a:gd name="T43" fmla="*/ 285 h 529"/>
                <a:gd name="T44" fmla="*/ 286 w 807"/>
                <a:gd name="T45" fmla="*/ 316 h 529"/>
                <a:gd name="T46" fmla="*/ 232 w 807"/>
                <a:gd name="T47" fmla="*/ 319 h 529"/>
                <a:gd name="T48" fmla="*/ 201 w 807"/>
                <a:gd name="T49" fmla="*/ 280 h 529"/>
                <a:gd name="T50" fmla="*/ 226 w 807"/>
                <a:gd name="T51" fmla="*/ 331 h 529"/>
                <a:gd name="T52" fmla="*/ 241 w 807"/>
                <a:gd name="T53" fmla="*/ 384 h 529"/>
                <a:gd name="T54" fmla="*/ 211 w 807"/>
                <a:gd name="T55" fmla="*/ 460 h 529"/>
                <a:gd name="T56" fmla="*/ 181 w 807"/>
                <a:gd name="T57" fmla="*/ 519 h 529"/>
                <a:gd name="T58" fmla="*/ 122 w 807"/>
                <a:gd name="T59" fmla="*/ 474 h 529"/>
                <a:gd name="T60" fmla="*/ 115 w 807"/>
                <a:gd name="T61" fmla="*/ 404 h 529"/>
                <a:gd name="T62" fmla="*/ 24 w 807"/>
                <a:gd name="T63" fmla="*/ 360 h 529"/>
                <a:gd name="T64" fmla="*/ 3 w 807"/>
                <a:gd name="T65" fmla="*/ 302 h 529"/>
                <a:gd name="T66" fmla="*/ 83 w 807"/>
                <a:gd name="T67" fmla="*/ 239 h 529"/>
                <a:gd name="T68" fmla="*/ 135 w 807"/>
                <a:gd name="T69" fmla="*/ 263 h 529"/>
                <a:gd name="T70" fmla="*/ 194 w 807"/>
                <a:gd name="T71" fmla="*/ 263 h 529"/>
                <a:gd name="T72" fmla="*/ 159 w 807"/>
                <a:gd name="T73" fmla="*/ 223 h 529"/>
                <a:gd name="T74" fmla="*/ 131 w 807"/>
                <a:gd name="T75" fmla="*/ 206 h 529"/>
                <a:gd name="T76" fmla="*/ 133 w 807"/>
                <a:gd name="T77" fmla="*/ 222 h 529"/>
                <a:gd name="T78" fmla="*/ 81 w 807"/>
                <a:gd name="T79" fmla="*/ 209 h 529"/>
                <a:gd name="T80" fmla="*/ 59 w 807"/>
                <a:gd name="T81" fmla="*/ 208 h 529"/>
                <a:gd name="T82" fmla="*/ 81 w 807"/>
                <a:gd name="T83" fmla="*/ 169 h 529"/>
                <a:gd name="T84" fmla="*/ 110 w 807"/>
                <a:gd name="T85" fmla="*/ 150 h 529"/>
                <a:gd name="T86" fmla="*/ 163 w 807"/>
                <a:gd name="T87" fmla="*/ 127 h 529"/>
                <a:gd name="T88" fmla="*/ 161 w 807"/>
                <a:gd name="T89" fmla="*/ 101 h 529"/>
                <a:gd name="T90" fmla="*/ 143 w 807"/>
                <a:gd name="T91" fmla="*/ 122 h 529"/>
                <a:gd name="T92" fmla="*/ 94 w 807"/>
                <a:gd name="T93" fmla="*/ 129 h 529"/>
                <a:gd name="T94" fmla="*/ 117 w 807"/>
                <a:gd name="T95" fmla="*/ 86 h 529"/>
                <a:gd name="T96" fmla="*/ 182 w 807"/>
                <a:gd name="T97" fmla="*/ 54 h 529"/>
                <a:gd name="T98" fmla="*/ 204 w 807"/>
                <a:gd name="T99" fmla="*/ 79 h 529"/>
                <a:gd name="T100" fmla="*/ 241 w 807"/>
                <a:gd name="T101" fmla="*/ 69 h 529"/>
                <a:gd name="T102" fmla="*/ 306 w 807"/>
                <a:gd name="T103" fmla="*/ 65 h 529"/>
                <a:gd name="T104" fmla="*/ 338 w 807"/>
                <a:gd name="T105" fmla="*/ 43 h 529"/>
                <a:gd name="T106" fmla="*/ 361 w 807"/>
                <a:gd name="T107" fmla="*/ 67 h 529"/>
                <a:gd name="T108" fmla="*/ 376 w 807"/>
                <a:gd name="T109" fmla="*/ 42 h 529"/>
                <a:gd name="T110" fmla="*/ 456 w 807"/>
                <a:gd name="T111" fmla="*/ 10 h 529"/>
                <a:gd name="T112" fmla="*/ 191 w 807"/>
                <a:gd name="T113" fmla="*/ 192 h 529"/>
                <a:gd name="T114" fmla="*/ 230 w 807"/>
                <a:gd name="T115" fmla="*/ 218 h 529"/>
                <a:gd name="T116" fmla="*/ 272 w 807"/>
                <a:gd name="T117" fmla="*/ 211 h 529"/>
                <a:gd name="T118" fmla="*/ 259 w 807"/>
                <a:gd name="T119" fmla="*/ 231 h 529"/>
                <a:gd name="T120" fmla="*/ 192 w 807"/>
                <a:gd name="T121" fmla="*/ 390 h 5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</a:cxnLst>
              <a:rect l="0" t="0" r="r" b="b"/>
              <a:pathLst>
                <a:path w="807" h="529">
                  <a:moveTo>
                    <a:pt x="486" y="6"/>
                  </a:moveTo>
                  <a:cubicBezTo>
                    <a:pt x="486" y="7"/>
                    <a:pt x="488" y="7"/>
                    <a:pt x="489" y="7"/>
                  </a:cubicBezTo>
                  <a:cubicBezTo>
                    <a:pt x="489" y="8"/>
                    <a:pt x="487" y="8"/>
                    <a:pt x="486" y="8"/>
                  </a:cubicBezTo>
                  <a:cubicBezTo>
                    <a:pt x="490" y="12"/>
                    <a:pt x="494" y="6"/>
                    <a:pt x="501" y="8"/>
                  </a:cubicBezTo>
                  <a:cubicBezTo>
                    <a:pt x="503" y="10"/>
                    <a:pt x="506" y="12"/>
                    <a:pt x="509" y="12"/>
                  </a:cubicBezTo>
                  <a:cubicBezTo>
                    <a:pt x="509" y="14"/>
                    <a:pt x="509" y="15"/>
                    <a:pt x="509" y="16"/>
                  </a:cubicBezTo>
                  <a:cubicBezTo>
                    <a:pt x="509" y="17"/>
                    <a:pt x="511" y="17"/>
                    <a:pt x="511" y="19"/>
                  </a:cubicBezTo>
                  <a:cubicBezTo>
                    <a:pt x="509" y="19"/>
                    <a:pt x="509" y="21"/>
                    <a:pt x="509" y="22"/>
                  </a:cubicBezTo>
                  <a:cubicBezTo>
                    <a:pt x="508" y="21"/>
                    <a:pt x="507" y="21"/>
                    <a:pt x="505" y="21"/>
                  </a:cubicBezTo>
                  <a:cubicBezTo>
                    <a:pt x="504" y="21"/>
                    <a:pt x="505" y="23"/>
                    <a:pt x="504" y="23"/>
                  </a:cubicBezTo>
                  <a:cubicBezTo>
                    <a:pt x="504" y="23"/>
                    <a:pt x="503" y="22"/>
                    <a:pt x="502" y="22"/>
                  </a:cubicBezTo>
                  <a:cubicBezTo>
                    <a:pt x="502" y="22"/>
                    <a:pt x="500" y="24"/>
                    <a:pt x="497" y="23"/>
                  </a:cubicBezTo>
                  <a:cubicBezTo>
                    <a:pt x="495" y="23"/>
                    <a:pt x="496" y="25"/>
                    <a:pt x="496" y="25"/>
                  </a:cubicBezTo>
                  <a:cubicBezTo>
                    <a:pt x="495" y="25"/>
                    <a:pt x="494" y="25"/>
                    <a:pt x="494" y="25"/>
                  </a:cubicBezTo>
                  <a:cubicBezTo>
                    <a:pt x="493" y="26"/>
                    <a:pt x="495" y="26"/>
                    <a:pt x="494" y="29"/>
                  </a:cubicBezTo>
                  <a:cubicBezTo>
                    <a:pt x="493" y="27"/>
                    <a:pt x="489" y="29"/>
                    <a:pt x="491" y="30"/>
                  </a:cubicBezTo>
                  <a:cubicBezTo>
                    <a:pt x="489" y="32"/>
                    <a:pt x="486" y="31"/>
                    <a:pt x="483" y="32"/>
                  </a:cubicBezTo>
                  <a:cubicBezTo>
                    <a:pt x="482" y="32"/>
                    <a:pt x="481" y="35"/>
                    <a:pt x="478" y="34"/>
                  </a:cubicBezTo>
                  <a:cubicBezTo>
                    <a:pt x="479" y="36"/>
                    <a:pt x="479" y="37"/>
                    <a:pt x="478" y="37"/>
                  </a:cubicBezTo>
                  <a:cubicBezTo>
                    <a:pt x="478" y="39"/>
                    <a:pt x="478" y="37"/>
                    <a:pt x="479" y="37"/>
                  </a:cubicBezTo>
                  <a:cubicBezTo>
                    <a:pt x="482" y="37"/>
                    <a:pt x="483" y="35"/>
                    <a:pt x="485" y="34"/>
                  </a:cubicBezTo>
                  <a:cubicBezTo>
                    <a:pt x="487" y="34"/>
                    <a:pt x="487" y="36"/>
                    <a:pt x="488" y="35"/>
                  </a:cubicBezTo>
                  <a:cubicBezTo>
                    <a:pt x="489" y="35"/>
                    <a:pt x="489" y="34"/>
                    <a:pt x="490" y="33"/>
                  </a:cubicBezTo>
                  <a:cubicBezTo>
                    <a:pt x="492" y="33"/>
                    <a:pt x="494" y="33"/>
                    <a:pt x="497" y="33"/>
                  </a:cubicBezTo>
                  <a:cubicBezTo>
                    <a:pt x="498" y="32"/>
                    <a:pt x="496" y="31"/>
                    <a:pt x="498" y="31"/>
                  </a:cubicBezTo>
                  <a:cubicBezTo>
                    <a:pt x="498" y="31"/>
                    <a:pt x="499" y="31"/>
                    <a:pt x="499" y="31"/>
                  </a:cubicBezTo>
                  <a:cubicBezTo>
                    <a:pt x="500" y="31"/>
                    <a:pt x="500" y="29"/>
                    <a:pt x="500" y="29"/>
                  </a:cubicBezTo>
                  <a:cubicBezTo>
                    <a:pt x="501" y="29"/>
                    <a:pt x="503" y="30"/>
                    <a:pt x="504" y="30"/>
                  </a:cubicBezTo>
                  <a:cubicBezTo>
                    <a:pt x="507" y="30"/>
                    <a:pt x="507" y="29"/>
                    <a:pt x="509" y="29"/>
                  </a:cubicBezTo>
                  <a:cubicBezTo>
                    <a:pt x="509" y="32"/>
                    <a:pt x="509" y="32"/>
                    <a:pt x="509" y="32"/>
                  </a:cubicBezTo>
                  <a:cubicBezTo>
                    <a:pt x="510" y="31"/>
                    <a:pt x="511" y="31"/>
                    <a:pt x="511" y="33"/>
                  </a:cubicBezTo>
                  <a:cubicBezTo>
                    <a:pt x="516" y="32"/>
                    <a:pt x="524" y="33"/>
                    <a:pt x="532" y="33"/>
                  </a:cubicBezTo>
                  <a:cubicBezTo>
                    <a:pt x="531" y="37"/>
                    <a:pt x="538" y="34"/>
                    <a:pt x="538" y="38"/>
                  </a:cubicBezTo>
                  <a:cubicBezTo>
                    <a:pt x="538" y="37"/>
                    <a:pt x="540" y="38"/>
                    <a:pt x="541" y="38"/>
                  </a:cubicBezTo>
                  <a:cubicBezTo>
                    <a:pt x="544" y="38"/>
                    <a:pt x="548" y="37"/>
                    <a:pt x="549" y="38"/>
                  </a:cubicBezTo>
                  <a:cubicBezTo>
                    <a:pt x="551" y="38"/>
                    <a:pt x="549" y="34"/>
                    <a:pt x="551" y="33"/>
                  </a:cubicBezTo>
                  <a:cubicBezTo>
                    <a:pt x="554" y="34"/>
                    <a:pt x="557" y="34"/>
                    <a:pt x="561" y="34"/>
                  </a:cubicBezTo>
                  <a:cubicBezTo>
                    <a:pt x="561" y="34"/>
                    <a:pt x="561" y="35"/>
                    <a:pt x="561" y="35"/>
                  </a:cubicBezTo>
                  <a:cubicBezTo>
                    <a:pt x="562" y="36"/>
                    <a:pt x="564" y="35"/>
                    <a:pt x="565" y="35"/>
                  </a:cubicBezTo>
                  <a:cubicBezTo>
                    <a:pt x="566" y="36"/>
                    <a:pt x="566" y="37"/>
                    <a:pt x="566" y="37"/>
                  </a:cubicBezTo>
                  <a:cubicBezTo>
                    <a:pt x="568" y="38"/>
                    <a:pt x="570" y="37"/>
                    <a:pt x="571" y="38"/>
                  </a:cubicBezTo>
                  <a:cubicBezTo>
                    <a:pt x="571" y="40"/>
                    <a:pt x="571" y="42"/>
                    <a:pt x="568" y="42"/>
                  </a:cubicBezTo>
                  <a:cubicBezTo>
                    <a:pt x="568" y="44"/>
                    <a:pt x="570" y="44"/>
                    <a:pt x="572" y="44"/>
                  </a:cubicBezTo>
                  <a:cubicBezTo>
                    <a:pt x="571" y="50"/>
                    <a:pt x="576" y="50"/>
                    <a:pt x="578" y="53"/>
                  </a:cubicBezTo>
                  <a:cubicBezTo>
                    <a:pt x="579" y="52"/>
                    <a:pt x="581" y="51"/>
                    <a:pt x="583" y="50"/>
                  </a:cubicBezTo>
                  <a:cubicBezTo>
                    <a:pt x="583" y="49"/>
                    <a:pt x="583" y="47"/>
                    <a:pt x="583" y="47"/>
                  </a:cubicBezTo>
                  <a:cubicBezTo>
                    <a:pt x="584" y="46"/>
                    <a:pt x="586" y="47"/>
                    <a:pt x="585" y="46"/>
                  </a:cubicBezTo>
                  <a:cubicBezTo>
                    <a:pt x="588" y="45"/>
                    <a:pt x="587" y="48"/>
                    <a:pt x="588" y="49"/>
                  </a:cubicBezTo>
                  <a:cubicBezTo>
                    <a:pt x="595" y="49"/>
                    <a:pt x="595" y="49"/>
                    <a:pt x="595" y="49"/>
                  </a:cubicBezTo>
                  <a:cubicBezTo>
                    <a:pt x="596" y="48"/>
                    <a:pt x="598" y="48"/>
                    <a:pt x="598" y="46"/>
                  </a:cubicBezTo>
                  <a:cubicBezTo>
                    <a:pt x="601" y="47"/>
                    <a:pt x="608" y="44"/>
                    <a:pt x="608" y="48"/>
                  </a:cubicBezTo>
                  <a:cubicBezTo>
                    <a:pt x="611" y="48"/>
                    <a:pt x="610" y="45"/>
                    <a:pt x="614" y="46"/>
                  </a:cubicBezTo>
                  <a:cubicBezTo>
                    <a:pt x="614" y="45"/>
                    <a:pt x="613" y="45"/>
                    <a:pt x="612" y="45"/>
                  </a:cubicBezTo>
                  <a:cubicBezTo>
                    <a:pt x="613" y="44"/>
                    <a:pt x="613" y="42"/>
                    <a:pt x="614" y="42"/>
                  </a:cubicBezTo>
                  <a:cubicBezTo>
                    <a:pt x="617" y="42"/>
                    <a:pt x="616" y="39"/>
                    <a:pt x="620" y="40"/>
                  </a:cubicBezTo>
                  <a:cubicBezTo>
                    <a:pt x="621" y="40"/>
                    <a:pt x="620" y="39"/>
                    <a:pt x="620" y="39"/>
                  </a:cubicBezTo>
                  <a:cubicBezTo>
                    <a:pt x="621" y="37"/>
                    <a:pt x="624" y="39"/>
                    <a:pt x="627" y="38"/>
                  </a:cubicBezTo>
                  <a:cubicBezTo>
                    <a:pt x="627" y="43"/>
                    <a:pt x="632" y="37"/>
                    <a:pt x="631" y="41"/>
                  </a:cubicBezTo>
                  <a:cubicBezTo>
                    <a:pt x="635" y="42"/>
                    <a:pt x="638" y="41"/>
                    <a:pt x="642" y="40"/>
                  </a:cubicBezTo>
                  <a:cubicBezTo>
                    <a:pt x="642" y="43"/>
                    <a:pt x="638" y="41"/>
                    <a:pt x="639" y="44"/>
                  </a:cubicBezTo>
                  <a:cubicBezTo>
                    <a:pt x="639" y="46"/>
                    <a:pt x="643" y="45"/>
                    <a:pt x="645" y="45"/>
                  </a:cubicBezTo>
                  <a:cubicBezTo>
                    <a:pt x="648" y="45"/>
                    <a:pt x="651" y="45"/>
                    <a:pt x="654" y="44"/>
                  </a:cubicBezTo>
                  <a:cubicBezTo>
                    <a:pt x="655" y="48"/>
                    <a:pt x="659" y="48"/>
                    <a:pt x="661" y="51"/>
                  </a:cubicBezTo>
                  <a:cubicBezTo>
                    <a:pt x="663" y="50"/>
                    <a:pt x="664" y="51"/>
                    <a:pt x="666" y="52"/>
                  </a:cubicBezTo>
                  <a:cubicBezTo>
                    <a:pt x="672" y="52"/>
                    <a:pt x="678" y="51"/>
                    <a:pt x="684" y="52"/>
                  </a:cubicBezTo>
                  <a:cubicBezTo>
                    <a:pt x="686" y="52"/>
                    <a:pt x="688" y="55"/>
                    <a:pt x="690" y="54"/>
                  </a:cubicBezTo>
                  <a:cubicBezTo>
                    <a:pt x="690" y="55"/>
                    <a:pt x="691" y="55"/>
                    <a:pt x="692" y="55"/>
                  </a:cubicBezTo>
                  <a:cubicBezTo>
                    <a:pt x="692" y="59"/>
                    <a:pt x="692" y="59"/>
                    <a:pt x="692" y="59"/>
                  </a:cubicBezTo>
                  <a:cubicBezTo>
                    <a:pt x="692" y="61"/>
                    <a:pt x="695" y="59"/>
                    <a:pt x="696" y="60"/>
                  </a:cubicBezTo>
                  <a:cubicBezTo>
                    <a:pt x="697" y="62"/>
                    <a:pt x="697" y="60"/>
                    <a:pt x="698" y="60"/>
                  </a:cubicBezTo>
                  <a:cubicBezTo>
                    <a:pt x="698" y="60"/>
                    <a:pt x="698" y="61"/>
                    <a:pt x="699" y="61"/>
                  </a:cubicBezTo>
                  <a:cubicBezTo>
                    <a:pt x="700" y="61"/>
                    <a:pt x="710" y="62"/>
                    <a:pt x="711" y="61"/>
                  </a:cubicBezTo>
                  <a:cubicBezTo>
                    <a:pt x="711" y="61"/>
                    <a:pt x="711" y="60"/>
                    <a:pt x="711" y="60"/>
                  </a:cubicBezTo>
                  <a:cubicBezTo>
                    <a:pt x="712" y="60"/>
                    <a:pt x="714" y="61"/>
                    <a:pt x="714" y="61"/>
                  </a:cubicBezTo>
                  <a:cubicBezTo>
                    <a:pt x="715" y="60"/>
                    <a:pt x="717" y="60"/>
                    <a:pt x="717" y="61"/>
                  </a:cubicBezTo>
                  <a:cubicBezTo>
                    <a:pt x="719" y="59"/>
                    <a:pt x="722" y="59"/>
                    <a:pt x="725" y="58"/>
                  </a:cubicBezTo>
                  <a:cubicBezTo>
                    <a:pt x="724" y="61"/>
                    <a:pt x="725" y="63"/>
                    <a:pt x="726" y="65"/>
                  </a:cubicBezTo>
                  <a:cubicBezTo>
                    <a:pt x="730" y="65"/>
                    <a:pt x="731" y="67"/>
                    <a:pt x="734" y="65"/>
                  </a:cubicBezTo>
                  <a:cubicBezTo>
                    <a:pt x="735" y="63"/>
                    <a:pt x="734" y="63"/>
                    <a:pt x="732" y="63"/>
                  </a:cubicBezTo>
                  <a:cubicBezTo>
                    <a:pt x="733" y="62"/>
                    <a:pt x="733" y="61"/>
                    <a:pt x="733" y="59"/>
                  </a:cubicBezTo>
                  <a:cubicBezTo>
                    <a:pt x="736" y="57"/>
                    <a:pt x="742" y="58"/>
                    <a:pt x="743" y="60"/>
                  </a:cubicBezTo>
                  <a:cubicBezTo>
                    <a:pt x="747" y="60"/>
                    <a:pt x="751" y="60"/>
                    <a:pt x="755" y="60"/>
                  </a:cubicBezTo>
                  <a:cubicBezTo>
                    <a:pt x="757" y="60"/>
                    <a:pt x="760" y="62"/>
                    <a:pt x="760" y="60"/>
                  </a:cubicBezTo>
                  <a:cubicBezTo>
                    <a:pt x="762" y="61"/>
                    <a:pt x="762" y="62"/>
                    <a:pt x="765" y="63"/>
                  </a:cubicBezTo>
                  <a:cubicBezTo>
                    <a:pt x="766" y="63"/>
                    <a:pt x="766" y="65"/>
                    <a:pt x="767" y="65"/>
                  </a:cubicBezTo>
                  <a:cubicBezTo>
                    <a:pt x="767" y="65"/>
                    <a:pt x="768" y="64"/>
                    <a:pt x="768" y="64"/>
                  </a:cubicBezTo>
                  <a:cubicBezTo>
                    <a:pt x="769" y="65"/>
                    <a:pt x="768" y="65"/>
                    <a:pt x="769" y="66"/>
                  </a:cubicBezTo>
                  <a:cubicBezTo>
                    <a:pt x="769" y="66"/>
                    <a:pt x="770" y="66"/>
                    <a:pt x="771" y="66"/>
                  </a:cubicBezTo>
                  <a:cubicBezTo>
                    <a:pt x="771" y="67"/>
                    <a:pt x="773" y="67"/>
                    <a:pt x="775" y="68"/>
                  </a:cubicBezTo>
                  <a:cubicBezTo>
                    <a:pt x="777" y="68"/>
                    <a:pt x="779" y="69"/>
                    <a:pt x="781" y="70"/>
                  </a:cubicBezTo>
                  <a:cubicBezTo>
                    <a:pt x="781" y="70"/>
                    <a:pt x="782" y="72"/>
                    <a:pt x="782" y="72"/>
                  </a:cubicBezTo>
                  <a:cubicBezTo>
                    <a:pt x="782" y="72"/>
                    <a:pt x="784" y="71"/>
                    <a:pt x="784" y="72"/>
                  </a:cubicBezTo>
                  <a:cubicBezTo>
                    <a:pt x="784" y="72"/>
                    <a:pt x="784" y="73"/>
                    <a:pt x="784" y="74"/>
                  </a:cubicBezTo>
                  <a:cubicBezTo>
                    <a:pt x="784" y="74"/>
                    <a:pt x="786" y="73"/>
                    <a:pt x="786" y="74"/>
                  </a:cubicBezTo>
                  <a:cubicBezTo>
                    <a:pt x="787" y="74"/>
                    <a:pt x="785" y="78"/>
                    <a:pt x="789" y="76"/>
                  </a:cubicBezTo>
                  <a:cubicBezTo>
                    <a:pt x="789" y="83"/>
                    <a:pt x="789" y="83"/>
                    <a:pt x="789" y="83"/>
                  </a:cubicBezTo>
                  <a:cubicBezTo>
                    <a:pt x="792" y="83"/>
                    <a:pt x="795" y="82"/>
                    <a:pt x="795" y="79"/>
                  </a:cubicBezTo>
                  <a:cubicBezTo>
                    <a:pt x="798" y="81"/>
                    <a:pt x="802" y="80"/>
                    <a:pt x="804" y="81"/>
                  </a:cubicBezTo>
                  <a:cubicBezTo>
                    <a:pt x="804" y="81"/>
                    <a:pt x="804" y="83"/>
                    <a:pt x="804" y="83"/>
                  </a:cubicBezTo>
                  <a:cubicBezTo>
                    <a:pt x="804" y="84"/>
                    <a:pt x="806" y="83"/>
                    <a:pt x="807" y="83"/>
                  </a:cubicBezTo>
                  <a:cubicBezTo>
                    <a:pt x="806" y="84"/>
                    <a:pt x="805" y="84"/>
                    <a:pt x="805" y="86"/>
                  </a:cubicBezTo>
                  <a:cubicBezTo>
                    <a:pt x="803" y="86"/>
                    <a:pt x="803" y="85"/>
                    <a:pt x="802" y="85"/>
                  </a:cubicBezTo>
                  <a:cubicBezTo>
                    <a:pt x="801" y="86"/>
                    <a:pt x="801" y="87"/>
                    <a:pt x="799" y="87"/>
                  </a:cubicBezTo>
                  <a:cubicBezTo>
                    <a:pt x="800" y="88"/>
                    <a:pt x="802" y="88"/>
                    <a:pt x="801" y="91"/>
                  </a:cubicBezTo>
                  <a:cubicBezTo>
                    <a:pt x="798" y="88"/>
                    <a:pt x="801" y="92"/>
                    <a:pt x="798" y="93"/>
                  </a:cubicBezTo>
                  <a:cubicBezTo>
                    <a:pt x="797" y="93"/>
                    <a:pt x="797" y="94"/>
                    <a:pt x="796" y="95"/>
                  </a:cubicBezTo>
                  <a:cubicBezTo>
                    <a:pt x="795" y="94"/>
                    <a:pt x="794" y="94"/>
                    <a:pt x="793" y="94"/>
                  </a:cubicBezTo>
                  <a:cubicBezTo>
                    <a:pt x="793" y="93"/>
                    <a:pt x="792" y="92"/>
                    <a:pt x="792" y="92"/>
                  </a:cubicBezTo>
                  <a:cubicBezTo>
                    <a:pt x="790" y="91"/>
                    <a:pt x="789" y="91"/>
                    <a:pt x="788" y="91"/>
                  </a:cubicBezTo>
                  <a:cubicBezTo>
                    <a:pt x="787" y="90"/>
                    <a:pt x="786" y="89"/>
                    <a:pt x="786" y="89"/>
                  </a:cubicBezTo>
                  <a:cubicBezTo>
                    <a:pt x="785" y="88"/>
                    <a:pt x="783" y="89"/>
                    <a:pt x="782" y="89"/>
                  </a:cubicBezTo>
                  <a:cubicBezTo>
                    <a:pt x="782" y="89"/>
                    <a:pt x="782" y="88"/>
                    <a:pt x="781" y="88"/>
                  </a:cubicBezTo>
                  <a:cubicBezTo>
                    <a:pt x="780" y="88"/>
                    <a:pt x="779" y="84"/>
                    <a:pt x="777" y="87"/>
                  </a:cubicBezTo>
                  <a:cubicBezTo>
                    <a:pt x="776" y="87"/>
                    <a:pt x="776" y="85"/>
                    <a:pt x="776" y="84"/>
                  </a:cubicBezTo>
                  <a:cubicBezTo>
                    <a:pt x="771" y="84"/>
                    <a:pt x="771" y="84"/>
                    <a:pt x="771" y="84"/>
                  </a:cubicBezTo>
                  <a:cubicBezTo>
                    <a:pt x="769" y="84"/>
                    <a:pt x="771" y="86"/>
                    <a:pt x="771" y="86"/>
                  </a:cubicBezTo>
                  <a:cubicBezTo>
                    <a:pt x="770" y="87"/>
                    <a:pt x="768" y="88"/>
                    <a:pt x="769" y="90"/>
                  </a:cubicBezTo>
                  <a:cubicBezTo>
                    <a:pt x="765" y="90"/>
                    <a:pt x="764" y="93"/>
                    <a:pt x="759" y="92"/>
                  </a:cubicBezTo>
                  <a:cubicBezTo>
                    <a:pt x="758" y="92"/>
                    <a:pt x="758" y="94"/>
                    <a:pt x="756" y="94"/>
                  </a:cubicBezTo>
                  <a:cubicBezTo>
                    <a:pt x="757" y="95"/>
                    <a:pt x="759" y="94"/>
                    <a:pt x="760" y="95"/>
                  </a:cubicBezTo>
                  <a:cubicBezTo>
                    <a:pt x="761" y="95"/>
                    <a:pt x="762" y="96"/>
                    <a:pt x="763" y="96"/>
                  </a:cubicBezTo>
                  <a:cubicBezTo>
                    <a:pt x="762" y="100"/>
                    <a:pt x="762" y="98"/>
                    <a:pt x="764" y="100"/>
                  </a:cubicBezTo>
                  <a:cubicBezTo>
                    <a:pt x="765" y="102"/>
                    <a:pt x="767" y="103"/>
                    <a:pt x="769" y="104"/>
                  </a:cubicBezTo>
                  <a:cubicBezTo>
                    <a:pt x="769" y="104"/>
                    <a:pt x="766" y="107"/>
                    <a:pt x="766" y="107"/>
                  </a:cubicBezTo>
                  <a:cubicBezTo>
                    <a:pt x="763" y="107"/>
                    <a:pt x="763" y="105"/>
                    <a:pt x="762" y="105"/>
                  </a:cubicBezTo>
                  <a:cubicBezTo>
                    <a:pt x="762" y="105"/>
                    <a:pt x="763" y="107"/>
                    <a:pt x="762" y="107"/>
                  </a:cubicBezTo>
                  <a:cubicBezTo>
                    <a:pt x="759" y="107"/>
                    <a:pt x="754" y="107"/>
                    <a:pt x="751" y="108"/>
                  </a:cubicBezTo>
                  <a:cubicBezTo>
                    <a:pt x="750" y="109"/>
                    <a:pt x="746" y="110"/>
                    <a:pt x="747" y="112"/>
                  </a:cubicBezTo>
                  <a:cubicBezTo>
                    <a:pt x="742" y="111"/>
                    <a:pt x="742" y="114"/>
                    <a:pt x="739" y="115"/>
                  </a:cubicBezTo>
                  <a:cubicBezTo>
                    <a:pt x="738" y="115"/>
                    <a:pt x="738" y="116"/>
                    <a:pt x="737" y="117"/>
                  </a:cubicBezTo>
                  <a:cubicBezTo>
                    <a:pt x="736" y="117"/>
                    <a:pt x="735" y="118"/>
                    <a:pt x="734" y="118"/>
                  </a:cubicBezTo>
                  <a:cubicBezTo>
                    <a:pt x="733" y="118"/>
                    <a:pt x="733" y="120"/>
                    <a:pt x="732" y="120"/>
                  </a:cubicBezTo>
                  <a:cubicBezTo>
                    <a:pt x="729" y="120"/>
                    <a:pt x="724" y="122"/>
                    <a:pt x="723" y="119"/>
                  </a:cubicBezTo>
                  <a:cubicBezTo>
                    <a:pt x="722" y="120"/>
                    <a:pt x="719" y="120"/>
                    <a:pt x="720" y="122"/>
                  </a:cubicBezTo>
                  <a:cubicBezTo>
                    <a:pt x="715" y="123"/>
                    <a:pt x="714" y="123"/>
                    <a:pt x="709" y="122"/>
                  </a:cubicBezTo>
                  <a:cubicBezTo>
                    <a:pt x="708" y="122"/>
                    <a:pt x="708" y="123"/>
                    <a:pt x="707" y="123"/>
                  </a:cubicBezTo>
                  <a:cubicBezTo>
                    <a:pt x="706" y="124"/>
                    <a:pt x="704" y="124"/>
                    <a:pt x="704" y="126"/>
                  </a:cubicBezTo>
                  <a:cubicBezTo>
                    <a:pt x="704" y="129"/>
                    <a:pt x="699" y="128"/>
                    <a:pt x="700" y="132"/>
                  </a:cubicBezTo>
                  <a:cubicBezTo>
                    <a:pt x="699" y="135"/>
                    <a:pt x="702" y="134"/>
                    <a:pt x="704" y="136"/>
                  </a:cubicBezTo>
                  <a:cubicBezTo>
                    <a:pt x="703" y="138"/>
                    <a:pt x="703" y="141"/>
                    <a:pt x="700" y="140"/>
                  </a:cubicBezTo>
                  <a:cubicBezTo>
                    <a:pt x="700" y="142"/>
                    <a:pt x="700" y="143"/>
                    <a:pt x="698" y="143"/>
                  </a:cubicBezTo>
                  <a:cubicBezTo>
                    <a:pt x="698" y="147"/>
                    <a:pt x="698" y="147"/>
                    <a:pt x="698" y="147"/>
                  </a:cubicBezTo>
                  <a:cubicBezTo>
                    <a:pt x="698" y="149"/>
                    <a:pt x="700" y="146"/>
                    <a:pt x="700" y="148"/>
                  </a:cubicBezTo>
                  <a:cubicBezTo>
                    <a:pt x="701" y="150"/>
                    <a:pt x="699" y="149"/>
                    <a:pt x="698" y="150"/>
                  </a:cubicBezTo>
                  <a:cubicBezTo>
                    <a:pt x="698" y="150"/>
                    <a:pt x="697" y="153"/>
                    <a:pt x="697" y="153"/>
                  </a:cubicBezTo>
                  <a:cubicBezTo>
                    <a:pt x="696" y="153"/>
                    <a:pt x="693" y="153"/>
                    <a:pt x="692" y="154"/>
                  </a:cubicBezTo>
                  <a:cubicBezTo>
                    <a:pt x="692" y="154"/>
                    <a:pt x="693" y="157"/>
                    <a:pt x="692" y="158"/>
                  </a:cubicBezTo>
                  <a:cubicBezTo>
                    <a:pt x="691" y="158"/>
                    <a:pt x="692" y="156"/>
                    <a:pt x="691" y="156"/>
                  </a:cubicBezTo>
                  <a:cubicBezTo>
                    <a:pt x="691" y="155"/>
                    <a:pt x="688" y="156"/>
                    <a:pt x="690" y="160"/>
                  </a:cubicBezTo>
                  <a:cubicBezTo>
                    <a:pt x="688" y="160"/>
                    <a:pt x="689" y="162"/>
                    <a:pt x="688" y="162"/>
                  </a:cubicBezTo>
                  <a:cubicBezTo>
                    <a:pt x="688" y="163"/>
                    <a:pt x="687" y="162"/>
                    <a:pt x="687" y="162"/>
                  </a:cubicBezTo>
                  <a:cubicBezTo>
                    <a:pt x="686" y="163"/>
                    <a:pt x="687" y="165"/>
                    <a:pt x="685" y="164"/>
                  </a:cubicBezTo>
                  <a:cubicBezTo>
                    <a:pt x="685" y="166"/>
                    <a:pt x="683" y="166"/>
                    <a:pt x="684" y="168"/>
                  </a:cubicBezTo>
                  <a:cubicBezTo>
                    <a:pt x="682" y="168"/>
                    <a:pt x="680" y="168"/>
                    <a:pt x="680" y="169"/>
                  </a:cubicBezTo>
                  <a:cubicBezTo>
                    <a:pt x="679" y="169"/>
                    <a:pt x="680" y="168"/>
                    <a:pt x="680" y="166"/>
                  </a:cubicBezTo>
                  <a:cubicBezTo>
                    <a:pt x="680" y="166"/>
                    <a:pt x="679" y="166"/>
                    <a:pt x="679" y="165"/>
                  </a:cubicBezTo>
                  <a:cubicBezTo>
                    <a:pt x="679" y="165"/>
                    <a:pt x="679" y="164"/>
                    <a:pt x="679" y="163"/>
                  </a:cubicBezTo>
                  <a:cubicBezTo>
                    <a:pt x="678" y="163"/>
                    <a:pt x="678" y="162"/>
                    <a:pt x="677" y="161"/>
                  </a:cubicBezTo>
                  <a:cubicBezTo>
                    <a:pt x="677" y="161"/>
                    <a:pt x="676" y="160"/>
                    <a:pt x="675" y="160"/>
                  </a:cubicBezTo>
                  <a:cubicBezTo>
                    <a:pt x="676" y="159"/>
                    <a:pt x="676" y="157"/>
                    <a:pt x="676" y="155"/>
                  </a:cubicBezTo>
                  <a:cubicBezTo>
                    <a:pt x="676" y="153"/>
                    <a:pt x="675" y="153"/>
                    <a:pt x="675" y="152"/>
                  </a:cubicBezTo>
                  <a:cubicBezTo>
                    <a:pt x="675" y="148"/>
                    <a:pt x="676" y="144"/>
                    <a:pt x="675" y="141"/>
                  </a:cubicBezTo>
                  <a:cubicBezTo>
                    <a:pt x="679" y="144"/>
                    <a:pt x="676" y="140"/>
                    <a:pt x="677" y="138"/>
                  </a:cubicBezTo>
                  <a:cubicBezTo>
                    <a:pt x="677" y="137"/>
                    <a:pt x="678" y="141"/>
                    <a:pt x="679" y="138"/>
                  </a:cubicBezTo>
                  <a:cubicBezTo>
                    <a:pt x="679" y="138"/>
                    <a:pt x="679" y="137"/>
                    <a:pt x="679" y="137"/>
                  </a:cubicBezTo>
                  <a:cubicBezTo>
                    <a:pt x="680" y="135"/>
                    <a:pt x="684" y="133"/>
                    <a:pt x="685" y="132"/>
                  </a:cubicBezTo>
                  <a:cubicBezTo>
                    <a:pt x="685" y="132"/>
                    <a:pt x="686" y="131"/>
                    <a:pt x="686" y="131"/>
                  </a:cubicBezTo>
                  <a:cubicBezTo>
                    <a:pt x="684" y="130"/>
                    <a:pt x="686" y="130"/>
                    <a:pt x="688" y="130"/>
                  </a:cubicBezTo>
                  <a:cubicBezTo>
                    <a:pt x="689" y="129"/>
                    <a:pt x="690" y="127"/>
                    <a:pt x="689" y="125"/>
                  </a:cubicBezTo>
                  <a:cubicBezTo>
                    <a:pt x="690" y="125"/>
                    <a:pt x="693" y="124"/>
                    <a:pt x="692" y="123"/>
                  </a:cubicBezTo>
                  <a:cubicBezTo>
                    <a:pt x="692" y="123"/>
                    <a:pt x="691" y="123"/>
                    <a:pt x="691" y="123"/>
                  </a:cubicBezTo>
                  <a:cubicBezTo>
                    <a:pt x="691" y="123"/>
                    <a:pt x="692" y="121"/>
                    <a:pt x="692" y="121"/>
                  </a:cubicBezTo>
                  <a:cubicBezTo>
                    <a:pt x="693" y="121"/>
                    <a:pt x="695" y="124"/>
                    <a:pt x="694" y="119"/>
                  </a:cubicBezTo>
                  <a:cubicBezTo>
                    <a:pt x="696" y="119"/>
                    <a:pt x="698" y="119"/>
                    <a:pt x="699" y="118"/>
                  </a:cubicBezTo>
                  <a:cubicBezTo>
                    <a:pt x="699" y="118"/>
                    <a:pt x="700" y="117"/>
                    <a:pt x="700" y="117"/>
                  </a:cubicBezTo>
                  <a:cubicBezTo>
                    <a:pt x="700" y="116"/>
                    <a:pt x="701" y="117"/>
                    <a:pt x="702" y="117"/>
                  </a:cubicBezTo>
                  <a:cubicBezTo>
                    <a:pt x="702" y="116"/>
                    <a:pt x="703" y="115"/>
                    <a:pt x="704" y="115"/>
                  </a:cubicBezTo>
                  <a:cubicBezTo>
                    <a:pt x="704" y="114"/>
                    <a:pt x="705" y="115"/>
                    <a:pt x="705" y="114"/>
                  </a:cubicBezTo>
                  <a:cubicBezTo>
                    <a:pt x="705" y="113"/>
                    <a:pt x="706" y="110"/>
                    <a:pt x="708" y="112"/>
                  </a:cubicBezTo>
                  <a:cubicBezTo>
                    <a:pt x="708" y="107"/>
                    <a:pt x="708" y="107"/>
                    <a:pt x="708" y="107"/>
                  </a:cubicBezTo>
                  <a:cubicBezTo>
                    <a:pt x="705" y="107"/>
                    <a:pt x="704" y="107"/>
                    <a:pt x="703" y="108"/>
                  </a:cubicBezTo>
                  <a:cubicBezTo>
                    <a:pt x="702" y="109"/>
                    <a:pt x="701" y="109"/>
                    <a:pt x="701" y="110"/>
                  </a:cubicBezTo>
                  <a:cubicBezTo>
                    <a:pt x="700" y="110"/>
                    <a:pt x="700" y="110"/>
                    <a:pt x="700" y="111"/>
                  </a:cubicBezTo>
                  <a:cubicBezTo>
                    <a:pt x="700" y="113"/>
                    <a:pt x="696" y="112"/>
                    <a:pt x="696" y="115"/>
                  </a:cubicBezTo>
                  <a:cubicBezTo>
                    <a:pt x="694" y="114"/>
                    <a:pt x="693" y="115"/>
                    <a:pt x="693" y="117"/>
                  </a:cubicBezTo>
                  <a:cubicBezTo>
                    <a:pt x="692" y="117"/>
                    <a:pt x="693" y="115"/>
                    <a:pt x="692" y="115"/>
                  </a:cubicBezTo>
                  <a:cubicBezTo>
                    <a:pt x="692" y="114"/>
                    <a:pt x="691" y="115"/>
                    <a:pt x="690" y="115"/>
                  </a:cubicBezTo>
                  <a:cubicBezTo>
                    <a:pt x="690" y="114"/>
                    <a:pt x="691" y="113"/>
                    <a:pt x="690" y="112"/>
                  </a:cubicBezTo>
                  <a:cubicBezTo>
                    <a:pt x="687" y="112"/>
                    <a:pt x="684" y="111"/>
                    <a:pt x="681" y="112"/>
                  </a:cubicBezTo>
                  <a:cubicBezTo>
                    <a:pt x="680" y="112"/>
                    <a:pt x="681" y="113"/>
                    <a:pt x="680" y="114"/>
                  </a:cubicBezTo>
                  <a:cubicBezTo>
                    <a:pt x="679" y="114"/>
                    <a:pt x="677" y="114"/>
                    <a:pt x="676" y="115"/>
                  </a:cubicBezTo>
                  <a:cubicBezTo>
                    <a:pt x="674" y="116"/>
                    <a:pt x="674" y="116"/>
                    <a:pt x="673" y="117"/>
                  </a:cubicBezTo>
                  <a:cubicBezTo>
                    <a:pt x="672" y="118"/>
                    <a:pt x="672" y="120"/>
                    <a:pt x="670" y="119"/>
                  </a:cubicBezTo>
                  <a:cubicBezTo>
                    <a:pt x="670" y="122"/>
                    <a:pt x="672" y="122"/>
                    <a:pt x="671" y="124"/>
                  </a:cubicBezTo>
                  <a:cubicBezTo>
                    <a:pt x="670" y="125"/>
                    <a:pt x="669" y="125"/>
                    <a:pt x="669" y="127"/>
                  </a:cubicBezTo>
                  <a:cubicBezTo>
                    <a:pt x="665" y="126"/>
                    <a:pt x="664" y="128"/>
                    <a:pt x="661" y="128"/>
                  </a:cubicBezTo>
                  <a:cubicBezTo>
                    <a:pt x="660" y="127"/>
                    <a:pt x="660" y="126"/>
                    <a:pt x="661" y="125"/>
                  </a:cubicBezTo>
                  <a:cubicBezTo>
                    <a:pt x="659" y="125"/>
                    <a:pt x="659" y="124"/>
                    <a:pt x="659" y="123"/>
                  </a:cubicBezTo>
                  <a:cubicBezTo>
                    <a:pt x="657" y="123"/>
                    <a:pt x="655" y="124"/>
                    <a:pt x="655" y="122"/>
                  </a:cubicBezTo>
                  <a:cubicBezTo>
                    <a:pt x="651" y="125"/>
                    <a:pt x="645" y="126"/>
                    <a:pt x="639" y="127"/>
                  </a:cubicBezTo>
                  <a:cubicBezTo>
                    <a:pt x="638" y="126"/>
                    <a:pt x="636" y="126"/>
                    <a:pt x="637" y="123"/>
                  </a:cubicBezTo>
                  <a:cubicBezTo>
                    <a:pt x="633" y="123"/>
                    <a:pt x="633" y="123"/>
                    <a:pt x="633" y="123"/>
                  </a:cubicBezTo>
                  <a:cubicBezTo>
                    <a:pt x="629" y="124"/>
                    <a:pt x="626" y="125"/>
                    <a:pt x="623" y="127"/>
                  </a:cubicBezTo>
                  <a:cubicBezTo>
                    <a:pt x="620" y="128"/>
                    <a:pt x="618" y="131"/>
                    <a:pt x="615" y="132"/>
                  </a:cubicBezTo>
                  <a:cubicBezTo>
                    <a:pt x="615" y="134"/>
                    <a:pt x="615" y="135"/>
                    <a:pt x="613" y="135"/>
                  </a:cubicBezTo>
                  <a:cubicBezTo>
                    <a:pt x="614" y="137"/>
                    <a:pt x="612" y="137"/>
                    <a:pt x="612" y="139"/>
                  </a:cubicBezTo>
                  <a:cubicBezTo>
                    <a:pt x="610" y="138"/>
                    <a:pt x="608" y="143"/>
                    <a:pt x="607" y="142"/>
                  </a:cubicBezTo>
                  <a:cubicBezTo>
                    <a:pt x="605" y="140"/>
                    <a:pt x="607" y="143"/>
                    <a:pt x="604" y="143"/>
                  </a:cubicBezTo>
                  <a:cubicBezTo>
                    <a:pt x="603" y="143"/>
                    <a:pt x="603" y="144"/>
                    <a:pt x="603" y="145"/>
                  </a:cubicBezTo>
                  <a:cubicBezTo>
                    <a:pt x="598" y="144"/>
                    <a:pt x="600" y="148"/>
                    <a:pt x="596" y="148"/>
                  </a:cubicBezTo>
                  <a:cubicBezTo>
                    <a:pt x="597" y="149"/>
                    <a:pt x="599" y="153"/>
                    <a:pt x="600" y="151"/>
                  </a:cubicBezTo>
                  <a:cubicBezTo>
                    <a:pt x="601" y="151"/>
                    <a:pt x="600" y="153"/>
                    <a:pt x="601" y="155"/>
                  </a:cubicBezTo>
                  <a:cubicBezTo>
                    <a:pt x="602" y="154"/>
                    <a:pt x="603" y="156"/>
                    <a:pt x="604" y="156"/>
                  </a:cubicBezTo>
                  <a:cubicBezTo>
                    <a:pt x="604" y="156"/>
                    <a:pt x="606" y="154"/>
                    <a:pt x="607" y="155"/>
                  </a:cubicBezTo>
                  <a:cubicBezTo>
                    <a:pt x="608" y="155"/>
                    <a:pt x="609" y="156"/>
                    <a:pt x="608" y="156"/>
                  </a:cubicBezTo>
                  <a:cubicBezTo>
                    <a:pt x="610" y="155"/>
                    <a:pt x="610" y="153"/>
                    <a:pt x="611" y="155"/>
                  </a:cubicBezTo>
                  <a:cubicBezTo>
                    <a:pt x="612" y="155"/>
                    <a:pt x="612" y="154"/>
                    <a:pt x="612" y="153"/>
                  </a:cubicBezTo>
                  <a:cubicBezTo>
                    <a:pt x="614" y="153"/>
                    <a:pt x="614" y="160"/>
                    <a:pt x="616" y="157"/>
                  </a:cubicBezTo>
                  <a:cubicBezTo>
                    <a:pt x="618" y="156"/>
                    <a:pt x="615" y="161"/>
                    <a:pt x="619" y="159"/>
                  </a:cubicBezTo>
                  <a:cubicBezTo>
                    <a:pt x="619" y="161"/>
                    <a:pt x="617" y="160"/>
                    <a:pt x="617" y="160"/>
                  </a:cubicBezTo>
                  <a:cubicBezTo>
                    <a:pt x="617" y="161"/>
                    <a:pt x="618" y="163"/>
                    <a:pt x="618" y="164"/>
                  </a:cubicBezTo>
                  <a:cubicBezTo>
                    <a:pt x="618" y="165"/>
                    <a:pt x="617" y="164"/>
                    <a:pt x="617" y="165"/>
                  </a:cubicBezTo>
                  <a:cubicBezTo>
                    <a:pt x="617" y="166"/>
                    <a:pt x="616" y="166"/>
                    <a:pt x="616" y="167"/>
                  </a:cubicBezTo>
                  <a:cubicBezTo>
                    <a:pt x="615" y="170"/>
                    <a:pt x="617" y="176"/>
                    <a:pt x="614" y="173"/>
                  </a:cubicBezTo>
                  <a:cubicBezTo>
                    <a:pt x="615" y="181"/>
                    <a:pt x="611" y="185"/>
                    <a:pt x="609" y="191"/>
                  </a:cubicBezTo>
                  <a:cubicBezTo>
                    <a:pt x="608" y="192"/>
                    <a:pt x="608" y="191"/>
                    <a:pt x="606" y="191"/>
                  </a:cubicBezTo>
                  <a:cubicBezTo>
                    <a:pt x="606" y="192"/>
                    <a:pt x="607" y="193"/>
                    <a:pt x="606" y="194"/>
                  </a:cubicBezTo>
                  <a:cubicBezTo>
                    <a:pt x="606" y="195"/>
                    <a:pt x="604" y="194"/>
                    <a:pt x="604" y="195"/>
                  </a:cubicBezTo>
                  <a:cubicBezTo>
                    <a:pt x="603" y="195"/>
                    <a:pt x="604" y="196"/>
                    <a:pt x="604" y="197"/>
                  </a:cubicBezTo>
                  <a:cubicBezTo>
                    <a:pt x="603" y="197"/>
                    <a:pt x="602" y="196"/>
                    <a:pt x="602" y="197"/>
                  </a:cubicBezTo>
                  <a:cubicBezTo>
                    <a:pt x="601" y="197"/>
                    <a:pt x="602" y="198"/>
                    <a:pt x="603" y="198"/>
                  </a:cubicBezTo>
                  <a:cubicBezTo>
                    <a:pt x="602" y="199"/>
                    <a:pt x="600" y="199"/>
                    <a:pt x="600" y="200"/>
                  </a:cubicBezTo>
                  <a:cubicBezTo>
                    <a:pt x="599" y="200"/>
                    <a:pt x="599" y="202"/>
                    <a:pt x="599" y="202"/>
                  </a:cubicBezTo>
                  <a:cubicBezTo>
                    <a:pt x="598" y="203"/>
                    <a:pt x="597" y="203"/>
                    <a:pt x="596" y="203"/>
                  </a:cubicBezTo>
                  <a:cubicBezTo>
                    <a:pt x="595" y="204"/>
                    <a:pt x="596" y="205"/>
                    <a:pt x="595" y="206"/>
                  </a:cubicBezTo>
                  <a:cubicBezTo>
                    <a:pt x="595" y="207"/>
                    <a:pt x="593" y="206"/>
                    <a:pt x="593" y="206"/>
                  </a:cubicBezTo>
                  <a:cubicBezTo>
                    <a:pt x="593" y="206"/>
                    <a:pt x="593" y="209"/>
                    <a:pt x="592" y="208"/>
                  </a:cubicBezTo>
                  <a:cubicBezTo>
                    <a:pt x="591" y="207"/>
                    <a:pt x="590" y="207"/>
                    <a:pt x="590" y="210"/>
                  </a:cubicBezTo>
                  <a:cubicBezTo>
                    <a:pt x="585" y="211"/>
                    <a:pt x="586" y="210"/>
                    <a:pt x="581" y="210"/>
                  </a:cubicBezTo>
                  <a:cubicBezTo>
                    <a:pt x="581" y="211"/>
                    <a:pt x="577" y="213"/>
                    <a:pt x="579" y="213"/>
                  </a:cubicBezTo>
                  <a:cubicBezTo>
                    <a:pt x="580" y="215"/>
                    <a:pt x="572" y="213"/>
                    <a:pt x="576" y="215"/>
                  </a:cubicBezTo>
                  <a:cubicBezTo>
                    <a:pt x="576" y="216"/>
                    <a:pt x="574" y="216"/>
                    <a:pt x="574" y="215"/>
                  </a:cubicBezTo>
                  <a:cubicBezTo>
                    <a:pt x="572" y="217"/>
                    <a:pt x="573" y="219"/>
                    <a:pt x="573" y="222"/>
                  </a:cubicBezTo>
                  <a:cubicBezTo>
                    <a:pt x="570" y="223"/>
                    <a:pt x="571" y="223"/>
                    <a:pt x="568" y="222"/>
                  </a:cubicBezTo>
                  <a:cubicBezTo>
                    <a:pt x="569" y="224"/>
                    <a:pt x="569" y="224"/>
                    <a:pt x="567" y="224"/>
                  </a:cubicBezTo>
                  <a:cubicBezTo>
                    <a:pt x="567" y="226"/>
                    <a:pt x="568" y="234"/>
                    <a:pt x="569" y="232"/>
                  </a:cubicBezTo>
                  <a:cubicBezTo>
                    <a:pt x="571" y="232"/>
                    <a:pt x="569" y="240"/>
                    <a:pt x="572" y="240"/>
                  </a:cubicBezTo>
                  <a:cubicBezTo>
                    <a:pt x="574" y="240"/>
                    <a:pt x="572" y="243"/>
                    <a:pt x="574" y="243"/>
                  </a:cubicBezTo>
                  <a:cubicBezTo>
                    <a:pt x="574" y="244"/>
                    <a:pt x="573" y="245"/>
                    <a:pt x="573" y="245"/>
                  </a:cubicBezTo>
                  <a:cubicBezTo>
                    <a:pt x="572" y="246"/>
                    <a:pt x="571" y="244"/>
                    <a:pt x="571" y="244"/>
                  </a:cubicBezTo>
                  <a:cubicBezTo>
                    <a:pt x="570" y="245"/>
                    <a:pt x="571" y="246"/>
                    <a:pt x="570" y="246"/>
                  </a:cubicBezTo>
                  <a:cubicBezTo>
                    <a:pt x="569" y="247"/>
                    <a:pt x="568" y="246"/>
                    <a:pt x="567" y="246"/>
                  </a:cubicBezTo>
                  <a:cubicBezTo>
                    <a:pt x="565" y="247"/>
                    <a:pt x="562" y="249"/>
                    <a:pt x="561" y="247"/>
                  </a:cubicBezTo>
                  <a:cubicBezTo>
                    <a:pt x="560" y="245"/>
                    <a:pt x="561" y="245"/>
                    <a:pt x="562" y="243"/>
                  </a:cubicBezTo>
                  <a:cubicBezTo>
                    <a:pt x="562" y="241"/>
                    <a:pt x="560" y="239"/>
                    <a:pt x="562" y="238"/>
                  </a:cubicBezTo>
                  <a:cubicBezTo>
                    <a:pt x="562" y="236"/>
                    <a:pt x="559" y="237"/>
                    <a:pt x="561" y="234"/>
                  </a:cubicBezTo>
                  <a:cubicBezTo>
                    <a:pt x="559" y="233"/>
                    <a:pt x="557" y="235"/>
                    <a:pt x="555" y="232"/>
                  </a:cubicBezTo>
                  <a:cubicBezTo>
                    <a:pt x="554" y="229"/>
                    <a:pt x="558" y="231"/>
                    <a:pt x="557" y="227"/>
                  </a:cubicBezTo>
                  <a:cubicBezTo>
                    <a:pt x="557" y="226"/>
                    <a:pt x="556" y="227"/>
                    <a:pt x="556" y="227"/>
                  </a:cubicBezTo>
                  <a:cubicBezTo>
                    <a:pt x="555" y="227"/>
                    <a:pt x="555" y="226"/>
                    <a:pt x="554" y="225"/>
                  </a:cubicBezTo>
                  <a:cubicBezTo>
                    <a:pt x="553" y="225"/>
                    <a:pt x="552" y="224"/>
                    <a:pt x="552" y="223"/>
                  </a:cubicBezTo>
                  <a:cubicBezTo>
                    <a:pt x="551" y="224"/>
                    <a:pt x="550" y="224"/>
                    <a:pt x="549" y="224"/>
                  </a:cubicBezTo>
                  <a:cubicBezTo>
                    <a:pt x="548" y="225"/>
                    <a:pt x="549" y="225"/>
                    <a:pt x="549" y="225"/>
                  </a:cubicBezTo>
                  <a:cubicBezTo>
                    <a:pt x="549" y="228"/>
                    <a:pt x="547" y="223"/>
                    <a:pt x="547" y="227"/>
                  </a:cubicBezTo>
                  <a:cubicBezTo>
                    <a:pt x="545" y="225"/>
                    <a:pt x="545" y="229"/>
                    <a:pt x="541" y="227"/>
                  </a:cubicBezTo>
                  <a:cubicBezTo>
                    <a:pt x="544" y="225"/>
                    <a:pt x="542" y="224"/>
                    <a:pt x="544" y="222"/>
                  </a:cubicBezTo>
                  <a:cubicBezTo>
                    <a:pt x="546" y="220"/>
                    <a:pt x="540" y="221"/>
                    <a:pt x="540" y="222"/>
                  </a:cubicBezTo>
                  <a:cubicBezTo>
                    <a:pt x="539" y="225"/>
                    <a:pt x="538" y="222"/>
                    <a:pt x="539" y="222"/>
                  </a:cubicBezTo>
                  <a:cubicBezTo>
                    <a:pt x="537" y="222"/>
                    <a:pt x="538" y="224"/>
                    <a:pt x="536" y="224"/>
                  </a:cubicBezTo>
                  <a:cubicBezTo>
                    <a:pt x="535" y="224"/>
                    <a:pt x="533" y="226"/>
                    <a:pt x="533" y="226"/>
                  </a:cubicBezTo>
                  <a:cubicBezTo>
                    <a:pt x="532" y="227"/>
                    <a:pt x="532" y="227"/>
                    <a:pt x="532" y="228"/>
                  </a:cubicBezTo>
                  <a:cubicBezTo>
                    <a:pt x="528" y="228"/>
                    <a:pt x="529" y="228"/>
                    <a:pt x="525" y="228"/>
                  </a:cubicBezTo>
                  <a:cubicBezTo>
                    <a:pt x="526" y="228"/>
                    <a:pt x="526" y="231"/>
                    <a:pt x="526" y="231"/>
                  </a:cubicBezTo>
                  <a:cubicBezTo>
                    <a:pt x="527" y="231"/>
                    <a:pt x="528" y="231"/>
                    <a:pt x="529" y="231"/>
                  </a:cubicBezTo>
                  <a:cubicBezTo>
                    <a:pt x="529" y="231"/>
                    <a:pt x="529" y="233"/>
                    <a:pt x="529" y="233"/>
                  </a:cubicBezTo>
                  <a:cubicBezTo>
                    <a:pt x="529" y="233"/>
                    <a:pt x="531" y="233"/>
                    <a:pt x="532" y="233"/>
                  </a:cubicBezTo>
                  <a:cubicBezTo>
                    <a:pt x="532" y="233"/>
                    <a:pt x="532" y="235"/>
                    <a:pt x="532" y="235"/>
                  </a:cubicBezTo>
                  <a:cubicBezTo>
                    <a:pt x="533" y="236"/>
                    <a:pt x="534" y="235"/>
                    <a:pt x="535" y="236"/>
                  </a:cubicBezTo>
                  <a:cubicBezTo>
                    <a:pt x="536" y="236"/>
                    <a:pt x="535" y="234"/>
                    <a:pt x="537" y="234"/>
                  </a:cubicBezTo>
                  <a:cubicBezTo>
                    <a:pt x="541" y="234"/>
                    <a:pt x="543" y="234"/>
                    <a:pt x="543" y="238"/>
                  </a:cubicBezTo>
                  <a:cubicBezTo>
                    <a:pt x="542" y="239"/>
                    <a:pt x="540" y="239"/>
                    <a:pt x="539" y="238"/>
                  </a:cubicBezTo>
                  <a:cubicBezTo>
                    <a:pt x="538" y="239"/>
                    <a:pt x="537" y="240"/>
                    <a:pt x="538" y="243"/>
                  </a:cubicBezTo>
                  <a:cubicBezTo>
                    <a:pt x="536" y="242"/>
                    <a:pt x="536" y="243"/>
                    <a:pt x="537" y="243"/>
                  </a:cubicBezTo>
                  <a:cubicBezTo>
                    <a:pt x="536" y="245"/>
                    <a:pt x="534" y="244"/>
                    <a:pt x="533" y="244"/>
                  </a:cubicBezTo>
                  <a:cubicBezTo>
                    <a:pt x="534" y="248"/>
                    <a:pt x="538" y="249"/>
                    <a:pt x="538" y="254"/>
                  </a:cubicBezTo>
                  <a:cubicBezTo>
                    <a:pt x="540" y="251"/>
                    <a:pt x="539" y="253"/>
                    <a:pt x="541" y="255"/>
                  </a:cubicBezTo>
                  <a:cubicBezTo>
                    <a:pt x="540" y="258"/>
                    <a:pt x="541" y="263"/>
                    <a:pt x="540" y="265"/>
                  </a:cubicBezTo>
                  <a:cubicBezTo>
                    <a:pt x="541" y="268"/>
                    <a:pt x="542" y="271"/>
                    <a:pt x="541" y="275"/>
                  </a:cubicBezTo>
                  <a:cubicBezTo>
                    <a:pt x="538" y="273"/>
                    <a:pt x="540" y="279"/>
                    <a:pt x="539" y="278"/>
                  </a:cubicBezTo>
                  <a:cubicBezTo>
                    <a:pt x="537" y="277"/>
                    <a:pt x="538" y="278"/>
                    <a:pt x="538" y="279"/>
                  </a:cubicBezTo>
                  <a:cubicBezTo>
                    <a:pt x="537" y="280"/>
                    <a:pt x="535" y="279"/>
                    <a:pt x="536" y="283"/>
                  </a:cubicBezTo>
                  <a:cubicBezTo>
                    <a:pt x="533" y="281"/>
                    <a:pt x="535" y="286"/>
                    <a:pt x="532" y="285"/>
                  </a:cubicBezTo>
                  <a:cubicBezTo>
                    <a:pt x="535" y="287"/>
                    <a:pt x="528" y="288"/>
                    <a:pt x="529" y="289"/>
                  </a:cubicBezTo>
                  <a:cubicBezTo>
                    <a:pt x="531" y="291"/>
                    <a:pt x="529" y="289"/>
                    <a:pt x="527" y="291"/>
                  </a:cubicBezTo>
                  <a:cubicBezTo>
                    <a:pt x="526" y="292"/>
                    <a:pt x="527" y="293"/>
                    <a:pt x="526" y="294"/>
                  </a:cubicBezTo>
                  <a:cubicBezTo>
                    <a:pt x="526" y="294"/>
                    <a:pt x="525" y="294"/>
                    <a:pt x="524" y="294"/>
                  </a:cubicBezTo>
                  <a:cubicBezTo>
                    <a:pt x="524" y="294"/>
                    <a:pt x="525" y="296"/>
                    <a:pt x="524" y="296"/>
                  </a:cubicBezTo>
                  <a:cubicBezTo>
                    <a:pt x="523" y="297"/>
                    <a:pt x="521" y="295"/>
                    <a:pt x="521" y="298"/>
                  </a:cubicBezTo>
                  <a:cubicBezTo>
                    <a:pt x="515" y="298"/>
                    <a:pt x="516" y="299"/>
                    <a:pt x="510" y="298"/>
                  </a:cubicBezTo>
                  <a:cubicBezTo>
                    <a:pt x="509" y="298"/>
                    <a:pt x="509" y="300"/>
                    <a:pt x="509" y="301"/>
                  </a:cubicBezTo>
                  <a:cubicBezTo>
                    <a:pt x="507" y="299"/>
                    <a:pt x="504" y="303"/>
                    <a:pt x="503" y="303"/>
                  </a:cubicBezTo>
                  <a:cubicBezTo>
                    <a:pt x="502" y="301"/>
                    <a:pt x="503" y="304"/>
                    <a:pt x="499" y="304"/>
                  </a:cubicBezTo>
                  <a:cubicBezTo>
                    <a:pt x="498" y="304"/>
                    <a:pt x="500" y="305"/>
                    <a:pt x="499" y="306"/>
                  </a:cubicBezTo>
                  <a:cubicBezTo>
                    <a:pt x="496" y="308"/>
                    <a:pt x="495" y="304"/>
                    <a:pt x="493" y="304"/>
                  </a:cubicBezTo>
                  <a:cubicBezTo>
                    <a:pt x="490" y="303"/>
                    <a:pt x="489" y="305"/>
                    <a:pt x="487" y="305"/>
                  </a:cubicBezTo>
                  <a:cubicBezTo>
                    <a:pt x="486" y="305"/>
                    <a:pt x="485" y="307"/>
                    <a:pt x="485" y="308"/>
                  </a:cubicBezTo>
                  <a:cubicBezTo>
                    <a:pt x="482" y="308"/>
                    <a:pt x="482" y="310"/>
                    <a:pt x="480" y="310"/>
                  </a:cubicBezTo>
                  <a:cubicBezTo>
                    <a:pt x="480" y="313"/>
                    <a:pt x="482" y="312"/>
                    <a:pt x="482" y="314"/>
                  </a:cubicBezTo>
                  <a:cubicBezTo>
                    <a:pt x="482" y="315"/>
                    <a:pt x="482" y="316"/>
                    <a:pt x="483" y="316"/>
                  </a:cubicBezTo>
                  <a:cubicBezTo>
                    <a:pt x="484" y="316"/>
                    <a:pt x="484" y="317"/>
                    <a:pt x="484" y="318"/>
                  </a:cubicBezTo>
                  <a:cubicBezTo>
                    <a:pt x="485" y="319"/>
                    <a:pt x="486" y="318"/>
                    <a:pt x="487" y="319"/>
                  </a:cubicBezTo>
                  <a:cubicBezTo>
                    <a:pt x="487" y="319"/>
                    <a:pt x="487" y="320"/>
                    <a:pt x="487" y="321"/>
                  </a:cubicBezTo>
                  <a:cubicBezTo>
                    <a:pt x="487" y="321"/>
                    <a:pt x="489" y="320"/>
                    <a:pt x="489" y="321"/>
                  </a:cubicBezTo>
                  <a:cubicBezTo>
                    <a:pt x="490" y="322"/>
                    <a:pt x="490" y="324"/>
                    <a:pt x="491" y="326"/>
                  </a:cubicBezTo>
                  <a:cubicBezTo>
                    <a:pt x="492" y="327"/>
                    <a:pt x="494" y="328"/>
                    <a:pt x="494" y="328"/>
                  </a:cubicBezTo>
                  <a:cubicBezTo>
                    <a:pt x="494" y="329"/>
                    <a:pt x="494" y="331"/>
                    <a:pt x="494" y="332"/>
                  </a:cubicBezTo>
                  <a:cubicBezTo>
                    <a:pt x="494" y="334"/>
                    <a:pt x="495" y="334"/>
                    <a:pt x="495" y="336"/>
                  </a:cubicBezTo>
                  <a:cubicBezTo>
                    <a:pt x="495" y="338"/>
                    <a:pt x="494" y="338"/>
                    <a:pt x="494" y="339"/>
                  </a:cubicBezTo>
                  <a:cubicBezTo>
                    <a:pt x="493" y="341"/>
                    <a:pt x="494" y="343"/>
                    <a:pt x="492" y="341"/>
                  </a:cubicBezTo>
                  <a:cubicBezTo>
                    <a:pt x="493" y="344"/>
                    <a:pt x="489" y="343"/>
                    <a:pt x="490" y="346"/>
                  </a:cubicBezTo>
                  <a:cubicBezTo>
                    <a:pt x="486" y="344"/>
                    <a:pt x="487" y="348"/>
                    <a:pt x="484" y="348"/>
                  </a:cubicBezTo>
                  <a:cubicBezTo>
                    <a:pt x="483" y="347"/>
                    <a:pt x="484" y="349"/>
                    <a:pt x="483" y="349"/>
                  </a:cubicBezTo>
                  <a:cubicBezTo>
                    <a:pt x="483" y="350"/>
                    <a:pt x="481" y="350"/>
                    <a:pt x="481" y="350"/>
                  </a:cubicBezTo>
                  <a:cubicBezTo>
                    <a:pt x="482" y="351"/>
                    <a:pt x="482" y="351"/>
                    <a:pt x="481" y="351"/>
                  </a:cubicBezTo>
                  <a:cubicBezTo>
                    <a:pt x="481" y="352"/>
                    <a:pt x="480" y="353"/>
                    <a:pt x="478" y="353"/>
                  </a:cubicBezTo>
                  <a:cubicBezTo>
                    <a:pt x="480" y="348"/>
                    <a:pt x="477" y="353"/>
                    <a:pt x="477" y="350"/>
                  </a:cubicBezTo>
                  <a:cubicBezTo>
                    <a:pt x="477" y="349"/>
                    <a:pt x="476" y="348"/>
                    <a:pt x="475" y="347"/>
                  </a:cubicBezTo>
                  <a:cubicBezTo>
                    <a:pt x="474" y="346"/>
                    <a:pt x="473" y="347"/>
                    <a:pt x="473" y="347"/>
                  </a:cubicBezTo>
                  <a:cubicBezTo>
                    <a:pt x="472" y="346"/>
                    <a:pt x="473" y="345"/>
                    <a:pt x="473" y="345"/>
                  </a:cubicBezTo>
                  <a:cubicBezTo>
                    <a:pt x="472" y="344"/>
                    <a:pt x="469" y="344"/>
                    <a:pt x="469" y="344"/>
                  </a:cubicBezTo>
                  <a:cubicBezTo>
                    <a:pt x="469" y="343"/>
                    <a:pt x="469" y="342"/>
                    <a:pt x="469" y="342"/>
                  </a:cubicBezTo>
                  <a:cubicBezTo>
                    <a:pt x="468" y="341"/>
                    <a:pt x="467" y="342"/>
                    <a:pt x="466" y="342"/>
                  </a:cubicBezTo>
                  <a:cubicBezTo>
                    <a:pt x="465" y="342"/>
                    <a:pt x="466" y="339"/>
                    <a:pt x="465" y="339"/>
                  </a:cubicBezTo>
                  <a:cubicBezTo>
                    <a:pt x="465" y="339"/>
                    <a:pt x="464" y="340"/>
                    <a:pt x="464" y="340"/>
                  </a:cubicBezTo>
                  <a:cubicBezTo>
                    <a:pt x="462" y="338"/>
                    <a:pt x="463" y="338"/>
                    <a:pt x="461" y="336"/>
                  </a:cubicBezTo>
                  <a:cubicBezTo>
                    <a:pt x="458" y="335"/>
                    <a:pt x="459" y="339"/>
                    <a:pt x="458" y="341"/>
                  </a:cubicBezTo>
                  <a:cubicBezTo>
                    <a:pt x="458" y="341"/>
                    <a:pt x="457" y="342"/>
                    <a:pt x="457" y="342"/>
                  </a:cubicBezTo>
                  <a:cubicBezTo>
                    <a:pt x="456" y="344"/>
                    <a:pt x="457" y="346"/>
                    <a:pt x="456" y="348"/>
                  </a:cubicBezTo>
                  <a:cubicBezTo>
                    <a:pt x="456" y="348"/>
                    <a:pt x="457" y="349"/>
                    <a:pt x="457" y="350"/>
                  </a:cubicBezTo>
                  <a:cubicBezTo>
                    <a:pt x="457" y="351"/>
                    <a:pt x="458" y="353"/>
                    <a:pt x="458" y="351"/>
                  </a:cubicBezTo>
                  <a:cubicBezTo>
                    <a:pt x="461" y="354"/>
                    <a:pt x="460" y="355"/>
                    <a:pt x="459" y="358"/>
                  </a:cubicBezTo>
                  <a:cubicBezTo>
                    <a:pt x="460" y="359"/>
                    <a:pt x="460" y="359"/>
                    <a:pt x="460" y="360"/>
                  </a:cubicBezTo>
                  <a:cubicBezTo>
                    <a:pt x="461" y="360"/>
                    <a:pt x="462" y="361"/>
                    <a:pt x="462" y="362"/>
                  </a:cubicBezTo>
                  <a:cubicBezTo>
                    <a:pt x="464" y="363"/>
                    <a:pt x="465" y="363"/>
                    <a:pt x="467" y="365"/>
                  </a:cubicBezTo>
                  <a:cubicBezTo>
                    <a:pt x="468" y="365"/>
                    <a:pt x="467" y="366"/>
                    <a:pt x="468" y="366"/>
                  </a:cubicBezTo>
                  <a:cubicBezTo>
                    <a:pt x="469" y="366"/>
                    <a:pt x="469" y="367"/>
                    <a:pt x="469" y="368"/>
                  </a:cubicBezTo>
                  <a:cubicBezTo>
                    <a:pt x="469" y="369"/>
                    <a:pt x="470" y="368"/>
                    <a:pt x="471" y="369"/>
                  </a:cubicBezTo>
                  <a:cubicBezTo>
                    <a:pt x="471" y="369"/>
                    <a:pt x="471" y="371"/>
                    <a:pt x="471" y="372"/>
                  </a:cubicBezTo>
                  <a:cubicBezTo>
                    <a:pt x="471" y="373"/>
                    <a:pt x="473" y="374"/>
                    <a:pt x="473" y="374"/>
                  </a:cubicBezTo>
                  <a:cubicBezTo>
                    <a:pt x="473" y="375"/>
                    <a:pt x="470" y="378"/>
                    <a:pt x="474" y="378"/>
                  </a:cubicBezTo>
                  <a:cubicBezTo>
                    <a:pt x="473" y="380"/>
                    <a:pt x="472" y="379"/>
                    <a:pt x="470" y="379"/>
                  </a:cubicBezTo>
                  <a:cubicBezTo>
                    <a:pt x="469" y="379"/>
                    <a:pt x="466" y="379"/>
                    <a:pt x="465" y="378"/>
                  </a:cubicBezTo>
                  <a:cubicBezTo>
                    <a:pt x="465" y="378"/>
                    <a:pt x="466" y="374"/>
                    <a:pt x="464" y="377"/>
                  </a:cubicBezTo>
                  <a:cubicBezTo>
                    <a:pt x="462" y="376"/>
                    <a:pt x="463" y="374"/>
                    <a:pt x="462" y="372"/>
                  </a:cubicBezTo>
                  <a:cubicBezTo>
                    <a:pt x="462" y="371"/>
                    <a:pt x="460" y="371"/>
                    <a:pt x="459" y="369"/>
                  </a:cubicBezTo>
                  <a:cubicBezTo>
                    <a:pt x="459" y="368"/>
                    <a:pt x="459" y="367"/>
                    <a:pt x="460" y="367"/>
                  </a:cubicBezTo>
                  <a:cubicBezTo>
                    <a:pt x="459" y="365"/>
                    <a:pt x="458" y="362"/>
                    <a:pt x="456" y="361"/>
                  </a:cubicBezTo>
                  <a:cubicBezTo>
                    <a:pt x="456" y="359"/>
                    <a:pt x="454" y="358"/>
                    <a:pt x="456" y="358"/>
                  </a:cubicBezTo>
                  <a:cubicBezTo>
                    <a:pt x="455" y="357"/>
                    <a:pt x="454" y="357"/>
                    <a:pt x="453" y="356"/>
                  </a:cubicBezTo>
                  <a:cubicBezTo>
                    <a:pt x="453" y="355"/>
                    <a:pt x="453" y="353"/>
                    <a:pt x="452" y="353"/>
                  </a:cubicBezTo>
                  <a:cubicBezTo>
                    <a:pt x="451" y="351"/>
                    <a:pt x="452" y="351"/>
                    <a:pt x="453" y="349"/>
                  </a:cubicBezTo>
                  <a:cubicBezTo>
                    <a:pt x="453" y="348"/>
                    <a:pt x="452" y="347"/>
                    <a:pt x="451" y="347"/>
                  </a:cubicBezTo>
                  <a:cubicBezTo>
                    <a:pt x="451" y="346"/>
                    <a:pt x="452" y="345"/>
                    <a:pt x="451" y="345"/>
                  </a:cubicBezTo>
                  <a:cubicBezTo>
                    <a:pt x="451" y="343"/>
                    <a:pt x="453" y="344"/>
                    <a:pt x="455" y="344"/>
                  </a:cubicBezTo>
                  <a:cubicBezTo>
                    <a:pt x="454" y="343"/>
                    <a:pt x="454" y="343"/>
                    <a:pt x="454" y="342"/>
                  </a:cubicBezTo>
                  <a:cubicBezTo>
                    <a:pt x="454" y="341"/>
                    <a:pt x="455" y="341"/>
                    <a:pt x="455" y="340"/>
                  </a:cubicBezTo>
                  <a:cubicBezTo>
                    <a:pt x="454" y="339"/>
                    <a:pt x="453" y="337"/>
                    <a:pt x="453" y="335"/>
                  </a:cubicBezTo>
                  <a:cubicBezTo>
                    <a:pt x="452" y="333"/>
                    <a:pt x="453" y="331"/>
                    <a:pt x="453" y="329"/>
                  </a:cubicBezTo>
                  <a:cubicBezTo>
                    <a:pt x="452" y="328"/>
                    <a:pt x="451" y="328"/>
                    <a:pt x="451" y="327"/>
                  </a:cubicBezTo>
                  <a:cubicBezTo>
                    <a:pt x="450" y="327"/>
                    <a:pt x="450" y="325"/>
                    <a:pt x="450" y="325"/>
                  </a:cubicBezTo>
                  <a:cubicBezTo>
                    <a:pt x="449" y="323"/>
                    <a:pt x="448" y="322"/>
                    <a:pt x="447" y="321"/>
                  </a:cubicBezTo>
                  <a:cubicBezTo>
                    <a:pt x="444" y="320"/>
                    <a:pt x="446" y="324"/>
                    <a:pt x="443" y="322"/>
                  </a:cubicBezTo>
                  <a:cubicBezTo>
                    <a:pt x="442" y="322"/>
                    <a:pt x="443" y="324"/>
                    <a:pt x="442" y="325"/>
                  </a:cubicBezTo>
                  <a:cubicBezTo>
                    <a:pt x="442" y="325"/>
                    <a:pt x="441" y="324"/>
                    <a:pt x="440" y="325"/>
                  </a:cubicBezTo>
                  <a:cubicBezTo>
                    <a:pt x="440" y="325"/>
                    <a:pt x="441" y="327"/>
                    <a:pt x="439" y="327"/>
                  </a:cubicBezTo>
                  <a:cubicBezTo>
                    <a:pt x="437" y="327"/>
                    <a:pt x="437" y="326"/>
                    <a:pt x="436" y="324"/>
                  </a:cubicBezTo>
                  <a:cubicBezTo>
                    <a:pt x="436" y="323"/>
                    <a:pt x="436" y="323"/>
                    <a:pt x="436" y="323"/>
                  </a:cubicBezTo>
                  <a:cubicBezTo>
                    <a:pt x="435" y="321"/>
                    <a:pt x="436" y="321"/>
                    <a:pt x="436" y="321"/>
                  </a:cubicBezTo>
                  <a:cubicBezTo>
                    <a:pt x="437" y="320"/>
                    <a:pt x="434" y="316"/>
                    <a:pt x="436" y="314"/>
                  </a:cubicBezTo>
                  <a:cubicBezTo>
                    <a:pt x="436" y="313"/>
                    <a:pt x="434" y="312"/>
                    <a:pt x="435" y="308"/>
                  </a:cubicBezTo>
                  <a:cubicBezTo>
                    <a:pt x="434" y="308"/>
                    <a:pt x="434" y="310"/>
                    <a:pt x="434" y="310"/>
                  </a:cubicBezTo>
                  <a:cubicBezTo>
                    <a:pt x="432" y="310"/>
                    <a:pt x="433" y="306"/>
                    <a:pt x="432" y="305"/>
                  </a:cubicBezTo>
                  <a:cubicBezTo>
                    <a:pt x="431" y="304"/>
                    <a:pt x="430" y="303"/>
                    <a:pt x="430" y="303"/>
                  </a:cubicBezTo>
                  <a:cubicBezTo>
                    <a:pt x="429" y="302"/>
                    <a:pt x="429" y="301"/>
                    <a:pt x="429" y="301"/>
                  </a:cubicBezTo>
                  <a:cubicBezTo>
                    <a:pt x="428" y="300"/>
                    <a:pt x="425" y="300"/>
                    <a:pt x="426" y="298"/>
                  </a:cubicBezTo>
                  <a:cubicBezTo>
                    <a:pt x="423" y="298"/>
                    <a:pt x="422" y="300"/>
                    <a:pt x="420" y="301"/>
                  </a:cubicBezTo>
                  <a:cubicBezTo>
                    <a:pt x="419" y="301"/>
                    <a:pt x="418" y="301"/>
                    <a:pt x="417" y="302"/>
                  </a:cubicBezTo>
                  <a:cubicBezTo>
                    <a:pt x="411" y="302"/>
                    <a:pt x="411" y="302"/>
                    <a:pt x="411" y="302"/>
                  </a:cubicBezTo>
                  <a:cubicBezTo>
                    <a:pt x="410" y="302"/>
                    <a:pt x="409" y="303"/>
                    <a:pt x="409" y="304"/>
                  </a:cubicBezTo>
                  <a:cubicBezTo>
                    <a:pt x="408" y="304"/>
                    <a:pt x="408" y="303"/>
                    <a:pt x="408" y="305"/>
                  </a:cubicBezTo>
                  <a:cubicBezTo>
                    <a:pt x="408" y="306"/>
                    <a:pt x="406" y="306"/>
                    <a:pt x="405" y="306"/>
                  </a:cubicBezTo>
                  <a:cubicBezTo>
                    <a:pt x="403" y="308"/>
                    <a:pt x="401" y="312"/>
                    <a:pt x="397" y="313"/>
                  </a:cubicBezTo>
                  <a:cubicBezTo>
                    <a:pt x="395" y="315"/>
                    <a:pt x="394" y="319"/>
                    <a:pt x="391" y="319"/>
                  </a:cubicBezTo>
                  <a:cubicBezTo>
                    <a:pt x="392" y="321"/>
                    <a:pt x="392" y="321"/>
                    <a:pt x="389" y="321"/>
                  </a:cubicBezTo>
                  <a:cubicBezTo>
                    <a:pt x="389" y="322"/>
                    <a:pt x="389" y="322"/>
                    <a:pt x="390" y="323"/>
                  </a:cubicBezTo>
                  <a:cubicBezTo>
                    <a:pt x="389" y="324"/>
                    <a:pt x="388" y="324"/>
                    <a:pt x="388" y="323"/>
                  </a:cubicBezTo>
                  <a:cubicBezTo>
                    <a:pt x="386" y="323"/>
                    <a:pt x="387" y="326"/>
                    <a:pt x="384" y="325"/>
                  </a:cubicBezTo>
                  <a:cubicBezTo>
                    <a:pt x="383" y="325"/>
                    <a:pt x="383" y="327"/>
                    <a:pt x="381" y="327"/>
                  </a:cubicBezTo>
                  <a:cubicBezTo>
                    <a:pt x="381" y="328"/>
                    <a:pt x="382" y="328"/>
                    <a:pt x="382" y="329"/>
                  </a:cubicBezTo>
                  <a:cubicBezTo>
                    <a:pt x="382" y="331"/>
                    <a:pt x="381" y="334"/>
                    <a:pt x="380" y="337"/>
                  </a:cubicBezTo>
                  <a:cubicBezTo>
                    <a:pt x="379" y="341"/>
                    <a:pt x="380" y="346"/>
                    <a:pt x="379" y="348"/>
                  </a:cubicBezTo>
                  <a:cubicBezTo>
                    <a:pt x="379" y="348"/>
                    <a:pt x="378" y="347"/>
                    <a:pt x="377" y="348"/>
                  </a:cubicBezTo>
                  <a:cubicBezTo>
                    <a:pt x="377" y="348"/>
                    <a:pt x="377" y="351"/>
                    <a:pt x="376" y="351"/>
                  </a:cubicBezTo>
                  <a:cubicBezTo>
                    <a:pt x="375" y="352"/>
                    <a:pt x="374" y="352"/>
                    <a:pt x="373" y="352"/>
                  </a:cubicBezTo>
                  <a:cubicBezTo>
                    <a:pt x="372" y="353"/>
                    <a:pt x="372" y="355"/>
                    <a:pt x="370" y="354"/>
                  </a:cubicBezTo>
                  <a:cubicBezTo>
                    <a:pt x="367" y="352"/>
                    <a:pt x="366" y="349"/>
                    <a:pt x="365" y="345"/>
                  </a:cubicBezTo>
                  <a:cubicBezTo>
                    <a:pt x="364" y="344"/>
                    <a:pt x="364" y="343"/>
                    <a:pt x="363" y="343"/>
                  </a:cubicBezTo>
                  <a:cubicBezTo>
                    <a:pt x="363" y="342"/>
                    <a:pt x="362" y="342"/>
                    <a:pt x="361" y="342"/>
                  </a:cubicBezTo>
                  <a:cubicBezTo>
                    <a:pt x="360" y="339"/>
                    <a:pt x="363" y="339"/>
                    <a:pt x="363" y="337"/>
                  </a:cubicBezTo>
                  <a:cubicBezTo>
                    <a:pt x="363" y="335"/>
                    <a:pt x="361" y="334"/>
                    <a:pt x="360" y="333"/>
                  </a:cubicBezTo>
                  <a:cubicBezTo>
                    <a:pt x="359" y="332"/>
                    <a:pt x="359" y="331"/>
                    <a:pt x="357" y="330"/>
                  </a:cubicBezTo>
                  <a:cubicBezTo>
                    <a:pt x="357" y="329"/>
                    <a:pt x="357" y="326"/>
                    <a:pt x="355" y="325"/>
                  </a:cubicBezTo>
                  <a:cubicBezTo>
                    <a:pt x="354" y="323"/>
                    <a:pt x="354" y="316"/>
                    <a:pt x="353" y="311"/>
                  </a:cubicBezTo>
                  <a:cubicBezTo>
                    <a:pt x="353" y="309"/>
                    <a:pt x="352" y="303"/>
                    <a:pt x="352" y="300"/>
                  </a:cubicBezTo>
                  <a:cubicBezTo>
                    <a:pt x="350" y="300"/>
                    <a:pt x="347" y="304"/>
                    <a:pt x="350" y="305"/>
                  </a:cubicBezTo>
                  <a:cubicBezTo>
                    <a:pt x="349" y="307"/>
                    <a:pt x="346" y="305"/>
                    <a:pt x="345" y="305"/>
                  </a:cubicBezTo>
                  <a:cubicBezTo>
                    <a:pt x="344" y="304"/>
                    <a:pt x="343" y="305"/>
                    <a:pt x="343" y="305"/>
                  </a:cubicBezTo>
                  <a:cubicBezTo>
                    <a:pt x="342" y="304"/>
                    <a:pt x="341" y="300"/>
                    <a:pt x="339" y="302"/>
                  </a:cubicBezTo>
                  <a:cubicBezTo>
                    <a:pt x="339" y="300"/>
                    <a:pt x="340" y="300"/>
                    <a:pt x="341" y="300"/>
                  </a:cubicBezTo>
                  <a:cubicBezTo>
                    <a:pt x="340" y="299"/>
                    <a:pt x="341" y="298"/>
                    <a:pt x="341" y="297"/>
                  </a:cubicBezTo>
                  <a:cubicBezTo>
                    <a:pt x="341" y="295"/>
                    <a:pt x="338" y="297"/>
                    <a:pt x="337" y="296"/>
                  </a:cubicBezTo>
                  <a:cubicBezTo>
                    <a:pt x="336" y="296"/>
                    <a:pt x="335" y="291"/>
                    <a:pt x="334" y="294"/>
                  </a:cubicBezTo>
                  <a:cubicBezTo>
                    <a:pt x="332" y="294"/>
                    <a:pt x="333" y="291"/>
                    <a:pt x="333" y="291"/>
                  </a:cubicBezTo>
                  <a:cubicBezTo>
                    <a:pt x="333" y="290"/>
                    <a:pt x="331" y="290"/>
                    <a:pt x="332" y="288"/>
                  </a:cubicBezTo>
                  <a:cubicBezTo>
                    <a:pt x="331" y="288"/>
                    <a:pt x="328" y="289"/>
                    <a:pt x="328" y="288"/>
                  </a:cubicBezTo>
                  <a:cubicBezTo>
                    <a:pt x="328" y="288"/>
                    <a:pt x="328" y="286"/>
                    <a:pt x="328" y="286"/>
                  </a:cubicBezTo>
                  <a:cubicBezTo>
                    <a:pt x="325" y="286"/>
                    <a:pt x="324" y="287"/>
                    <a:pt x="322" y="287"/>
                  </a:cubicBezTo>
                  <a:cubicBezTo>
                    <a:pt x="321" y="287"/>
                    <a:pt x="321" y="288"/>
                    <a:pt x="320" y="287"/>
                  </a:cubicBezTo>
                  <a:cubicBezTo>
                    <a:pt x="319" y="287"/>
                    <a:pt x="318" y="286"/>
                    <a:pt x="318" y="288"/>
                  </a:cubicBezTo>
                  <a:cubicBezTo>
                    <a:pt x="309" y="289"/>
                    <a:pt x="302" y="288"/>
                    <a:pt x="295" y="286"/>
                  </a:cubicBezTo>
                  <a:cubicBezTo>
                    <a:pt x="296" y="284"/>
                    <a:pt x="293" y="285"/>
                    <a:pt x="293" y="284"/>
                  </a:cubicBezTo>
                  <a:cubicBezTo>
                    <a:pt x="293" y="282"/>
                    <a:pt x="289" y="285"/>
                    <a:pt x="291" y="282"/>
                  </a:cubicBezTo>
                  <a:cubicBezTo>
                    <a:pt x="290" y="282"/>
                    <a:pt x="290" y="281"/>
                    <a:pt x="290" y="281"/>
                  </a:cubicBezTo>
                  <a:cubicBezTo>
                    <a:pt x="287" y="282"/>
                    <a:pt x="280" y="280"/>
                    <a:pt x="277" y="280"/>
                  </a:cubicBezTo>
                  <a:cubicBezTo>
                    <a:pt x="276" y="279"/>
                    <a:pt x="275" y="280"/>
                    <a:pt x="275" y="278"/>
                  </a:cubicBezTo>
                  <a:cubicBezTo>
                    <a:pt x="271" y="279"/>
                    <a:pt x="272" y="275"/>
                    <a:pt x="268" y="275"/>
                  </a:cubicBezTo>
                  <a:cubicBezTo>
                    <a:pt x="268" y="271"/>
                    <a:pt x="266" y="269"/>
                    <a:pt x="265" y="266"/>
                  </a:cubicBezTo>
                  <a:cubicBezTo>
                    <a:pt x="256" y="265"/>
                    <a:pt x="256" y="269"/>
                    <a:pt x="257" y="274"/>
                  </a:cubicBezTo>
                  <a:cubicBezTo>
                    <a:pt x="257" y="276"/>
                    <a:pt x="261" y="277"/>
                    <a:pt x="264" y="281"/>
                  </a:cubicBezTo>
                  <a:cubicBezTo>
                    <a:pt x="264" y="281"/>
                    <a:pt x="266" y="287"/>
                    <a:pt x="268" y="285"/>
                  </a:cubicBezTo>
                  <a:cubicBezTo>
                    <a:pt x="268" y="288"/>
                    <a:pt x="270" y="288"/>
                    <a:pt x="269" y="290"/>
                  </a:cubicBezTo>
                  <a:cubicBezTo>
                    <a:pt x="272" y="290"/>
                    <a:pt x="277" y="289"/>
                    <a:pt x="274" y="292"/>
                  </a:cubicBezTo>
                  <a:cubicBezTo>
                    <a:pt x="276" y="293"/>
                    <a:pt x="275" y="291"/>
                    <a:pt x="276" y="290"/>
                  </a:cubicBezTo>
                  <a:cubicBezTo>
                    <a:pt x="277" y="290"/>
                    <a:pt x="280" y="290"/>
                    <a:pt x="280" y="288"/>
                  </a:cubicBezTo>
                  <a:cubicBezTo>
                    <a:pt x="280" y="287"/>
                    <a:pt x="281" y="288"/>
                    <a:pt x="282" y="287"/>
                  </a:cubicBezTo>
                  <a:cubicBezTo>
                    <a:pt x="283" y="287"/>
                    <a:pt x="282" y="286"/>
                    <a:pt x="283" y="285"/>
                  </a:cubicBezTo>
                  <a:cubicBezTo>
                    <a:pt x="284" y="285"/>
                    <a:pt x="287" y="285"/>
                    <a:pt x="289" y="285"/>
                  </a:cubicBezTo>
                  <a:cubicBezTo>
                    <a:pt x="289" y="285"/>
                    <a:pt x="287" y="286"/>
                    <a:pt x="288" y="286"/>
                  </a:cubicBezTo>
                  <a:cubicBezTo>
                    <a:pt x="288" y="287"/>
                    <a:pt x="289" y="286"/>
                    <a:pt x="290" y="286"/>
                  </a:cubicBezTo>
                  <a:cubicBezTo>
                    <a:pt x="290" y="288"/>
                    <a:pt x="289" y="289"/>
                    <a:pt x="290" y="290"/>
                  </a:cubicBezTo>
                  <a:cubicBezTo>
                    <a:pt x="290" y="292"/>
                    <a:pt x="293" y="291"/>
                    <a:pt x="293" y="293"/>
                  </a:cubicBezTo>
                  <a:cubicBezTo>
                    <a:pt x="293" y="295"/>
                    <a:pt x="295" y="294"/>
                    <a:pt x="297" y="295"/>
                  </a:cubicBezTo>
                  <a:cubicBezTo>
                    <a:pt x="299" y="296"/>
                    <a:pt x="298" y="297"/>
                    <a:pt x="300" y="298"/>
                  </a:cubicBezTo>
                  <a:cubicBezTo>
                    <a:pt x="298" y="300"/>
                    <a:pt x="300" y="303"/>
                    <a:pt x="300" y="306"/>
                  </a:cubicBezTo>
                  <a:cubicBezTo>
                    <a:pt x="297" y="306"/>
                    <a:pt x="297" y="306"/>
                    <a:pt x="297" y="306"/>
                  </a:cubicBezTo>
                  <a:cubicBezTo>
                    <a:pt x="298" y="309"/>
                    <a:pt x="295" y="308"/>
                    <a:pt x="295" y="311"/>
                  </a:cubicBezTo>
                  <a:cubicBezTo>
                    <a:pt x="293" y="311"/>
                    <a:pt x="292" y="311"/>
                    <a:pt x="292" y="313"/>
                  </a:cubicBezTo>
                  <a:cubicBezTo>
                    <a:pt x="289" y="313"/>
                    <a:pt x="289" y="313"/>
                    <a:pt x="289" y="313"/>
                  </a:cubicBezTo>
                  <a:cubicBezTo>
                    <a:pt x="287" y="313"/>
                    <a:pt x="288" y="315"/>
                    <a:pt x="288" y="316"/>
                  </a:cubicBezTo>
                  <a:cubicBezTo>
                    <a:pt x="287" y="316"/>
                    <a:pt x="286" y="316"/>
                    <a:pt x="286" y="316"/>
                  </a:cubicBezTo>
                  <a:cubicBezTo>
                    <a:pt x="285" y="316"/>
                    <a:pt x="286" y="318"/>
                    <a:pt x="286" y="319"/>
                  </a:cubicBezTo>
                  <a:cubicBezTo>
                    <a:pt x="284" y="319"/>
                    <a:pt x="283" y="319"/>
                    <a:pt x="283" y="321"/>
                  </a:cubicBezTo>
                  <a:cubicBezTo>
                    <a:pt x="281" y="321"/>
                    <a:pt x="280" y="321"/>
                    <a:pt x="279" y="322"/>
                  </a:cubicBezTo>
                  <a:cubicBezTo>
                    <a:pt x="277" y="323"/>
                    <a:pt x="278" y="323"/>
                    <a:pt x="275" y="324"/>
                  </a:cubicBezTo>
                  <a:cubicBezTo>
                    <a:pt x="274" y="324"/>
                    <a:pt x="269" y="325"/>
                    <a:pt x="269" y="328"/>
                  </a:cubicBezTo>
                  <a:cubicBezTo>
                    <a:pt x="268" y="329"/>
                    <a:pt x="267" y="328"/>
                    <a:pt x="266" y="328"/>
                  </a:cubicBezTo>
                  <a:cubicBezTo>
                    <a:pt x="265" y="329"/>
                    <a:pt x="265" y="330"/>
                    <a:pt x="265" y="330"/>
                  </a:cubicBezTo>
                  <a:cubicBezTo>
                    <a:pt x="264" y="331"/>
                    <a:pt x="263" y="330"/>
                    <a:pt x="263" y="330"/>
                  </a:cubicBezTo>
                  <a:cubicBezTo>
                    <a:pt x="263" y="330"/>
                    <a:pt x="260" y="331"/>
                    <a:pt x="260" y="331"/>
                  </a:cubicBezTo>
                  <a:cubicBezTo>
                    <a:pt x="258" y="333"/>
                    <a:pt x="251" y="332"/>
                    <a:pt x="248" y="334"/>
                  </a:cubicBezTo>
                  <a:cubicBezTo>
                    <a:pt x="244" y="335"/>
                    <a:pt x="250" y="336"/>
                    <a:pt x="246" y="336"/>
                  </a:cubicBezTo>
                  <a:cubicBezTo>
                    <a:pt x="245" y="336"/>
                    <a:pt x="244" y="336"/>
                    <a:pt x="244" y="336"/>
                  </a:cubicBezTo>
                  <a:cubicBezTo>
                    <a:pt x="243" y="336"/>
                    <a:pt x="243" y="338"/>
                    <a:pt x="241" y="338"/>
                  </a:cubicBezTo>
                  <a:cubicBezTo>
                    <a:pt x="242" y="336"/>
                    <a:pt x="239" y="337"/>
                    <a:pt x="239" y="336"/>
                  </a:cubicBezTo>
                  <a:cubicBezTo>
                    <a:pt x="238" y="335"/>
                    <a:pt x="240" y="332"/>
                    <a:pt x="237" y="332"/>
                  </a:cubicBezTo>
                  <a:cubicBezTo>
                    <a:pt x="237" y="331"/>
                    <a:pt x="238" y="331"/>
                    <a:pt x="238" y="329"/>
                  </a:cubicBezTo>
                  <a:cubicBezTo>
                    <a:pt x="237" y="328"/>
                    <a:pt x="235" y="328"/>
                    <a:pt x="237" y="327"/>
                  </a:cubicBezTo>
                  <a:cubicBezTo>
                    <a:pt x="237" y="326"/>
                    <a:pt x="236" y="326"/>
                    <a:pt x="234" y="326"/>
                  </a:cubicBezTo>
                  <a:cubicBezTo>
                    <a:pt x="235" y="323"/>
                    <a:pt x="232" y="320"/>
                    <a:pt x="234" y="320"/>
                  </a:cubicBezTo>
                  <a:cubicBezTo>
                    <a:pt x="234" y="319"/>
                    <a:pt x="233" y="319"/>
                    <a:pt x="232" y="319"/>
                  </a:cubicBezTo>
                  <a:cubicBezTo>
                    <a:pt x="231" y="318"/>
                    <a:pt x="232" y="316"/>
                    <a:pt x="232" y="316"/>
                  </a:cubicBezTo>
                  <a:cubicBezTo>
                    <a:pt x="232" y="315"/>
                    <a:pt x="231" y="315"/>
                    <a:pt x="230" y="314"/>
                  </a:cubicBezTo>
                  <a:cubicBezTo>
                    <a:pt x="230" y="314"/>
                    <a:pt x="230" y="313"/>
                    <a:pt x="229" y="313"/>
                  </a:cubicBezTo>
                  <a:cubicBezTo>
                    <a:pt x="229" y="313"/>
                    <a:pt x="228" y="310"/>
                    <a:pt x="227" y="310"/>
                  </a:cubicBezTo>
                  <a:cubicBezTo>
                    <a:pt x="227" y="310"/>
                    <a:pt x="227" y="311"/>
                    <a:pt x="227" y="311"/>
                  </a:cubicBezTo>
                  <a:cubicBezTo>
                    <a:pt x="225" y="310"/>
                    <a:pt x="226" y="307"/>
                    <a:pt x="223" y="306"/>
                  </a:cubicBezTo>
                  <a:cubicBezTo>
                    <a:pt x="225" y="303"/>
                    <a:pt x="220" y="302"/>
                    <a:pt x="221" y="297"/>
                  </a:cubicBezTo>
                  <a:cubicBezTo>
                    <a:pt x="221" y="296"/>
                    <a:pt x="219" y="296"/>
                    <a:pt x="219" y="295"/>
                  </a:cubicBezTo>
                  <a:cubicBezTo>
                    <a:pt x="219" y="293"/>
                    <a:pt x="216" y="294"/>
                    <a:pt x="215" y="293"/>
                  </a:cubicBezTo>
                  <a:cubicBezTo>
                    <a:pt x="216" y="292"/>
                    <a:pt x="216" y="291"/>
                    <a:pt x="214" y="291"/>
                  </a:cubicBezTo>
                  <a:cubicBezTo>
                    <a:pt x="215" y="290"/>
                    <a:pt x="215" y="289"/>
                    <a:pt x="214" y="286"/>
                  </a:cubicBezTo>
                  <a:cubicBezTo>
                    <a:pt x="214" y="286"/>
                    <a:pt x="214" y="285"/>
                    <a:pt x="214" y="285"/>
                  </a:cubicBezTo>
                  <a:cubicBezTo>
                    <a:pt x="214" y="284"/>
                    <a:pt x="213" y="285"/>
                    <a:pt x="213" y="285"/>
                  </a:cubicBezTo>
                  <a:cubicBezTo>
                    <a:pt x="213" y="282"/>
                    <a:pt x="215" y="283"/>
                    <a:pt x="213" y="281"/>
                  </a:cubicBezTo>
                  <a:cubicBezTo>
                    <a:pt x="212" y="280"/>
                    <a:pt x="212" y="286"/>
                    <a:pt x="211" y="281"/>
                  </a:cubicBezTo>
                  <a:cubicBezTo>
                    <a:pt x="211" y="277"/>
                    <a:pt x="208" y="275"/>
                    <a:pt x="205" y="271"/>
                  </a:cubicBezTo>
                  <a:cubicBezTo>
                    <a:pt x="202" y="273"/>
                    <a:pt x="204" y="274"/>
                    <a:pt x="203" y="277"/>
                  </a:cubicBezTo>
                  <a:cubicBezTo>
                    <a:pt x="201" y="277"/>
                    <a:pt x="201" y="275"/>
                    <a:pt x="200" y="275"/>
                  </a:cubicBezTo>
                  <a:cubicBezTo>
                    <a:pt x="198" y="275"/>
                    <a:pt x="198" y="274"/>
                    <a:pt x="197" y="274"/>
                  </a:cubicBezTo>
                  <a:cubicBezTo>
                    <a:pt x="199" y="275"/>
                    <a:pt x="198" y="280"/>
                    <a:pt x="201" y="280"/>
                  </a:cubicBezTo>
                  <a:cubicBezTo>
                    <a:pt x="199" y="282"/>
                    <a:pt x="201" y="285"/>
                    <a:pt x="203" y="288"/>
                  </a:cubicBezTo>
                  <a:cubicBezTo>
                    <a:pt x="203" y="289"/>
                    <a:pt x="202" y="290"/>
                    <a:pt x="203" y="290"/>
                  </a:cubicBezTo>
                  <a:cubicBezTo>
                    <a:pt x="204" y="291"/>
                    <a:pt x="204" y="296"/>
                    <a:pt x="206" y="298"/>
                  </a:cubicBezTo>
                  <a:cubicBezTo>
                    <a:pt x="209" y="298"/>
                    <a:pt x="209" y="298"/>
                    <a:pt x="209" y="298"/>
                  </a:cubicBezTo>
                  <a:cubicBezTo>
                    <a:pt x="209" y="299"/>
                    <a:pt x="208" y="299"/>
                    <a:pt x="208" y="301"/>
                  </a:cubicBezTo>
                  <a:cubicBezTo>
                    <a:pt x="209" y="301"/>
                    <a:pt x="210" y="301"/>
                    <a:pt x="210" y="300"/>
                  </a:cubicBezTo>
                  <a:cubicBezTo>
                    <a:pt x="212" y="301"/>
                    <a:pt x="211" y="303"/>
                    <a:pt x="212" y="305"/>
                  </a:cubicBezTo>
                  <a:cubicBezTo>
                    <a:pt x="212" y="305"/>
                    <a:pt x="214" y="305"/>
                    <a:pt x="214" y="306"/>
                  </a:cubicBezTo>
                  <a:cubicBezTo>
                    <a:pt x="214" y="306"/>
                    <a:pt x="214" y="307"/>
                    <a:pt x="214" y="307"/>
                  </a:cubicBezTo>
                  <a:cubicBezTo>
                    <a:pt x="214" y="308"/>
                    <a:pt x="215" y="307"/>
                    <a:pt x="215" y="307"/>
                  </a:cubicBezTo>
                  <a:cubicBezTo>
                    <a:pt x="215" y="308"/>
                    <a:pt x="214" y="309"/>
                    <a:pt x="214" y="309"/>
                  </a:cubicBezTo>
                  <a:cubicBezTo>
                    <a:pt x="215" y="310"/>
                    <a:pt x="215" y="310"/>
                    <a:pt x="216" y="311"/>
                  </a:cubicBezTo>
                  <a:cubicBezTo>
                    <a:pt x="216" y="312"/>
                    <a:pt x="216" y="313"/>
                    <a:pt x="216" y="313"/>
                  </a:cubicBezTo>
                  <a:cubicBezTo>
                    <a:pt x="216" y="313"/>
                    <a:pt x="217" y="313"/>
                    <a:pt x="217" y="313"/>
                  </a:cubicBezTo>
                  <a:cubicBezTo>
                    <a:pt x="217" y="314"/>
                    <a:pt x="216" y="318"/>
                    <a:pt x="219" y="317"/>
                  </a:cubicBezTo>
                  <a:cubicBezTo>
                    <a:pt x="219" y="319"/>
                    <a:pt x="219" y="321"/>
                    <a:pt x="220" y="323"/>
                  </a:cubicBezTo>
                  <a:cubicBezTo>
                    <a:pt x="220" y="323"/>
                    <a:pt x="221" y="324"/>
                    <a:pt x="222" y="325"/>
                  </a:cubicBezTo>
                  <a:cubicBezTo>
                    <a:pt x="222" y="325"/>
                    <a:pt x="222" y="327"/>
                    <a:pt x="223" y="327"/>
                  </a:cubicBezTo>
                  <a:cubicBezTo>
                    <a:pt x="223" y="328"/>
                    <a:pt x="224" y="328"/>
                    <a:pt x="225" y="328"/>
                  </a:cubicBezTo>
                  <a:cubicBezTo>
                    <a:pt x="225" y="329"/>
                    <a:pt x="224" y="331"/>
                    <a:pt x="226" y="331"/>
                  </a:cubicBezTo>
                  <a:cubicBezTo>
                    <a:pt x="227" y="331"/>
                    <a:pt x="226" y="334"/>
                    <a:pt x="227" y="335"/>
                  </a:cubicBezTo>
                  <a:cubicBezTo>
                    <a:pt x="230" y="333"/>
                    <a:pt x="229" y="337"/>
                    <a:pt x="234" y="336"/>
                  </a:cubicBezTo>
                  <a:cubicBezTo>
                    <a:pt x="234" y="339"/>
                    <a:pt x="236" y="340"/>
                    <a:pt x="236" y="343"/>
                  </a:cubicBezTo>
                  <a:cubicBezTo>
                    <a:pt x="239" y="348"/>
                    <a:pt x="251" y="346"/>
                    <a:pt x="258" y="346"/>
                  </a:cubicBezTo>
                  <a:cubicBezTo>
                    <a:pt x="259" y="346"/>
                    <a:pt x="259" y="344"/>
                    <a:pt x="259" y="344"/>
                  </a:cubicBezTo>
                  <a:cubicBezTo>
                    <a:pt x="261" y="343"/>
                    <a:pt x="265" y="345"/>
                    <a:pt x="265" y="342"/>
                  </a:cubicBezTo>
                  <a:cubicBezTo>
                    <a:pt x="267" y="343"/>
                    <a:pt x="266" y="345"/>
                    <a:pt x="266" y="347"/>
                  </a:cubicBezTo>
                  <a:cubicBezTo>
                    <a:pt x="266" y="347"/>
                    <a:pt x="265" y="348"/>
                    <a:pt x="265" y="348"/>
                  </a:cubicBezTo>
                  <a:cubicBezTo>
                    <a:pt x="264" y="349"/>
                    <a:pt x="265" y="351"/>
                    <a:pt x="265" y="353"/>
                  </a:cubicBezTo>
                  <a:cubicBezTo>
                    <a:pt x="265" y="353"/>
                    <a:pt x="263" y="353"/>
                    <a:pt x="263" y="353"/>
                  </a:cubicBezTo>
                  <a:cubicBezTo>
                    <a:pt x="263" y="354"/>
                    <a:pt x="263" y="358"/>
                    <a:pt x="262" y="359"/>
                  </a:cubicBezTo>
                  <a:cubicBezTo>
                    <a:pt x="261" y="360"/>
                    <a:pt x="259" y="360"/>
                    <a:pt x="260" y="364"/>
                  </a:cubicBezTo>
                  <a:cubicBezTo>
                    <a:pt x="257" y="364"/>
                    <a:pt x="259" y="369"/>
                    <a:pt x="255" y="369"/>
                  </a:cubicBezTo>
                  <a:cubicBezTo>
                    <a:pt x="256" y="371"/>
                    <a:pt x="254" y="372"/>
                    <a:pt x="254" y="374"/>
                  </a:cubicBezTo>
                  <a:cubicBezTo>
                    <a:pt x="251" y="373"/>
                    <a:pt x="253" y="378"/>
                    <a:pt x="249" y="377"/>
                  </a:cubicBezTo>
                  <a:cubicBezTo>
                    <a:pt x="249" y="380"/>
                    <a:pt x="249" y="380"/>
                    <a:pt x="249" y="380"/>
                  </a:cubicBezTo>
                  <a:cubicBezTo>
                    <a:pt x="249" y="380"/>
                    <a:pt x="248" y="379"/>
                    <a:pt x="248" y="379"/>
                  </a:cubicBezTo>
                  <a:cubicBezTo>
                    <a:pt x="245" y="380"/>
                    <a:pt x="247" y="381"/>
                    <a:pt x="244" y="382"/>
                  </a:cubicBezTo>
                  <a:cubicBezTo>
                    <a:pt x="244" y="382"/>
                    <a:pt x="241" y="383"/>
                    <a:pt x="241" y="383"/>
                  </a:cubicBezTo>
                  <a:cubicBezTo>
                    <a:pt x="241" y="383"/>
                    <a:pt x="241" y="384"/>
                    <a:pt x="241" y="384"/>
                  </a:cubicBezTo>
                  <a:cubicBezTo>
                    <a:pt x="240" y="384"/>
                    <a:pt x="238" y="385"/>
                    <a:pt x="237" y="386"/>
                  </a:cubicBezTo>
                  <a:cubicBezTo>
                    <a:pt x="235" y="387"/>
                    <a:pt x="234" y="391"/>
                    <a:pt x="230" y="390"/>
                  </a:cubicBezTo>
                  <a:cubicBezTo>
                    <a:pt x="231" y="393"/>
                    <a:pt x="229" y="393"/>
                    <a:pt x="229" y="395"/>
                  </a:cubicBezTo>
                  <a:cubicBezTo>
                    <a:pt x="228" y="396"/>
                    <a:pt x="228" y="396"/>
                    <a:pt x="227" y="395"/>
                  </a:cubicBezTo>
                  <a:cubicBezTo>
                    <a:pt x="227" y="396"/>
                    <a:pt x="225" y="398"/>
                    <a:pt x="226" y="398"/>
                  </a:cubicBezTo>
                  <a:cubicBezTo>
                    <a:pt x="227" y="400"/>
                    <a:pt x="225" y="398"/>
                    <a:pt x="225" y="401"/>
                  </a:cubicBezTo>
                  <a:cubicBezTo>
                    <a:pt x="225" y="402"/>
                    <a:pt x="223" y="401"/>
                    <a:pt x="223" y="402"/>
                  </a:cubicBezTo>
                  <a:cubicBezTo>
                    <a:pt x="222" y="402"/>
                    <a:pt x="223" y="403"/>
                    <a:pt x="223" y="404"/>
                  </a:cubicBezTo>
                  <a:cubicBezTo>
                    <a:pt x="222" y="405"/>
                    <a:pt x="220" y="412"/>
                    <a:pt x="221" y="414"/>
                  </a:cubicBezTo>
                  <a:cubicBezTo>
                    <a:pt x="221" y="416"/>
                    <a:pt x="222" y="417"/>
                    <a:pt x="223" y="418"/>
                  </a:cubicBezTo>
                  <a:cubicBezTo>
                    <a:pt x="223" y="421"/>
                    <a:pt x="222" y="422"/>
                    <a:pt x="223" y="424"/>
                  </a:cubicBezTo>
                  <a:cubicBezTo>
                    <a:pt x="223" y="424"/>
                    <a:pt x="224" y="428"/>
                    <a:pt x="225" y="428"/>
                  </a:cubicBezTo>
                  <a:cubicBezTo>
                    <a:pt x="227" y="428"/>
                    <a:pt x="222" y="432"/>
                    <a:pt x="227" y="432"/>
                  </a:cubicBezTo>
                  <a:cubicBezTo>
                    <a:pt x="226" y="437"/>
                    <a:pt x="227" y="441"/>
                    <a:pt x="227" y="445"/>
                  </a:cubicBezTo>
                  <a:cubicBezTo>
                    <a:pt x="226" y="448"/>
                    <a:pt x="223" y="450"/>
                    <a:pt x="224" y="453"/>
                  </a:cubicBezTo>
                  <a:cubicBezTo>
                    <a:pt x="221" y="453"/>
                    <a:pt x="218" y="455"/>
                    <a:pt x="217" y="456"/>
                  </a:cubicBezTo>
                  <a:cubicBezTo>
                    <a:pt x="216" y="457"/>
                    <a:pt x="216" y="457"/>
                    <a:pt x="217" y="457"/>
                  </a:cubicBezTo>
                  <a:cubicBezTo>
                    <a:pt x="217" y="459"/>
                    <a:pt x="215" y="458"/>
                    <a:pt x="214" y="458"/>
                  </a:cubicBezTo>
                  <a:cubicBezTo>
                    <a:pt x="213" y="459"/>
                    <a:pt x="214" y="460"/>
                    <a:pt x="213" y="460"/>
                  </a:cubicBezTo>
                  <a:cubicBezTo>
                    <a:pt x="213" y="460"/>
                    <a:pt x="211" y="458"/>
                    <a:pt x="211" y="460"/>
                  </a:cubicBezTo>
                  <a:cubicBezTo>
                    <a:pt x="211" y="461"/>
                    <a:pt x="210" y="461"/>
                    <a:pt x="209" y="461"/>
                  </a:cubicBezTo>
                  <a:cubicBezTo>
                    <a:pt x="208" y="462"/>
                    <a:pt x="208" y="464"/>
                    <a:pt x="206" y="464"/>
                  </a:cubicBezTo>
                  <a:cubicBezTo>
                    <a:pt x="204" y="469"/>
                    <a:pt x="206" y="477"/>
                    <a:pt x="206" y="485"/>
                  </a:cubicBezTo>
                  <a:cubicBezTo>
                    <a:pt x="206" y="486"/>
                    <a:pt x="205" y="486"/>
                    <a:pt x="205" y="485"/>
                  </a:cubicBezTo>
                  <a:cubicBezTo>
                    <a:pt x="203" y="485"/>
                    <a:pt x="204" y="487"/>
                    <a:pt x="204" y="487"/>
                  </a:cubicBezTo>
                  <a:cubicBezTo>
                    <a:pt x="203" y="488"/>
                    <a:pt x="201" y="486"/>
                    <a:pt x="201" y="488"/>
                  </a:cubicBezTo>
                  <a:cubicBezTo>
                    <a:pt x="201" y="489"/>
                    <a:pt x="197" y="489"/>
                    <a:pt x="196" y="491"/>
                  </a:cubicBezTo>
                  <a:cubicBezTo>
                    <a:pt x="196" y="496"/>
                    <a:pt x="196" y="496"/>
                    <a:pt x="196" y="496"/>
                  </a:cubicBezTo>
                  <a:cubicBezTo>
                    <a:pt x="194" y="497"/>
                    <a:pt x="195" y="500"/>
                    <a:pt x="194" y="501"/>
                  </a:cubicBezTo>
                  <a:cubicBezTo>
                    <a:pt x="194" y="502"/>
                    <a:pt x="192" y="502"/>
                    <a:pt x="192" y="502"/>
                  </a:cubicBezTo>
                  <a:cubicBezTo>
                    <a:pt x="191" y="504"/>
                    <a:pt x="192" y="506"/>
                    <a:pt x="190" y="507"/>
                  </a:cubicBezTo>
                  <a:cubicBezTo>
                    <a:pt x="190" y="507"/>
                    <a:pt x="190" y="508"/>
                    <a:pt x="190" y="509"/>
                  </a:cubicBezTo>
                  <a:cubicBezTo>
                    <a:pt x="190" y="509"/>
                    <a:pt x="188" y="509"/>
                    <a:pt x="188" y="509"/>
                  </a:cubicBezTo>
                  <a:cubicBezTo>
                    <a:pt x="188" y="509"/>
                    <a:pt x="189" y="511"/>
                    <a:pt x="188" y="512"/>
                  </a:cubicBezTo>
                  <a:cubicBezTo>
                    <a:pt x="188" y="512"/>
                    <a:pt x="187" y="511"/>
                    <a:pt x="186" y="512"/>
                  </a:cubicBezTo>
                  <a:cubicBezTo>
                    <a:pt x="186" y="512"/>
                    <a:pt x="187" y="513"/>
                    <a:pt x="186" y="514"/>
                  </a:cubicBezTo>
                  <a:cubicBezTo>
                    <a:pt x="186" y="514"/>
                    <a:pt x="185" y="513"/>
                    <a:pt x="184" y="514"/>
                  </a:cubicBezTo>
                  <a:cubicBezTo>
                    <a:pt x="184" y="514"/>
                    <a:pt x="183" y="516"/>
                    <a:pt x="183" y="516"/>
                  </a:cubicBezTo>
                  <a:cubicBezTo>
                    <a:pt x="183" y="518"/>
                    <a:pt x="181" y="517"/>
                    <a:pt x="181" y="517"/>
                  </a:cubicBezTo>
                  <a:cubicBezTo>
                    <a:pt x="180" y="518"/>
                    <a:pt x="181" y="519"/>
                    <a:pt x="181" y="519"/>
                  </a:cubicBezTo>
                  <a:cubicBezTo>
                    <a:pt x="180" y="520"/>
                    <a:pt x="179" y="519"/>
                    <a:pt x="179" y="519"/>
                  </a:cubicBezTo>
                  <a:cubicBezTo>
                    <a:pt x="178" y="520"/>
                    <a:pt x="178" y="521"/>
                    <a:pt x="177" y="521"/>
                  </a:cubicBezTo>
                  <a:cubicBezTo>
                    <a:pt x="177" y="522"/>
                    <a:pt x="175" y="523"/>
                    <a:pt x="175" y="523"/>
                  </a:cubicBezTo>
                  <a:cubicBezTo>
                    <a:pt x="175" y="523"/>
                    <a:pt x="172" y="524"/>
                    <a:pt x="172" y="524"/>
                  </a:cubicBezTo>
                  <a:cubicBezTo>
                    <a:pt x="171" y="523"/>
                    <a:pt x="171" y="523"/>
                    <a:pt x="170" y="524"/>
                  </a:cubicBezTo>
                  <a:cubicBezTo>
                    <a:pt x="169" y="525"/>
                    <a:pt x="168" y="525"/>
                    <a:pt x="166" y="525"/>
                  </a:cubicBezTo>
                  <a:cubicBezTo>
                    <a:pt x="166" y="525"/>
                    <a:pt x="160" y="528"/>
                    <a:pt x="158" y="525"/>
                  </a:cubicBezTo>
                  <a:cubicBezTo>
                    <a:pt x="156" y="525"/>
                    <a:pt x="158" y="526"/>
                    <a:pt x="158" y="526"/>
                  </a:cubicBezTo>
                  <a:cubicBezTo>
                    <a:pt x="156" y="528"/>
                    <a:pt x="154" y="526"/>
                    <a:pt x="151" y="527"/>
                  </a:cubicBezTo>
                  <a:cubicBezTo>
                    <a:pt x="150" y="527"/>
                    <a:pt x="151" y="528"/>
                    <a:pt x="151" y="528"/>
                  </a:cubicBezTo>
                  <a:cubicBezTo>
                    <a:pt x="150" y="529"/>
                    <a:pt x="145" y="527"/>
                    <a:pt x="143" y="527"/>
                  </a:cubicBezTo>
                  <a:cubicBezTo>
                    <a:pt x="143" y="522"/>
                    <a:pt x="138" y="520"/>
                    <a:pt x="141" y="516"/>
                  </a:cubicBezTo>
                  <a:cubicBezTo>
                    <a:pt x="139" y="514"/>
                    <a:pt x="136" y="512"/>
                    <a:pt x="137" y="508"/>
                  </a:cubicBezTo>
                  <a:cubicBezTo>
                    <a:pt x="134" y="511"/>
                    <a:pt x="136" y="509"/>
                    <a:pt x="135" y="505"/>
                  </a:cubicBezTo>
                  <a:cubicBezTo>
                    <a:pt x="134" y="501"/>
                    <a:pt x="128" y="497"/>
                    <a:pt x="129" y="492"/>
                  </a:cubicBezTo>
                  <a:cubicBezTo>
                    <a:pt x="128" y="491"/>
                    <a:pt x="128" y="494"/>
                    <a:pt x="128" y="494"/>
                  </a:cubicBezTo>
                  <a:cubicBezTo>
                    <a:pt x="126" y="493"/>
                    <a:pt x="128" y="487"/>
                    <a:pt x="126" y="490"/>
                  </a:cubicBezTo>
                  <a:cubicBezTo>
                    <a:pt x="125" y="488"/>
                    <a:pt x="125" y="485"/>
                    <a:pt x="125" y="483"/>
                  </a:cubicBezTo>
                  <a:cubicBezTo>
                    <a:pt x="126" y="480"/>
                    <a:pt x="126" y="478"/>
                    <a:pt x="124" y="474"/>
                  </a:cubicBezTo>
                  <a:cubicBezTo>
                    <a:pt x="125" y="473"/>
                    <a:pt x="122" y="474"/>
                    <a:pt x="122" y="474"/>
                  </a:cubicBezTo>
                  <a:cubicBezTo>
                    <a:pt x="121" y="473"/>
                    <a:pt x="124" y="471"/>
                    <a:pt x="120" y="472"/>
                  </a:cubicBezTo>
                  <a:cubicBezTo>
                    <a:pt x="119" y="471"/>
                    <a:pt x="120" y="469"/>
                    <a:pt x="120" y="469"/>
                  </a:cubicBezTo>
                  <a:cubicBezTo>
                    <a:pt x="119" y="469"/>
                    <a:pt x="118" y="469"/>
                    <a:pt x="118" y="469"/>
                  </a:cubicBezTo>
                  <a:cubicBezTo>
                    <a:pt x="118" y="468"/>
                    <a:pt x="120" y="465"/>
                    <a:pt x="117" y="466"/>
                  </a:cubicBezTo>
                  <a:cubicBezTo>
                    <a:pt x="117" y="464"/>
                    <a:pt x="118" y="464"/>
                    <a:pt x="118" y="462"/>
                  </a:cubicBezTo>
                  <a:cubicBezTo>
                    <a:pt x="116" y="461"/>
                    <a:pt x="118" y="457"/>
                    <a:pt x="115" y="458"/>
                  </a:cubicBezTo>
                  <a:cubicBezTo>
                    <a:pt x="114" y="449"/>
                    <a:pt x="116" y="446"/>
                    <a:pt x="120" y="441"/>
                  </a:cubicBezTo>
                  <a:cubicBezTo>
                    <a:pt x="119" y="440"/>
                    <a:pt x="121" y="436"/>
                    <a:pt x="119" y="436"/>
                  </a:cubicBezTo>
                  <a:cubicBezTo>
                    <a:pt x="119" y="435"/>
                    <a:pt x="121" y="436"/>
                    <a:pt x="122" y="435"/>
                  </a:cubicBezTo>
                  <a:cubicBezTo>
                    <a:pt x="122" y="435"/>
                    <a:pt x="121" y="433"/>
                    <a:pt x="122" y="433"/>
                  </a:cubicBezTo>
                  <a:cubicBezTo>
                    <a:pt x="122" y="432"/>
                    <a:pt x="122" y="423"/>
                    <a:pt x="121" y="426"/>
                  </a:cubicBezTo>
                  <a:cubicBezTo>
                    <a:pt x="119" y="424"/>
                    <a:pt x="120" y="422"/>
                    <a:pt x="120" y="420"/>
                  </a:cubicBezTo>
                  <a:cubicBezTo>
                    <a:pt x="120" y="418"/>
                    <a:pt x="120" y="415"/>
                    <a:pt x="120" y="413"/>
                  </a:cubicBezTo>
                  <a:cubicBezTo>
                    <a:pt x="119" y="412"/>
                    <a:pt x="118" y="413"/>
                    <a:pt x="118" y="412"/>
                  </a:cubicBezTo>
                  <a:cubicBezTo>
                    <a:pt x="118" y="412"/>
                    <a:pt x="119" y="411"/>
                    <a:pt x="119" y="411"/>
                  </a:cubicBezTo>
                  <a:cubicBezTo>
                    <a:pt x="119" y="411"/>
                    <a:pt x="118" y="410"/>
                    <a:pt x="118" y="410"/>
                  </a:cubicBezTo>
                  <a:cubicBezTo>
                    <a:pt x="118" y="407"/>
                    <a:pt x="117" y="408"/>
                    <a:pt x="116" y="407"/>
                  </a:cubicBezTo>
                  <a:cubicBezTo>
                    <a:pt x="115" y="406"/>
                    <a:pt x="116" y="405"/>
                    <a:pt x="116" y="405"/>
                  </a:cubicBezTo>
                  <a:cubicBezTo>
                    <a:pt x="116" y="405"/>
                    <a:pt x="113" y="405"/>
                    <a:pt x="114" y="404"/>
                  </a:cubicBezTo>
                  <a:cubicBezTo>
                    <a:pt x="114" y="404"/>
                    <a:pt x="115" y="404"/>
                    <a:pt x="115" y="404"/>
                  </a:cubicBezTo>
                  <a:cubicBezTo>
                    <a:pt x="113" y="402"/>
                    <a:pt x="112" y="401"/>
                    <a:pt x="110" y="400"/>
                  </a:cubicBezTo>
                  <a:cubicBezTo>
                    <a:pt x="110" y="400"/>
                    <a:pt x="110" y="399"/>
                    <a:pt x="109" y="399"/>
                  </a:cubicBezTo>
                  <a:cubicBezTo>
                    <a:pt x="108" y="399"/>
                    <a:pt x="108" y="396"/>
                    <a:pt x="106" y="397"/>
                  </a:cubicBezTo>
                  <a:cubicBezTo>
                    <a:pt x="104" y="389"/>
                    <a:pt x="106" y="382"/>
                    <a:pt x="106" y="373"/>
                  </a:cubicBezTo>
                  <a:cubicBezTo>
                    <a:pt x="106" y="371"/>
                    <a:pt x="104" y="375"/>
                    <a:pt x="104" y="370"/>
                  </a:cubicBezTo>
                  <a:cubicBezTo>
                    <a:pt x="99" y="371"/>
                    <a:pt x="94" y="370"/>
                    <a:pt x="91" y="369"/>
                  </a:cubicBezTo>
                  <a:cubicBezTo>
                    <a:pt x="92" y="363"/>
                    <a:pt x="88" y="369"/>
                    <a:pt x="89" y="364"/>
                  </a:cubicBezTo>
                  <a:cubicBezTo>
                    <a:pt x="85" y="363"/>
                    <a:pt x="84" y="361"/>
                    <a:pt x="79" y="363"/>
                  </a:cubicBezTo>
                  <a:cubicBezTo>
                    <a:pt x="78" y="363"/>
                    <a:pt x="76" y="363"/>
                    <a:pt x="75" y="364"/>
                  </a:cubicBezTo>
                  <a:cubicBezTo>
                    <a:pt x="74" y="364"/>
                    <a:pt x="72" y="365"/>
                    <a:pt x="69" y="365"/>
                  </a:cubicBezTo>
                  <a:cubicBezTo>
                    <a:pt x="71" y="367"/>
                    <a:pt x="72" y="366"/>
                    <a:pt x="67" y="367"/>
                  </a:cubicBezTo>
                  <a:cubicBezTo>
                    <a:pt x="64" y="367"/>
                    <a:pt x="62" y="368"/>
                    <a:pt x="57" y="369"/>
                  </a:cubicBezTo>
                  <a:cubicBezTo>
                    <a:pt x="55" y="369"/>
                    <a:pt x="55" y="368"/>
                    <a:pt x="54" y="368"/>
                  </a:cubicBezTo>
                  <a:cubicBezTo>
                    <a:pt x="48" y="367"/>
                    <a:pt x="41" y="371"/>
                    <a:pt x="36" y="369"/>
                  </a:cubicBezTo>
                  <a:cubicBezTo>
                    <a:pt x="36" y="366"/>
                    <a:pt x="32" y="367"/>
                    <a:pt x="31" y="367"/>
                  </a:cubicBezTo>
                  <a:cubicBezTo>
                    <a:pt x="31" y="366"/>
                    <a:pt x="31" y="365"/>
                    <a:pt x="31" y="365"/>
                  </a:cubicBezTo>
                  <a:cubicBezTo>
                    <a:pt x="30" y="364"/>
                    <a:pt x="28" y="365"/>
                    <a:pt x="28" y="365"/>
                  </a:cubicBezTo>
                  <a:cubicBezTo>
                    <a:pt x="28" y="364"/>
                    <a:pt x="28" y="363"/>
                    <a:pt x="28" y="363"/>
                  </a:cubicBezTo>
                  <a:cubicBezTo>
                    <a:pt x="27" y="362"/>
                    <a:pt x="26" y="363"/>
                    <a:pt x="26" y="362"/>
                  </a:cubicBezTo>
                  <a:cubicBezTo>
                    <a:pt x="26" y="362"/>
                    <a:pt x="24" y="360"/>
                    <a:pt x="24" y="360"/>
                  </a:cubicBezTo>
                  <a:cubicBezTo>
                    <a:pt x="24" y="360"/>
                    <a:pt x="24" y="359"/>
                    <a:pt x="23" y="359"/>
                  </a:cubicBezTo>
                  <a:cubicBezTo>
                    <a:pt x="22" y="359"/>
                    <a:pt x="23" y="358"/>
                    <a:pt x="22" y="357"/>
                  </a:cubicBezTo>
                  <a:cubicBezTo>
                    <a:pt x="22" y="356"/>
                    <a:pt x="21" y="357"/>
                    <a:pt x="20" y="356"/>
                  </a:cubicBezTo>
                  <a:cubicBezTo>
                    <a:pt x="20" y="356"/>
                    <a:pt x="21" y="355"/>
                    <a:pt x="20" y="354"/>
                  </a:cubicBezTo>
                  <a:cubicBezTo>
                    <a:pt x="20" y="353"/>
                    <a:pt x="18" y="355"/>
                    <a:pt x="18" y="353"/>
                  </a:cubicBezTo>
                  <a:cubicBezTo>
                    <a:pt x="18" y="353"/>
                    <a:pt x="19" y="352"/>
                    <a:pt x="19" y="352"/>
                  </a:cubicBezTo>
                  <a:cubicBezTo>
                    <a:pt x="18" y="349"/>
                    <a:pt x="14" y="350"/>
                    <a:pt x="15" y="347"/>
                  </a:cubicBezTo>
                  <a:cubicBezTo>
                    <a:pt x="10" y="348"/>
                    <a:pt x="12" y="343"/>
                    <a:pt x="8" y="344"/>
                  </a:cubicBezTo>
                  <a:cubicBezTo>
                    <a:pt x="8" y="343"/>
                    <a:pt x="9" y="342"/>
                    <a:pt x="9" y="341"/>
                  </a:cubicBezTo>
                  <a:cubicBezTo>
                    <a:pt x="9" y="340"/>
                    <a:pt x="6" y="340"/>
                    <a:pt x="5" y="340"/>
                  </a:cubicBezTo>
                  <a:cubicBezTo>
                    <a:pt x="6" y="338"/>
                    <a:pt x="3" y="338"/>
                    <a:pt x="3" y="337"/>
                  </a:cubicBezTo>
                  <a:cubicBezTo>
                    <a:pt x="3" y="335"/>
                    <a:pt x="5" y="336"/>
                    <a:pt x="3" y="333"/>
                  </a:cubicBezTo>
                  <a:cubicBezTo>
                    <a:pt x="3" y="333"/>
                    <a:pt x="2" y="333"/>
                    <a:pt x="2" y="332"/>
                  </a:cubicBezTo>
                  <a:cubicBezTo>
                    <a:pt x="2" y="332"/>
                    <a:pt x="1" y="329"/>
                    <a:pt x="0" y="328"/>
                  </a:cubicBezTo>
                  <a:cubicBezTo>
                    <a:pt x="0" y="327"/>
                    <a:pt x="2" y="328"/>
                    <a:pt x="3" y="327"/>
                  </a:cubicBezTo>
                  <a:cubicBezTo>
                    <a:pt x="4" y="327"/>
                    <a:pt x="3" y="324"/>
                    <a:pt x="5" y="325"/>
                  </a:cubicBezTo>
                  <a:cubicBezTo>
                    <a:pt x="5" y="308"/>
                    <a:pt x="5" y="308"/>
                    <a:pt x="5" y="308"/>
                  </a:cubicBezTo>
                  <a:cubicBezTo>
                    <a:pt x="5" y="307"/>
                    <a:pt x="3" y="308"/>
                    <a:pt x="3" y="307"/>
                  </a:cubicBezTo>
                  <a:cubicBezTo>
                    <a:pt x="3" y="307"/>
                    <a:pt x="4" y="306"/>
                    <a:pt x="4" y="306"/>
                  </a:cubicBezTo>
                  <a:cubicBezTo>
                    <a:pt x="4" y="304"/>
                    <a:pt x="3" y="303"/>
                    <a:pt x="3" y="302"/>
                  </a:cubicBezTo>
                  <a:cubicBezTo>
                    <a:pt x="7" y="306"/>
                    <a:pt x="3" y="295"/>
                    <a:pt x="7" y="299"/>
                  </a:cubicBezTo>
                  <a:cubicBezTo>
                    <a:pt x="8" y="298"/>
                    <a:pt x="7" y="294"/>
                    <a:pt x="8" y="293"/>
                  </a:cubicBezTo>
                  <a:cubicBezTo>
                    <a:pt x="8" y="293"/>
                    <a:pt x="10" y="293"/>
                    <a:pt x="10" y="293"/>
                  </a:cubicBezTo>
                  <a:cubicBezTo>
                    <a:pt x="10" y="293"/>
                    <a:pt x="8" y="291"/>
                    <a:pt x="9" y="290"/>
                  </a:cubicBezTo>
                  <a:cubicBezTo>
                    <a:pt x="13" y="289"/>
                    <a:pt x="12" y="284"/>
                    <a:pt x="16" y="284"/>
                  </a:cubicBezTo>
                  <a:cubicBezTo>
                    <a:pt x="16" y="280"/>
                    <a:pt x="19" y="280"/>
                    <a:pt x="18" y="277"/>
                  </a:cubicBezTo>
                  <a:cubicBezTo>
                    <a:pt x="20" y="277"/>
                    <a:pt x="20" y="276"/>
                    <a:pt x="20" y="275"/>
                  </a:cubicBezTo>
                  <a:cubicBezTo>
                    <a:pt x="26" y="274"/>
                    <a:pt x="31" y="272"/>
                    <a:pt x="30" y="265"/>
                  </a:cubicBezTo>
                  <a:cubicBezTo>
                    <a:pt x="34" y="266"/>
                    <a:pt x="30" y="260"/>
                    <a:pt x="34" y="261"/>
                  </a:cubicBezTo>
                  <a:cubicBezTo>
                    <a:pt x="34" y="255"/>
                    <a:pt x="34" y="255"/>
                    <a:pt x="34" y="255"/>
                  </a:cubicBezTo>
                  <a:cubicBezTo>
                    <a:pt x="35" y="255"/>
                    <a:pt x="36" y="254"/>
                    <a:pt x="38" y="254"/>
                  </a:cubicBezTo>
                  <a:cubicBezTo>
                    <a:pt x="39" y="252"/>
                    <a:pt x="41" y="251"/>
                    <a:pt x="42" y="248"/>
                  </a:cubicBezTo>
                  <a:cubicBezTo>
                    <a:pt x="43" y="248"/>
                    <a:pt x="43" y="248"/>
                    <a:pt x="43" y="247"/>
                  </a:cubicBezTo>
                  <a:cubicBezTo>
                    <a:pt x="43" y="246"/>
                    <a:pt x="46" y="246"/>
                    <a:pt x="45" y="244"/>
                  </a:cubicBezTo>
                  <a:cubicBezTo>
                    <a:pt x="50" y="245"/>
                    <a:pt x="50" y="242"/>
                    <a:pt x="54" y="243"/>
                  </a:cubicBezTo>
                  <a:cubicBezTo>
                    <a:pt x="52" y="246"/>
                    <a:pt x="58" y="243"/>
                    <a:pt x="57" y="246"/>
                  </a:cubicBezTo>
                  <a:cubicBezTo>
                    <a:pt x="58" y="244"/>
                    <a:pt x="66" y="248"/>
                    <a:pt x="66" y="243"/>
                  </a:cubicBezTo>
                  <a:cubicBezTo>
                    <a:pt x="71" y="243"/>
                    <a:pt x="75" y="242"/>
                    <a:pt x="77" y="239"/>
                  </a:cubicBezTo>
                  <a:cubicBezTo>
                    <a:pt x="78" y="239"/>
                    <a:pt x="79" y="239"/>
                    <a:pt x="80" y="238"/>
                  </a:cubicBezTo>
                  <a:cubicBezTo>
                    <a:pt x="81" y="238"/>
                    <a:pt x="82" y="239"/>
                    <a:pt x="83" y="239"/>
                  </a:cubicBezTo>
                  <a:cubicBezTo>
                    <a:pt x="86" y="239"/>
                    <a:pt x="87" y="238"/>
                    <a:pt x="89" y="238"/>
                  </a:cubicBezTo>
                  <a:cubicBezTo>
                    <a:pt x="89" y="238"/>
                    <a:pt x="89" y="239"/>
                    <a:pt x="90" y="239"/>
                  </a:cubicBezTo>
                  <a:cubicBezTo>
                    <a:pt x="92" y="239"/>
                    <a:pt x="96" y="240"/>
                    <a:pt x="101" y="240"/>
                  </a:cubicBezTo>
                  <a:cubicBezTo>
                    <a:pt x="102" y="239"/>
                    <a:pt x="105" y="237"/>
                    <a:pt x="107" y="239"/>
                  </a:cubicBezTo>
                  <a:cubicBezTo>
                    <a:pt x="109" y="240"/>
                    <a:pt x="108" y="239"/>
                    <a:pt x="111" y="239"/>
                  </a:cubicBezTo>
                  <a:cubicBezTo>
                    <a:pt x="111" y="239"/>
                    <a:pt x="112" y="240"/>
                    <a:pt x="112" y="241"/>
                  </a:cubicBezTo>
                  <a:cubicBezTo>
                    <a:pt x="112" y="241"/>
                    <a:pt x="110" y="241"/>
                    <a:pt x="110" y="242"/>
                  </a:cubicBezTo>
                  <a:cubicBezTo>
                    <a:pt x="110" y="243"/>
                    <a:pt x="111" y="242"/>
                    <a:pt x="111" y="243"/>
                  </a:cubicBezTo>
                  <a:cubicBezTo>
                    <a:pt x="111" y="243"/>
                    <a:pt x="110" y="244"/>
                    <a:pt x="110" y="243"/>
                  </a:cubicBezTo>
                  <a:cubicBezTo>
                    <a:pt x="110" y="244"/>
                    <a:pt x="111" y="244"/>
                    <a:pt x="111" y="245"/>
                  </a:cubicBezTo>
                  <a:cubicBezTo>
                    <a:pt x="111" y="248"/>
                    <a:pt x="110" y="249"/>
                    <a:pt x="112" y="253"/>
                  </a:cubicBezTo>
                  <a:cubicBezTo>
                    <a:pt x="113" y="255"/>
                    <a:pt x="113" y="252"/>
                    <a:pt x="115" y="254"/>
                  </a:cubicBezTo>
                  <a:cubicBezTo>
                    <a:pt x="115" y="255"/>
                    <a:pt x="116" y="254"/>
                    <a:pt x="117" y="255"/>
                  </a:cubicBezTo>
                  <a:cubicBezTo>
                    <a:pt x="117" y="255"/>
                    <a:pt x="116" y="257"/>
                    <a:pt x="117" y="257"/>
                  </a:cubicBezTo>
                  <a:cubicBezTo>
                    <a:pt x="118" y="257"/>
                    <a:pt x="120" y="256"/>
                    <a:pt x="120" y="258"/>
                  </a:cubicBezTo>
                  <a:cubicBezTo>
                    <a:pt x="123" y="257"/>
                    <a:pt x="125" y="261"/>
                    <a:pt x="126" y="258"/>
                  </a:cubicBezTo>
                  <a:cubicBezTo>
                    <a:pt x="127" y="258"/>
                    <a:pt x="127" y="259"/>
                    <a:pt x="127" y="260"/>
                  </a:cubicBezTo>
                  <a:cubicBezTo>
                    <a:pt x="129" y="261"/>
                    <a:pt x="130" y="260"/>
                    <a:pt x="132" y="261"/>
                  </a:cubicBezTo>
                  <a:cubicBezTo>
                    <a:pt x="133" y="261"/>
                    <a:pt x="133" y="262"/>
                    <a:pt x="133" y="263"/>
                  </a:cubicBezTo>
                  <a:cubicBezTo>
                    <a:pt x="133" y="263"/>
                    <a:pt x="135" y="262"/>
                    <a:pt x="135" y="263"/>
                  </a:cubicBezTo>
                  <a:cubicBezTo>
                    <a:pt x="136" y="264"/>
                    <a:pt x="136" y="263"/>
                    <a:pt x="138" y="264"/>
                  </a:cubicBezTo>
                  <a:cubicBezTo>
                    <a:pt x="138" y="264"/>
                    <a:pt x="138" y="265"/>
                    <a:pt x="139" y="265"/>
                  </a:cubicBezTo>
                  <a:cubicBezTo>
                    <a:pt x="139" y="266"/>
                    <a:pt x="140" y="264"/>
                    <a:pt x="142" y="264"/>
                  </a:cubicBezTo>
                  <a:cubicBezTo>
                    <a:pt x="141" y="264"/>
                    <a:pt x="142" y="265"/>
                    <a:pt x="143" y="265"/>
                  </a:cubicBezTo>
                  <a:cubicBezTo>
                    <a:pt x="143" y="266"/>
                    <a:pt x="144" y="265"/>
                    <a:pt x="144" y="265"/>
                  </a:cubicBezTo>
                  <a:cubicBezTo>
                    <a:pt x="145" y="265"/>
                    <a:pt x="146" y="264"/>
                    <a:pt x="146" y="264"/>
                  </a:cubicBezTo>
                  <a:cubicBezTo>
                    <a:pt x="146" y="264"/>
                    <a:pt x="148" y="263"/>
                    <a:pt x="147" y="263"/>
                  </a:cubicBezTo>
                  <a:cubicBezTo>
                    <a:pt x="145" y="261"/>
                    <a:pt x="150" y="261"/>
                    <a:pt x="150" y="258"/>
                  </a:cubicBezTo>
                  <a:cubicBezTo>
                    <a:pt x="153" y="259"/>
                    <a:pt x="153" y="256"/>
                    <a:pt x="156" y="257"/>
                  </a:cubicBezTo>
                  <a:cubicBezTo>
                    <a:pt x="157" y="257"/>
                    <a:pt x="157" y="258"/>
                    <a:pt x="157" y="258"/>
                  </a:cubicBezTo>
                  <a:cubicBezTo>
                    <a:pt x="158" y="258"/>
                    <a:pt x="160" y="257"/>
                    <a:pt x="161" y="258"/>
                  </a:cubicBezTo>
                  <a:cubicBezTo>
                    <a:pt x="161" y="258"/>
                    <a:pt x="162" y="260"/>
                    <a:pt x="163" y="260"/>
                  </a:cubicBezTo>
                  <a:cubicBezTo>
                    <a:pt x="163" y="260"/>
                    <a:pt x="164" y="258"/>
                    <a:pt x="165" y="259"/>
                  </a:cubicBezTo>
                  <a:cubicBezTo>
                    <a:pt x="166" y="259"/>
                    <a:pt x="165" y="261"/>
                    <a:pt x="165" y="261"/>
                  </a:cubicBezTo>
                  <a:cubicBezTo>
                    <a:pt x="166" y="261"/>
                    <a:pt x="168" y="259"/>
                    <a:pt x="169" y="260"/>
                  </a:cubicBezTo>
                  <a:cubicBezTo>
                    <a:pt x="170" y="260"/>
                    <a:pt x="167" y="261"/>
                    <a:pt x="167" y="261"/>
                  </a:cubicBezTo>
                  <a:cubicBezTo>
                    <a:pt x="168" y="262"/>
                    <a:pt x="174" y="263"/>
                    <a:pt x="177" y="263"/>
                  </a:cubicBezTo>
                  <a:cubicBezTo>
                    <a:pt x="177" y="266"/>
                    <a:pt x="185" y="265"/>
                    <a:pt x="186" y="263"/>
                  </a:cubicBezTo>
                  <a:cubicBezTo>
                    <a:pt x="187" y="263"/>
                    <a:pt x="191" y="261"/>
                    <a:pt x="192" y="263"/>
                  </a:cubicBezTo>
                  <a:cubicBezTo>
                    <a:pt x="193" y="264"/>
                    <a:pt x="193" y="262"/>
                    <a:pt x="194" y="263"/>
                  </a:cubicBezTo>
                  <a:cubicBezTo>
                    <a:pt x="196" y="263"/>
                    <a:pt x="197" y="264"/>
                    <a:pt x="199" y="264"/>
                  </a:cubicBezTo>
                  <a:cubicBezTo>
                    <a:pt x="201" y="263"/>
                    <a:pt x="201" y="262"/>
                    <a:pt x="204" y="262"/>
                  </a:cubicBezTo>
                  <a:cubicBezTo>
                    <a:pt x="204" y="259"/>
                    <a:pt x="204" y="256"/>
                    <a:pt x="206" y="256"/>
                  </a:cubicBezTo>
                  <a:cubicBezTo>
                    <a:pt x="207" y="254"/>
                    <a:pt x="205" y="254"/>
                    <a:pt x="206" y="252"/>
                  </a:cubicBezTo>
                  <a:cubicBezTo>
                    <a:pt x="209" y="252"/>
                    <a:pt x="208" y="246"/>
                    <a:pt x="211" y="249"/>
                  </a:cubicBezTo>
                  <a:cubicBezTo>
                    <a:pt x="212" y="246"/>
                    <a:pt x="210" y="245"/>
                    <a:pt x="207" y="244"/>
                  </a:cubicBezTo>
                  <a:cubicBezTo>
                    <a:pt x="208" y="244"/>
                    <a:pt x="208" y="242"/>
                    <a:pt x="208" y="241"/>
                  </a:cubicBezTo>
                  <a:cubicBezTo>
                    <a:pt x="207" y="238"/>
                    <a:pt x="202" y="240"/>
                    <a:pt x="201" y="237"/>
                  </a:cubicBezTo>
                  <a:cubicBezTo>
                    <a:pt x="199" y="238"/>
                    <a:pt x="196" y="238"/>
                    <a:pt x="195" y="240"/>
                  </a:cubicBezTo>
                  <a:cubicBezTo>
                    <a:pt x="194" y="240"/>
                    <a:pt x="195" y="238"/>
                    <a:pt x="194" y="238"/>
                  </a:cubicBezTo>
                  <a:cubicBezTo>
                    <a:pt x="193" y="237"/>
                    <a:pt x="189" y="238"/>
                    <a:pt x="187" y="238"/>
                  </a:cubicBezTo>
                  <a:cubicBezTo>
                    <a:pt x="186" y="238"/>
                    <a:pt x="186" y="240"/>
                    <a:pt x="184" y="240"/>
                  </a:cubicBezTo>
                  <a:cubicBezTo>
                    <a:pt x="182" y="240"/>
                    <a:pt x="182" y="236"/>
                    <a:pt x="178" y="237"/>
                  </a:cubicBezTo>
                  <a:cubicBezTo>
                    <a:pt x="178" y="235"/>
                    <a:pt x="177" y="235"/>
                    <a:pt x="177" y="233"/>
                  </a:cubicBezTo>
                  <a:cubicBezTo>
                    <a:pt x="176" y="233"/>
                    <a:pt x="175" y="233"/>
                    <a:pt x="175" y="232"/>
                  </a:cubicBezTo>
                  <a:cubicBezTo>
                    <a:pt x="174" y="231"/>
                    <a:pt x="173" y="230"/>
                    <a:pt x="171" y="230"/>
                  </a:cubicBezTo>
                  <a:cubicBezTo>
                    <a:pt x="173" y="228"/>
                    <a:pt x="172" y="222"/>
                    <a:pt x="171" y="220"/>
                  </a:cubicBezTo>
                  <a:cubicBezTo>
                    <a:pt x="169" y="221"/>
                    <a:pt x="166" y="218"/>
                    <a:pt x="165" y="222"/>
                  </a:cubicBezTo>
                  <a:cubicBezTo>
                    <a:pt x="163" y="221"/>
                    <a:pt x="162" y="223"/>
                    <a:pt x="160" y="222"/>
                  </a:cubicBezTo>
                  <a:cubicBezTo>
                    <a:pt x="160" y="223"/>
                    <a:pt x="159" y="223"/>
                    <a:pt x="159" y="223"/>
                  </a:cubicBezTo>
                  <a:cubicBezTo>
                    <a:pt x="159" y="224"/>
                    <a:pt x="160" y="225"/>
                    <a:pt x="161" y="225"/>
                  </a:cubicBezTo>
                  <a:cubicBezTo>
                    <a:pt x="161" y="226"/>
                    <a:pt x="161" y="228"/>
                    <a:pt x="163" y="227"/>
                  </a:cubicBezTo>
                  <a:cubicBezTo>
                    <a:pt x="162" y="230"/>
                    <a:pt x="162" y="229"/>
                    <a:pt x="164" y="231"/>
                  </a:cubicBezTo>
                  <a:cubicBezTo>
                    <a:pt x="164" y="233"/>
                    <a:pt x="162" y="232"/>
                    <a:pt x="162" y="233"/>
                  </a:cubicBezTo>
                  <a:cubicBezTo>
                    <a:pt x="161" y="233"/>
                    <a:pt x="160" y="236"/>
                    <a:pt x="160" y="236"/>
                  </a:cubicBezTo>
                  <a:cubicBezTo>
                    <a:pt x="158" y="234"/>
                    <a:pt x="160" y="238"/>
                    <a:pt x="156" y="238"/>
                  </a:cubicBezTo>
                  <a:cubicBezTo>
                    <a:pt x="155" y="237"/>
                    <a:pt x="155" y="236"/>
                    <a:pt x="154" y="236"/>
                  </a:cubicBezTo>
                  <a:cubicBezTo>
                    <a:pt x="154" y="234"/>
                    <a:pt x="155" y="234"/>
                    <a:pt x="156" y="234"/>
                  </a:cubicBezTo>
                  <a:cubicBezTo>
                    <a:pt x="155" y="233"/>
                    <a:pt x="152" y="232"/>
                    <a:pt x="154" y="229"/>
                  </a:cubicBezTo>
                  <a:cubicBezTo>
                    <a:pt x="153" y="229"/>
                    <a:pt x="151" y="230"/>
                    <a:pt x="150" y="229"/>
                  </a:cubicBezTo>
                  <a:cubicBezTo>
                    <a:pt x="149" y="229"/>
                    <a:pt x="152" y="228"/>
                    <a:pt x="152" y="228"/>
                  </a:cubicBezTo>
                  <a:cubicBezTo>
                    <a:pt x="152" y="228"/>
                    <a:pt x="150" y="226"/>
                    <a:pt x="147" y="224"/>
                  </a:cubicBezTo>
                  <a:cubicBezTo>
                    <a:pt x="148" y="220"/>
                    <a:pt x="145" y="219"/>
                    <a:pt x="145" y="215"/>
                  </a:cubicBezTo>
                  <a:cubicBezTo>
                    <a:pt x="146" y="213"/>
                    <a:pt x="143" y="215"/>
                    <a:pt x="143" y="214"/>
                  </a:cubicBezTo>
                  <a:cubicBezTo>
                    <a:pt x="142" y="214"/>
                    <a:pt x="144" y="212"/>
                    <a:pt x="143" y="212"/>
                  </a:cubicBezTo>
                  <a:cubicBezTo>
                    <a:pt x="141" y="210"/>
                    <a:pt x="141" y="212"/>
                    <a:pt x="140" y="211"/>
                  </a:cubicBezTo>
                  <a:cubicBezTo>
                    <a:pt x="139" y="211"/>
                    <a:pt x="141" y="210"/>
                    <a:pt x="141" y="209"/>
                  </a:cubicBezTo>
                  <a:cubicBezTo>
                    <a:pt x="140" y="208"/>
                    <a:pt x="139" y="210"/>
                    <a:pt x="140" y="210"/>
                  </a:cubicBezTo>
                  <a:cubicBezTo>
                    <a:pt x="139" y="210"/>
                    <a:pt x="139" y="209"/>
                    <a:pt x="139" y="208"/>
                  </a:cubicBezTo>
                  <a:cubicBezTo>
                    <a:pt x="135" y="209"/>
                    <a:pt x="135" y="206"/>
                    <a:pt x="131" y="206"/>
                  </a:cubicBezTo>
                  <a:cubicBezTo>
                    <a:pt x="131" y="205"/>
                    <a:pt x="130" y="205"/>
                    <a:pt x="129" y="204"/>
                  </a:cubicBezTo>
                  <a:cubicBezTo>
                    <a:pt x="129" y="204"/>
                    <a:pt x="129" y="203"/>
                    <a:pt x="129" y="202"/>
                  </a:cubicBezTo>
                  <a:cubicBezTo>
                    <a:pt x="129" y="202"/>
                    <a:pt x="127" y="203"/>
                    <a:pt x="127" y="202"/>
                  </a:cubicBezTo>
                  <a:cubicBezTo>
                    <a:pt x="127" y="202"/>
                    <a:pt x="127" y="198"/>
                    <a:pt x="126" y="200"/>
                  </a:cubicBezTo>
                  <a:cubicBezTo>
                    <a:pt x="126" y="200"/>
                    <a:pt x="125" y="200"/>
                    <a:pt x="124" y="199"/>
                  </a:cubicBezTo>
                  <a:cubicBezTo>
                    <a:pt x="124" y="198"/>
                    <a:pt x="123" y="198"/>
                    <a:pt x="123" y="197"/>
                  </a:cubicBezTo>
                  <a:cubicBezTo>
                    <a:pt x="120" y="197"/>
                    <a:pt x="121" y="198"/>
                    <a:pt x="118" y="197"/>
                  </a:cubicBezTo>
                  <a:cubicBezTo>
                    <a:pt x="117" y="197"/>
                    <a:pt x="117" y="199"/>
                    <a:pt x="116" y="199"/>
                  </a:cubicBezTo>
                  <a:cubicBezTo>
                    <a:pt x="115" y="201"/>
                    <a:pt x="118" y="200"/>
                    <a:pt x="118" y="202"/>
                  </a:cubicBezTo>
                  <a:cubicBezTo>
                    <a:pt x="118" y="203"/>
                    <a:pt x="119" y="205"/>
                    <a:pt x="120" y="205"/>
                  </a:cubicBezTo>
                  <a:cubicBezTo>
                    <a:pt x="120" y="206"/>
                    <a:pt x="120" y="206"/>
                    <a:pt x="122" y="206"/>
                  </a:cubicBezTo>
                  <a:cubicBezTo>
                    <a:pt x="120" y="209"/>
                    <a:pt x="123" y="209"/>
                    <a:pt x="124" y="210"/>
                  </a:cubicBezTo>
                  <a:cubicBezTo>
                    <a:pt x="125" y="210"/>
                    <a:pt x="125" y="214"/>
                    <a:pt x="126" y="213"/>
                  </a:cubicBezTo>
                  <a:cubicBezTo>
                    <a:pt x="128" y="211"/>
                    <a:pt x="126" y="213"/>
                    <a:pt x="127" y="214"/>
                  </a:cubicBezTo>
                  <a:cubicBezTo>
                    <a:pt x="128" y="215"/>
                    <a:pt x="131" y="214"/>
                    <a:pt x="131" y="217"/>
                  </a:cubicBezTo>
                  <a:cubicBezTo>
                    <a:pt x="132" y="216"/>
                    <a:pt x="133" y="218"/>
                    <a:pt x="133" y="218"/>
                  </a:cubicBezTo>
                  <a:cubicBezTo>
                    <a:pt x="133" y="218"/>
                    <a:pt x="134" y="217"/>
                    <a:pt x="134" y="217"/>
                  </a:cubicBezTo>
                  <a:cubicBezTo>
                    <a:pt x="135" y="217"/>
                    <a:pt x="135" y="220"/>
                    <a:pt x="136" y="218"/>
                  </a:cubicBezTo>
                  <a:cubicBezTo>
                    <a:pt x="138" y="217"/>
                    <a:pt x="135" y="222"/>
                    <a:pt x="139" y="221"/>
                  </a:cubicBezTo>
                  <a:cubicBezTo>
                    <a:pt x="139" y="223"/>
                    <a:pt x="135" y="221"/>
                    <a:pt x="133" y="222"/>
                  </a:cubicBezTo>
                  <a:cubicBezTo>
                    <a:pt x="134" y="222"/>
                    <a:pt x="134" y="222"/>
                    <a:pt x="135" y="223"/>
                  </a:cubicBezTo>
                  <a:cubicBezTo>
                    <a:pt x="136" y="225"/>
                    <a:pt x="133" y="228"/>
                    <a:pt x="135" y="228"/>
                  </a:cubicBezTo>
                  <a:cubicBezTo>
                    <a:pt x="134" y="230"/>
                    <a:pt x="132" y="230"/>
                    <a:pt x="130" y="230"/>
                  </a:cubicBezTo>
                  <a:cubicBezTo>
                    <a:pt x="131" y="230"/>
                    <a:pt x="130" y="226"/>
                    <a:pt x="132" y="226"/>
                  </a:cubicBezTo>
                  <a:cubicBezTo>
                    <a:pt x="131" y="226"/>
                    <a:pt x="131" y="223"/>
                    <a:pt x="130" y="223"/>
                  </a:cubicBezTo>
                  <a:cubicBezTo>
                    <a:pt x="129" y="223"/>
                    <a:pt x="131" y="222"/>
                    <a:pt x="128" y="221"/>
                  </a:cubicBezTo>
                  <a:cubicBezTo>
                    <a:pt x="127" y="220"/>
                    <a:pt x="125" y="220"/>
                    <a:pt x="125" y="218"/>
                  </a:cubicBezTo>
                  <a:cubicBezTo>
                    <a:pt x="121" y="219"/>
                    <a:pt x="121" y="216"/>
                    <a:pt x="118" y="216"/>
                  </a:cubicBezTo>
                  <a:cubicBezTo>
                    <a:pt x="117" y="213"/>
                    <a:pt x="115" y="212"/>
                    <a:pt x="114" y="210"/>
                  </a:cubicBezTo>
                  <a:cubicBezTo>
                    <a:pt x="114" y="210"/>
                    <a:pt x="113" y="210"/>
                    <a:pt x="113" y="209"/>
                  </a:cubicBezTo>
                  <a:cubicBezTo>
                    <a:pt x="113" y="208"/>
                    <a:pt x="112" y="209"/>
                    <a:pt x="111" y="208"/>
                  </a:cubicBezTo>
                  <a:cubicBezTo>
                    <a:pt x="111" y="208"/>
                    <a:pt x="111" y="206"/>
                    <a:pt x="111" y="206"/>
                  </a:cubicBezTo>
                  <a:cubicBezTo>
                    <a:pt x="110" y="206"/>
                    <a:pt x="108" y="207"/>
                    <a:pt x="107" y="206"/>
                  </a:cubicBezTo>
                  <a:cubicBezTo>
                    <a:pt x="107" y="206"/>
                    <a:pt x="109" y="205"/>
                    <a:pt x="109" y="205"/>
                  </a:cubicBezTo>
                  <a:cubicBezTo>
                    <a:pt x="108" y="203"/>
                    <a:pt x="102" y="203"/>
                    <a:pt x="100" y="204"/>
                  </a:cubicBezTo>
                  <a:cubicBezTo>
                    <a:pt x="99" y="205"/>
                    <a:pt x="101" y="205"/>
                    <a:pt x="101" y="205"/>
                  </a:cubicBezTo>
                  <a:cubicBezTo>
                    <a:pt x="101" y="207"/>
                    <a:pt x="100" y="206"/>
                    <a:pt x="99" y="206"/>
                  </a:cubicBezTo>
                  <a:cubicBezTo>
                    <a:pt x="97" y="207"/>
                    <a:pt x="97" y="210"/>
                    <a:pt x="95" y="210"/>
                  </a:cubicBezTo>
                  <a:cubicBezTo>
                    <a:pt x="91" y="210"/>
                    <a:pt x="90" y="207"/>
                    <a:pt x="85" y="207"/>
                  </a:cubicBezTo>
                  <a:cubicBezTo>
                    <a:pt x="84" y="208"/>
                    <a:pt x="84" y="210"/>
                    <a:pt x="81" y="209"/>
                  </a:cubicBezTo>
                  <a:cubicBezTo>
                    <a:pt x="81" y="216"/>
                    <a:pt x="81" y="216"/>
                    <a:pt x="81" y="216"/>
                  </a:cubicBezTo>
                  <a:cubicBezTo>
                    <a:pt x="78" y="217"/>
                    <a:pt x="72" y="216"/>
                    <a:pt x="74" y="222"/>
                  </a:cubicBezTo>
                  <a:cubicBezTo>
                    <a:pt x="68" y="220"/>
                    <a:pt x="73" y="225"/>
                    <a:pt x="67" y="225"/>
                  </a:cubicBezTo>
                  <a:cubicBezTo>
                    <a:pt x="67" y="227"/>
                    <a:pt x="70" y="229"/>
                    <a:pt x="68" y="229"/>
                  </a:cubicBezTo>
                  <a:cubicBezTo>
                    <a:pt x="68" y="233"/>
                    <a:pt x="66" y="229"/>
                    <a:pt x="64" y="232"/>
                  </a:cubicBezTo>
                  <a:cubicBezTo>
                    <a:pt x="64" y="233"/>
                    <a:pt x="64" y="234"/>
                    <a:pt x="65" y="234"/>
                  </a:cubicBezTo>
                  <a:cubicBezTo>
                    <a:pt x="65" y="236"/>
                    <a:pt x="62" y="234"/>
                    <a:pt x="60" y="235"/>
                  </a:cubicBezTo>
                  <a:cubicBezTo>
                    <a:pt x="59" y="235"/>
                    <a:pt x="59" y="237"/>
                    <a:pt x="59" y="238"/>
                  </a:cubicBezTo>
                  <a:cubicBezTo>
                    <a:pt x="56" y="239"/>
                    <a:pt x="51" y="237"/>
                    <a:pt x="48" y="241"/>
                  </a:cubicBezTo>
                  <a:cubicBezTo>
                    <a:pt x="47" y="240"/>
                    <a:pt x="46" y="238"/>
                    <a:pt x="45" y="237"/>
                  </a:cubicBezTo>
                  <a:cubicBezTo>
                    <a:pt x="41" y="236"/>
                    <a:pt x="36" y="238"/>
                    <a:pt x="35" y="237"/>
                  </a:cubicBezTo>
                  <a:cubicBezTo>
                    <a:pt x="35" y="233"/>
                    <a:pt x="37" y="229"/>
                    <a:pt x="34" y="227"/>
                  </a:cubicBezTo>
                  <a:cubicBezTo>
                    <a:pt x="33" y="226"/>
                    <a:pt x="35" y="225"/>
                    <a:pt x="36" y="223"/>
                  </a:cubicBezTo>
                  <a:cubicBezTo>
                    <a:pt x="36" y="221"/>
                    <a:pt x="35" y="218"/>
                    <a:pt x="37" y="216"/>
                  </a:cubicBezTo>
                  <a:cubicBezTo>
                    <a:pt x="36" y="214"/>
                    <a:pt x="36" y="211"/>
                    <a:pt x="34" y="210"/>
                  </a:cubicBezTo>
                  <a:cubicBezTo>
                    <a:pt x="34" y="209"/>
                    <a:pt x="36" y="209"/>
                    <a:pt x="36" y="207"/>
                  </a:cubicBezTo>
                  <a:cubicBezTo>
                    <a:pt x="38" y="208"/>
                    <a:pt x="44" y="205"/>
                    <a:pt x="43" y="209"/>
                  </a:cubicBezTo>
                  <a:cubicBezTo>
                    <a:pt x="46" y="207"/>
                    <a:pt x="55" y="211"/>
                    <a:pt x="57" y="209"/>
                  </a:cubicBezTo>
                  <a:cubicBezTo>
                    <a:pt x="57" y="208"/>
                    <a:pt x="57" y="209"/>
                    <a:pt x="59" y="209"/>
                  </a:cubicBezTo>
                  <a:cubicBezTo>
                    <a:pt x="58" y="209"/>
                    <a:pt x="59" y="208"/>
                    <a:pt x="59" y="208"/>
                  </a:cubicBezTo>
                  <a:cubicBezTo>
                    <a:pt x="60" y="208"/>
                    <a:pt x="59" y="209"/>
                    <a:pt x="59" y="209"/>
                  </a:cubicBezTo>
                  <a:cubicBezTo>
                    <a:pt x="62" y="208"/>
                    <a:pt x="64" y="207"/>
                    <a:pt x="64" y="204"/>
                  </a:cubicBezTo>
                  <a:cubicBezTo>
                    <a:pt x="64" y="203"/>
                    <a:pt x="67" y="198"/>
                    <a:pt x="64" y="196"/>
                  </a:cubicBezTo>
                  <a:cubicBezTo>
                    <a:pt x="63" y="195"/>
                    <a:pt x="65" y="194"/>
                    <a:pt x="63" y="192"/>
                  </a:cubicBezTo>
                  <a:cubicBezTo>
                    <a:pt x="63" y="191"/>
                    <a:pt x="62" y="191"/>
                    <a:pt x="60" y="191"/>
                  </a:cubicBezTo>
                  <a:cubicBezTo>
                    <a:pt x="61" y="190"/>
                    <a:pt x="61" y="189"/>
                    <a:pt x="61" y="188"/>
                  </a:cubicBezTo>
                  <a:cubicBezTo>
                    <a:pt x="60" y="187"/>
                    <a:pt x="59" y="189"/>
                    <a:pt x="59" y="189"/>
                  </a:cubicBezTo>
                  <a:cubicBezTo>
                    <a:pt x="58" y="189"/>
                    <a:pt x="59" y="188"/>
                    <a:pt x="59" y="187"/>
                  </a:cubicBezTo>
                  <a:cubicBezTo>
                    <a:pt x="58" y="187"/>
                    <a:pt x="55" y="187"/>
                    <a:pt x="54" y="186"/>
                  </a:cubicBezTo>
                  <a:cubicBezTo>
                    <a:pt x="53" y="186"/>
                    <a:pt x="54" y="185"/>
                    <a:pt x="53" y="185"/>
                  </a:cubicBezTo>
                  <a:cubicBezTo>
                    <a:pt x="52" y="185"/>
                    <a:pt x="51" y="185"/>
                    <a:pt x="51" y="184"/>
                  </a:cubicBezTo>
                  <a:cubicBezTo>
                    <a:pt x="50" y="181"/>
                    <a:pt x="53" y="183"/>
                    <a:pt x="53" y="183"/>
                  </a:cubicBezTo>
                  <a:cubicBezTo>
                    <a:pt x="56" y="182"/>
                    <a:pt x="57" y="181"/>
                    <a:pt x="63" y="181"/>
                  </a:cubicBezTo>
                  <a:cubicBezTo>
                    <a:pt x="64" y="180"/>
                    <a:pt x="63" y="180"/>
                    <a:pt x="61" y="180"/>
                  </a:cubicBezTo>
                  <a:cubicBezTo>
                    <a:pt x="62" y="177"/>
                    <a:pt x="66" y="179"/>
                    <a:pt x="67" y="180"/>
                  </a:cubicBezTo>
                  <a:cubicBezTo>
                    <a:pt x="68" y="180"/>
                    <a:pt x="70" y="178"/>
                    <a:pt x="70" y="180"/>
                  </a:cubicBezTo>
                  <a:cubicBezTo>
                    <a:pt x="72" y="178"/>
                    <a:pt x="72" y="175"/>
                    <a:pt x="76" y="175"/>
                  </a:cubicBezTo>
                  <a:cubicBezTo>
                    <a:pt x="74" y="171"/>
                    <a:pt x="78" y="173"/>
                    <a:pt x="78" y="170"/>
                  </a:cubicBezTo>
                  <a:cubicBezTo>
                    <a:pt x="83" y="170"/>
                    <a:pt x="83" y="170"/>
                    <a:pt x="83" y="170"/>
                  </a:cubicBezTo>
                  <a:cubicBezTo>
                    <a:pt x="83" y="169"/>
                    <a:pt x="82" y="169"/>
                    <a:pt x="81" y="169"/>
                  </a:cubicBezTo>
                  <a:cubicBezTo>
                    <a:pt x="82" y="168"/>
                    <a:pt x="84" y="168"/>
                    <a:pt x="83" y="165"/>
                  </a:cubicBezTo>
                  <a:cubicBezTo>
                    <a:pt x="86" y="165"/>
                    <a:pt x="85" y="167"/>
                    <a:pt x="87" y="165"/>
                  </a:cubicBezTo>
                  <a:cubicBezTo>
                    <a:pt x="85" y="160"/>
                    <a:pt x="89" y="162"/>
                    <a:pt x="89" y="158"/>
                  </a:cubicBezTo>
                  <a:cubicBezTo>
                    <a:pt x="90" y="157"/>
                    <a:pt x="92" y="158"/>
                    <a:pt x="93" y="158"/>
                  </a:cubicBezTo>
                  <a:cubicBezTo>
                    <a:pt x="94" y="157"/>
                    <a:pt x="94" y="156"/>
                    <a:pt x="95" y="156"/>
                  </a:cubicBezTo>
                  <a:cubicBezTo>
                    <a:pt x="96" y="155"/>
                    <a:pt x="95" y="157"/>
                    <a:pt x="96" y="157"/>
                  </a:cubicBezTo>
                  <a:cubicBezTo>
                    <a:pt x="97" y="157"/>
                    <a:pt x="96" y="156"/>
                    <a:pt x="97" y="156"/>
                  </a:cubicBezTo>
                  <a:cubicBezTo>
                    <a:pt x="98" y="156"/>
                    <a:pt x="99" y="156"/>
                    <a:pt x="101" y="156"/>
                  </a:cubicBezTo>
                  <a:cubicBezTo>
                    <a:pt x="102" y="155"/>
                    <a:pt x="102" y="153"/>
                    <a:pt x="104" y="154"/>
                  </a:cubicBezTo>
                  <a:cubicBezTo>
                    <a:pt x="104" y="152"/>
                    <a:pt x="101" y="152"/>
                    <a:pt x="101" y="149"/>
                  </a:cubicBezTo>
                  <a:cubicBezTo>
                    <a:pt x="104" y="148"/>
                    <a:pt x="103" y="148"/>
                    <a:pt x="102" y="144"/>
                  </a:cubicBezTo>
                  <a:cubicBezTo>
                    <a:pt x="102" y="142"/>
                    <a:pt x="104" y="140"/>
                    <a:pt x="103" y="138"/>
                  </a:cubicBezTo>
                  <a:cubicBezTo>
                    <a:pt x="107" y="138"/>
                    <a:pt x="107" y="138"/>
                    <a:pt x="107" y="138"/>
                  </a:cubicBezTo>
                  <a:cubicBezTo>
                    <a:pt x="110" y="138"/>
                    <a:pt x="105" y="135"/>
                    <a:pt x="109" y="136"/>
                  </a:cubicBezTo>
                  <a:cubicBezTo>
                    <a:pt x="109" y="137"/>
                    <a:pt x="110" y="136"/>
                    <a:pt x="111" y="137"/>
                  </a:cubicBezTo>
                  <a:cubicBezTo>
                    <a:pt x="110" y="139"/>
                    <a:pt x="110" y="137"/>
                    <a:pt x="110" y="139"/>
                  </a:cubicBezTo>
                  <a:cubicBezTo>
                    <a:pt x="110" y="141"/>
                    <a:pt x="110" y="143"/>
                    <a:pt x="112" y="142"/>
                  </a:cubicBezTo>
                  <a:cubicBezTo>
                    <a:pt x="112" y="144"/>
                    <a:pt x="112" y="145"/>
                    <a:pt x="111" y="145"/>
                  </a:cubicBezTo>
                  <a:cubicBezTo>
                    <a:pt x="111" y="147"/>
                    <a:pt x="115" y="144"/>
                    <a:pt x="117" y="146"/>
                  </a:cubicBezTo>
                  <a:cubicBezTo>
                    <a:pt x="116" y="149"/>
                    <a:pt x="110" y="147"/>
                    <a:pt x="110" y="150"/>
                  </a:cubicBezTo>
                  <a:cubicBezTo>
                    <a:pt x="109" y="152"/>
                    <a:pt x="112" y="152"/>
                    <a:pt x="113" y="153"/>
                  </a:cubicBezTo>
                  <a:cubicBezTo>
                    <a:pt x="114" y="153"/>
                    <a:pt x="114" y="155"/>
                    <a:pt x="116" y="155"/>
                  </a:cubicBezTo>
                  <a:cubicBezTo>
                    <a:pt x="115" y="153"/>
                    <a:pt x="112" y="153"/>
                    <a:pt x="117" y="153"/>
                  </a:cubicBezTo>
                  <a:cubicBezTo>
                    <a:pt x="118" y="153"/>
                    <a:pt x="119" y="153"/>
                    <a:pt x="121" y="153"/>
                  </a:cubicBezTo>
                  <a:cubicBezTo>
                    <a:pt x="122" y="153"/>
                    <a:pt x="123" y="154"/>
                    <a:pt x="124" y="154"/>
                  </a:cubicBezTo>
                  <a:cubicBezTo>
                    <a:pt x="127" y="154"/>
                    <a:pt x="127" y="152"/>
                    <a:pt x="130" y="153"/>
                  </a:cubicBezTo>
                  <a:cubicBezTo>
                    <a:pt x="130" y="153"/>
                    <a:pt x="134" y="154"/>
                    <a:pt x="135" y="153"/>
                  </a:cubicBezTo>
                  <a:cubicBezTo>
                    <a:pt x="135" y="153"/>
                    <a:pt x="135" y="152"/>
                    <a:pt x="135" y="152"/>
                  </a:cubicBezTo>
                  <a:cubicBezTo>
                    <a:pt x="137" y="151"/>
                    <a:pt x="141" y="152"/>
                    <a:pt x="142" y="150"/>
                  </a:cubicBezTo>
                  <a:cubicBezTo>
                    <a:pt x="145" y="154"/>
                    <a:pt x="148" y="147"/>
                    <a:pt x="150" y="149"/>
                  </a:cubicBezTo>
                  <a:cubicBezTo>
                    <a:pt x="150" y="145"/>
                    <a:pt x="150" y="145"/>
                    <a:pt x="150" y="145"/>
                  </a:cubicBezTo>
                  <a:cubicBezTo>
                    <a:pt x="152" y="146"/>
                    <a:pt x="152" y="144"/>
                    <a:pt x="152" y="143"/>
                  </a:cubicBezTo>
                  <a:cubicBezTo>
                    <a:pt x="152" y="143"/>
                    <a:pt x="153" y="140"/>
                    <a:pt x="153" y="140"/>
                  </a:cubicBezTo>
                  <a:cubicBezTo>
                    <a:pt x="154" y="140"/>
                    <a:pt x="153" y="140"/>
                    <a:pt x="153" y="138"/>
                  </a:cubicBezTo>
                  <a:cubicBezTo>
                    <a:pt x="155" y="138"/>
                    <a:pt x="157" y="137"/>
                    <a:pt x="157" y="136"/>
                  </a:cubicBezTo>
                  <a:cubicBezTo>
                    <a:pt x="158" y="136"/>
                    <a:pt x="158" y="137"/>
                    <a:pt x="158" y="138"/>
                  </a:cubicBezTo>
                  <a:cubicBezTo>
                    <a:pt x="159" y="137"/>
                    <a:pt x="160" y="137"/>
                    <a:pt x="162" y="137"/>
                  </a:cubicBezTo>
                  <a:cubicBezTo>
                    <a:pt x="163" y="136"/>
                    <a:pt x="162" y="135"/>
                    <a:pt x="164" y="135"/>
                  </a:cubicBezTo>
                  <a:cubicBezTo>
                    <a:pt x="164" y="132"/>
                    <a:pt x="163" y="131"/>
                    <a:pt x="162" y="131"/>
                  </a:cubicBezTo>
                  <a:cubicBezTo>
                    <a:pt x="162" y="130"/>
                    <a:pt x="163" y="129"/>
                    <a:pt x="163" y="127"/>
                  </a:cubicBezTo>
                  <a:cubicBezTo>
                    <a:pt x="164" y="127"/>
                    <a:pt x="166" y="127"/>
                    <a:pt x="165" y="125"/>
                  </a:cubicBezTo>
                  <a:cubicBezTo>
                    <a:pt x="168" y="128"/>
                    <a:pt x="168" y="124"/>
                    <a:pt x="172" y="125"/>
                  </a:cubicBezTo>
                  <a:cubicBezTo>
                    <a:pt x="172" y="125"/>
                    <a:pt x="173" y="126"/>
                    <a:pt x="173" y="126"/>
                  </a:cubicBezTo>
                  <a:cubicBezTo>
                    <a:pt x="174" y="126"/>
                    <a:pt x="174" y="125"/>
                    <a:pt x="175" y="125"/>
                  </a:cubicBezTo>
                  <a:cubicBezTo>
                    <a:pt x="176" y="125"/>
                    <a:pt x="177" y="126"/>
                    <a:pt x="177" y="126"/>
                  </a:cubicBezTo>
                  <a:cubicBezTo>
                    <a:pt x="178" y="126"/>
                    <a:pt x="177" y="125"/>
                    <a:pt x="178" y="124"/>
                  </a:cubicBezTo>
                  <a:cubicBezTo>
                    <a:pt x="178" y="124"/>
                    <a:pt x="179" y="124"/>
                    <a:pt x="180" y="124"/>
                  </a:cubicBezTo>
                  <a:cubicBezTo>
                    <a:pt x="181" y="123"/>
                    <a:pt x="181" y="121"/>
                    <a:pt x="184" y="122"/>
                  </a:cubicBezTo>
                  <a:cubicBezTo>
                    <a:pt x="182" y="121"/>
                    <a:pt x="183" y="118"/>
                    <a:pt x="181" y="117"/>
                  </a:cubicBezTo>
                  <a:cubicBezTo>
                    <a:pt x="179" y="116"/>
                    <a:pt x="179" y="119"/>
                    <a:pt x="179" y="119"/>
                  </a:cubicBezTo>
                  <a:cubicBezTo>
                    <a:pt x="178" y="120"/>
                    <a:pt x="178" y="118"/>
                    <a:pt x="177" y="118"/>
                  </a:cubicBezTo>
                  <a:cubicBezTo>
                    <a:pt x="176" y="119"/>
                    <a:pt x="176" y="119"/>
                    <a:pt x="176" y="119"/>
                  </a:cubicBezTo>
                  <a:cubicBezTo>
                    <a:pt x="175" y="119"/>
                    <a:pt x="175" y="118"/>
                    <a:pt x="174" y="118"/>
                  </a:cubicBezTo>
                  <a:cubicBezTo>
                    <a:pt x="172" y="119"/>
                    <a:pt x="171" y="120"/>
                    <a:pt x="169" y="119"/>
                  </a:cubicBezTo>
                  <a:cubicBezTo>
                    <a:pt x="168" y="119"/>
                    <a:pt x="168" y="121"/>
                    <a:pt x="168" y="121"/>
                  </a:cubicBezTo>
                  <a:cubicBezTo>
                    <a:pt x="164" y="120"/>
                    <a:pt x="160" y="122"/>
                    <a:pt x="157" y="120"/>
                  </a:cubicBezTo>
                  <a:cubicBezTo>
                    <a:pt x="157" y="120"/>
                    <a:pt x="157" y="119"/>
                    <a:pt x="157" y="118"/>
                  </a:cubicBezTo>
                  <a:cubicBezTo>
                    <a:pt x="156" y="118"/>
                    <a:pt x="153" y="119"/>
                    <a:pt x="153" y="117"/>
                  </a:cubicBezTo>
                  <a:cubicBezTo>
                    <a:pt x="155" y="112"/>
                    <a:pt x="154" y="109"/>
                    <a:pt x="153" y="103"/>
                  </a:cubicBezTo>
                  <a:cubicBezTo>
                    <a:pt x="155" y="103"/>
                    <a:pt x="159" y="99"/>
                    <a:pt x="161" y="101"/>
                  </a:cubicBezTo>
                  <a:cubicBezTo>
                    <a:pt x="162" y="100"/>
                    <a:pt x="160" y="100"/>
                    <a:pt x="162" y="97"/>
                  </a:cubicBezTo>
                  <a:cubicBezTo>
                    <a:pt x="165" y="98"/>
                    <a:pt x="165" y="92"/>
                    <a:pt x="165" y="91"/>
                  </a:cubicBezTo>
                  <a:cubicBezTo>
                    <a:pt x="165" y="91"/>
                    <a:pt x="167" y="91"/>
                    <a:pt x="167" y="91"/>
                  </a:cubicBezTo>
                  <a:cubicBezTo>
                    <a:pt x="167" y="89"/>
                    <a:pt x="164" y="88"/>
                    <a:pt x="165" y="86"/>
                  </a:cubicBezTo>
                  <a:cubicBezTo>
                    <a:pt x="164" y="87"/>
                    <a:pt x="162" y="86"/>
                    <a:pt x="160" y="86"/>
                  </a:cubicBezTo>
                  <a:cubicBezTo>
                    <a:pt x="157" y="86"/>
                    <a:pt x="155" y="88"/>
                    <a:pt x="153" y="88"/>
                  </a:cubicBezTo>
                  <a:cubicBezTo>
                    <a:pt x="152" y="87"/>
                    <a:pt x="151" y="94"/>
                    <a:pt x="152" y="92"/>
                  </a:cubicBezTo>
                  <a:cubicBezTo>
                    <a:pt x="151" y="93"/>
                    <a:pt x="151" y="91"/>
                    <a:pt x="150" y="92"/>
                  </a:cubicBezTo>
                  <a:cubicBezTo>
                    <a:pt x="150" y="93"/>
                    <a:pt x="151" y="95"/>
                    <a:pt x="150" y="96"/>
                  </a:cubicBezTo>
                  <a:cubicBezTo>
                    <a:pt x="150" y="96"/>
                    <a:pt x="148" y="98"/>
                    <a:pt x="146" y="99"/>
                  </a:cubicBezTo>
                  <a:cubicBezTo>
                    <a:pt x="144" y="102"/>
                    <a:pt x="144" y="104"/>
                    <a:pt x="140" y="104"/>
                  </a:cubicBezTo>
                  <a:cubicBezTo>
                    <a:pt x="139" y="106"/>
                    <a:pt x="141" y="107"/>
                    <a:pt x="140" y="107"/>
                  </a:cubicBezTo>
                  <a:cubicBezTo>
                    <a:pt x="138" y="107"/>
                    <a:pt x="139" y="108"/>
                    <a:pt x="139" y="109"/>
                  </a:cubicBezTo>
                  <a:cubicBezTo>
                    <a:pt x="138" y="109"/>
                    <a:pt x="137" y="109"/>
                    <a:pt x="137" y="109"/>
                  </a:cubicBezTo>
                  <a:cubicBezTo>
                    <a:pt x="137" y="109"/>
                    <a:pt x="137" y="111"/>
                    <a:pt x="137" y="111"/>
                  </a:cubicBezTo>
                  <a:cubicBezTo>
                    <a:pt x="137" y="111"/>
                    <a:pt x="136" y="111"/>
                    <a:pt x="136" y="111"/>
                  </a:cubicBezTo>
                  <a:cubicBezTo>
                    <a:pt x="135" y="112"/>
                    <a:pt x="137" y="115"/>
                    <a:pt x="135" y="115"/>
                  </a:cubicBezTo>
                  <a:cubicBezTo>
                    <a:pt x="135" y="116"/>
                    <a:pt x="138" y="116"/>
                    <a:pt x="136" y="117"/>
                  </a:cubicBezTo>
                  <a:cubicBezTo>
                    <a:pt x="137" y="118"/>
                    <a:pt x="138" y="119"/>
                    <a:pt x="141" y="119"/>
                  </a:cubicBezTo>
                  <a:cubicBezTo>
                    <a:pt x="141" y="121"/>
                    <a:pt x="141" y="122"/>
                    <a:pt x="143" y="122"/>
                  </a:cubicBezTo>
                  <a:cubicBezTo>
                    <a:pt x="142" y="123"/>
                    <a:pt x="141" y="123"/>
                    <a:pt x="141" y="124"/>
                  </a:cubicBezTo>
                  <a:cubicBezTo>
                    <a:pt x="140" y="125"/>
                    <a:pt x="140" y="126"/>
                    <a:pt x="140" y="127"/>
                  </a:cubicBezTo>
                  <a:cubicBezTo>
                    <a:pt x="139" y="128"/>
                    <a:pt x="137" y="128"/>
                    <a:pt x="136" y="128"/>
                  </a:cubicBezTo>
                  <a:cubicBezTo>
                    <a:pt x="135" y="132"/>
                    <a:pt x="132" y="133"/>
                    <a:pt x="133" y="138"/>
                  </a:cubicBezTo>
                  <a:cubicBezTo>
                    <a:pt x="129" y="137"/>
                    <a:pt x="130" y="143"/>
                    <a:pt x="127" y="143"/>
                  </a:cubicBezTo>
                  <a:cubicBezTo>
                    <a:pt x="127" y="143"/>
                    <a:pt x="127" y="143"/>
                    <a:pt x="126" y="143"/>
                  </a:cubicBezTo>
                  <a:cubicBezTo>
                    <a:pt x="125" y="144"/>
                    <a:pt x="126" y="145"/>
                    <a:pt x="125" y="145"/>
                  </a:cubicBezTo>
                  <a:cubicBezTo>
                    <a:pt x="124" y="146"/>
                    <a:pt x="122" y="144"/>
                    <a:pt x="121" y="146"/>
                  </a:cubicBezTo>
                  <a:cubicBezTo>
                    <a:pt x="118" y="146"/>
                    <a:pt x="120" y="142"/>
                    <a:pt x="120" y="140"/>
                  </a:cubicBezTo>
                  <a:cubicBezTo>
                    <a:pt x="119" y="140"/>
                    <a:pt x="119" y="138"/>
                    <a:pt x="118" y="138"/>
                  </a:cubicBezTo>
                  <a:cubicBezTo>
                    <a:pt x="115" y="137"/>
                    <a:pt x="119" y="135"/>
                    <a:pt x="115" y="135"/>
                  </a:cubicBezTo>
                  <a:cubicBezTo>
                    <a:pt x="116" y="133"/>
                    <a:pt x="113" y="132"/>
                    <a:pt x="113" y="131"/>
                  </a:cubicBezTo>
                  <a:cubicBezTo>
                    <a:pt x="113" y="130"/>
                    <a:pt x="114" y="130"/>
                    <a:pt x="114" y="129"/>
                  </a:cubicBezTo>
                  <a:cubicBezTo>
                    <a:pt x="114" y="126"/>
                    <a:pt x="111" y="125"/>
                    <a:pt x="109" y="123"/>
                  </a:cubicBezTo>
                  <a:cubicBezTo>
                    <a:pt x="106" y="124"/>
                    <a:pt x="107" y="129"/>
                    <a:pt x="102" y="128"/>
                  </a:cubicBezTo>
                  <a:cubicBezTo>
                    <a:pt x="102" y="129"/>
                    <a:pt x="104" y="129"/>
                    <a:pt x="104" y="129"/>
                  </a:cubicBezTo>
                  <a:cubicBezTo>
                    <a:pt x="104" y="130"/>
                    <a:pt x="103" y="130"/>
                    <a:pt x="102" y="130"/>
                  </a:cubicBezTo>
                  <a:cubicBezTo>
                    <a:pt x="101" y="130"/>
                    <a:pt x="102" y="133"/>
                    <a:pt x="100" y="133"/>
                  </a:cubicBezTo>
                  <a:cubicBezTo>
                    <a:pt x="95" y="134"/>
                    <a:pt x="96" y="129"/>
                    <a:pt x="92" y="130"/>
                  </a:cubicBezTo>
                  <a:cubicBezTo>
                    <a:pt x="92" y="129"/>
                    <a:pt x="93" y="129"/>
                    <a:pt x="94" y="129"/>
                  </a:cubicBezTo>
                  <a:cubicBezTo>
                    <a:pt x="95" y="126"/>
                    <a:pt x="91" y="124"/>
                    <a:pt x="94" y="123"/>
                  </a:cubicBezTo>
                  <a:cubicBezTo>
                    <a:pt x="93" y="122"/>
                    <a:pt x="92" y="122"/>
                    <a:pt x="91" y="121"/>
                  </a:cubicBezTo>
                  <a:cubicBezTo>
                    <a:pt x="90" y="120"/>
                    <a:pt x="92" y="120"/>
                    <a:pt x="92" y="119"/>
                  </a:cubicBezTo>
                  <a:cubicBezTo>
                    <a:pt x="92" y="118"/>
                    <a:pt x="90" y="118"/>
                    <a:pt x="90" y="117"/>
                  </a:cubicBezTo>
                  <a:cubicBezTo>
                    <a:pt x="90" y="116"/>
                    <a:pt x="91" y="111"/>
                    <a:pt x="90" y="115"/>
                  </a:cubicBezTo>
                  <a:cubicBezTo>
                    <a:pt x="88" y="114"/>
                    <a:pt x="89" y="112"/>
                    <a:pt x="91" y="113"/>
                  </a:cubicBezTo>
                  <a:cubicBezTo>
                    <a:pt x="89" y="109"/>
                    <a:pt x="94" y="109"/>
                    <a:pt x="92" y="108"/>
                  </a:cubicBezTo>
                  <a:cubicBezTo>
                    <a:pt x="92" y="107"/>
                    <a:pt x="95" y="108"/>
                    <a:pt x="95" y="106"/>
                  </a:cubicBezTo>
                  <a:cubicBezTo>
                    <a:pt x="95" y="105"/>
                    <a:pt x="96" y="106"/>
                    <a:pt x="96" y="106"/>
                  </a:cubicBezTo>
                  <a:cubicBezTo>
                    <a:pt x="97" y="105"/>
                    <a:pt x="97" y="104"/>
                    <a:pt x="98" y="104"/>
                  </a:cubicBezTo>
                  <a:cubicBezTo>
                    <a:pt x="99" y="104"/>
                    <a:pt x="98" y="102"/>
                    <a:pt x="99" y="101"/>
                  </a:cubicBezTo>
                  <a:cubicBezTo>
                    <a:pt x="101" y="102"/>
                    <a:pt x="102" y="101"/>
                    <a:pt x="101" y="99"/>
                  </a:cubicBezTo>
                  <a:cubicBezTo>
                    <a:pt x="104" y="99"/>
                    <a:pt x="103" y="103"/>
                    <a:pt x="106" y="101"/>
                  </a:cubicBezTo>
                  <a:cubicBezTo>
                    <a:pt x="106" y="100"/>
                    <a:pt x="105" y="101"/>
                    <a:pt x="104" y="100"/>
                  </a:cubicBezTo>
                  <a:cubicBezTo>
                    <a:pt x="107" y="98"/>
                    <a:pt x="110" y="99"/>
                    <a:pt x="112" y="96"/>
                  </a:cubicBezTo>
                  <a:cubicBezTo>
                    <a:pt x="112" y="96"/>
                    <a:pt x="112" y="95"/>
                    <a:pt x="112" y="95"/>
                  </a:cubicBezTo>
                  <a:cubicBezTo>
                    <a:pt x="112" y="94"/>
                    <a:pt x="114" y="95"/>
                    <a:pt x="114" y="95"/>
                  </a:cubicBezTo>
                  <a:cubicBezTo>
                    <a:pt x="114" y="94"/>
                    <a:pt x="114" y="92"/>
                    <a:pt x="114" y="92"/>
                  </a:cubicBezTo>
                  <a:cubicBezTo>
                    <a:pt x="114" y="91"/>
                    <a:pt x="116" y="90"/>
                    <a:pt x="117" y="90"/>
                  </a:cubicBezTo>
                  <a:cubicBezTo>
                    <a:pt x="117" y="89"/>
                    <a:pt x="116" y="87"/>
                    <a:pt x="117" y="86"/>
                  </a:cubicBezTo>
                  <a:cubicBezTo>
                    <a:pt x="117" y="86"/>
                    <a:pt x="118" y="87"/>
                    <a:pt x="119" y="87"/>
                  </a:cubicBezTo>
                  <a:cubicBezTo>
                    <a:pt x="118" y="88"/>
                    <a:pt x="120" y="82"/>
                    <a:pt x="120" y="82"/>
                  </a:cubicBezTo>
                  <a:cubicBezTo>
                    <a:pt x="122" y="84"/>
                    <a:pt x="122" y="81"/>
                    <a:pt x="124" y="80"/>
                  </a:cubicBezTo>
                  <a:cubicBezTo>
                    <a:pt x="124" y="79"/>
                    <a:pt x="126" y="78"/>
                    <a:pt x="124" y="77"/>
                  </a:cubicBezTo>
                  <a:cubicBezTo>
                    <a:pt x="125" y="76"/>
                    <a:pt x="127" y="77"/>
                    <a:pt x="127" y="75"/>
                  </a:cubicBezTo>
                  <a:cubicBezTo>
                    <a:pt x="127" y="73"/>
                    <a:pt x="129" y="74"/>
                    <a:pt x="130" y="74"/>
                  </a:cubicBezTo>
                  <a:cubicBezTo>
                    <a:pt x="130" y="72"/>
                    <a:pt x="130" y="72"/>
                    <a:pt x="129" y="72"/>
                  </a:cubicBezTo>
                  <a:cubicBezTo>
                    <a:pt x="132" y="70"/>
                    <a:pt x="134" y="69"/>
                    <a:pt x="136" y="69"/>
                  </a:cubicBezTo>
                  <a:cubicBezTo>
                    <a:pt x="137" y="68"/>
                    <a:pt x="136" y="67"/>
                    <a:pt x="137" y="65"/>
                  </a:cubicBezTo>
                  <a:cubicBezTo>
                    <a:pt x="138" y="64"/>
                    <a:pt x="140" y="64"/>
                    <a:pt x="140" y="62"/>
                  </a:cubicBezTo>
                  <a:cubicBezTo>
                    <a:pt x="140" y="60"/>
                    <a:pt x="142" y="63"/>
                    <a:pt x="143" y="59"/>
                  </a:cubicBezTo>
                  <a:cubicBezTo>
                    <a:pt x="146" y="58"/>
                    <a:pt x="150" y="61"/>
                    <a:pt x="150" y="55"/>
                  </a:cubicBezTo>
                  <a:cubicBezTo>
                    <a:pt x="152" y="57"/>
                    <a:pt x="156" y="54"/>
                    <a:pt x="159" y="56"/>
                  </a:cubicBezTo>
                  <a:cubicBezTo>
                    <a:pt x="160" y="56"/>
                    <a:pt x="160" y="55"/>
                    <a:pt x="161" y="54"/>
                  </a:cubicBezTo>
                  <a:cubicBezTo>
                    <a:pt x="163" y="52"/>
                    <a:pt x="166" y="57"/>
                    <a:pt x="165" y="53"/>
                  </a:cubicBezTo>
                  <a:cubicBezTo>
                    <a:pt x="167" y="53"/>
                    <a:pt x="167" y="55"/>
                    <a:pt x="169" y="55"/>
                  </a:cubicBezTo>
                  <a:cubicBezTo>
                    <a:pt x="171" y="55"/>
                    <a:pt x="170" y="52"/>
                    <a:pt x="173" y="54"/>
                  </a:cubicBezTo>
                  <a:cubicBezTo>
                    <a:pt x="173" y="55"/>
                    <a:pt x="172" y="55"/>
                    <a:pt x="172" y="56"/>
                  </a:cubicBezTo>
                  <a:cubicBezTo>
                    <a:pt x="173" y="57"/>
                    <a:pt x="177" y="52"/>
                    <a:pt x="180" y="54"/>
                  </a:cubicBezTo>
                  <a:cubicBezTo>
                    <a:pt x="181" y="56"/>
                    <a:pt x="180" y="54"/>
                    <a:pt x="182" y="54"/>
                  </a:cubicBezTo>
                  <a:cubicBezTo>
                    <a:pt x="184" y="55"/>
                    <a:pt x="186" y="56"/>
                    <a:pt x="188" y="55"/>
                  </a:cubicBezTo>
                  <a:cubicBezTo>
                    <a:pt x="188" y="56"/>
                    <a:pt x="189" y="58"/>
                    <a:pt x="188" y="58"/>
                  </a:cubicBezTo>
                  <a:cubicBezTo>
                    <a:pt x="188" y="59"/>
                    <a:pt x="187" y="58"/>
                    <a:pt x="186" y="58"/>
                  </a:cubicBezTo>
                  <a:cubicBezTo>
                    <a:pt x="186" y="59"/>
                    <a:pt x="186" y="61"/>
                    <a:pt x="184" y="60"/>
                  </a:cubicBezTo>
                  <a:cubicBezTo>
                    <a:pt x="186" y="62"/>
                    <a:pt x="192" y="61"/>
                    <a:pt x="194" y="60"/>
                  </a:cubicBezTo>
                  <a:cubicBezTo>
                    <a:pt x="196" y="59"/>
                    <a:pt x="195" y="62"/>
                    <a:pt x="196" y="62"/>
                  </a:cubicBezTo>
                  <a:cubicBezTo>
                    <a:pt x="197" y="63"/>
                    <a:pt x="199" y="61"/>
                    <a:pt x="199" y="63"/>
                  </a:cubicBezTo>
                  <a:cubicBezTo>
                    <a:pt x="206" y="61"/>
                    <a:pt x="207" y="67"/>
                    <a:pt x="211" y="65"/>
                  </a:cubicBezTo>
                  <a:cubicBezTo>
                    <a:pt x="210" y="68"/>
                    <a:pt x="214" y="66"/>
                    <a:pt x="214" y="69"/>
                  </a:cubicBezTo>
                  <a:cubicBezTo>
                    <a:pt x="217" y="69"/>
                    <a:pt x="220" y="68"/>
                    <a:pt x="218" y="71"/>
                  </a:cubicBezTo>
                  <a:cubicBezTo>
                    <a:pt x="220" y="71"/>
                    <a:pt x="222" y="71"/>
                    <a:pt x="224" y="72"/>
                  </a:cubicBezTo>
                  <a:cubicBezTo>
                    <a:pt x="224" y="72"/>
                    <a:pt x="223" y="73"/>
                    <a:pt x="224" y="74"/>
                  </a:cubicBezTo>
                  <a:cubicBezTo>
                    <a:pt x="224" y="74"/>
                    <a:pt x="226" y="73"/>
                    <a:pt x="227" y="74"/>
                  </a:cubicBezTo>
                  <a:cubicBezTo>
                    <a:pt x="227" y="77"/>
                    <a:pt x="227" y="78"/>
                    <a:pt x="227" y="82"/>
                  </a:cubicBezTo>
                  <a:cubicBezTo>
                    <a:pt x="225" y="80"/>
                    <a:pt x="223" y="83"/>
                    <a:pt x="221" y="83"/>
                  </a:cubicBezTo>
                  <a:cubicBezTo>
                    <a:pt x="218" y="83"/>
                    <a:pt x="215" y="80"/>
                    <a:pt x="212" y="83"/>
                  </a:cubicBezTo>
                  <a:cubicBezTo>
                    <a:pt x="211" y="84"/>
                    <a:pt x="212" y="81"/>
                    <a:pt x="211" y="81"/>
                  </a:cubicBezTo>
                  <a:cubicBezTo>
                    <a:pt x="210" y="81"/>
                    <a:pt x="210" y="82"/>
                    <a:pt x="209" y="82"/>
                  </a:cubicBezTo>
                  <a:cubicBezTo>
                    <a:pt x="208" y="82"/>
                    <a:pt x="208" y="80"/>
                    <a:pt x="207" y="80"/>
                  </a:cubicBezTo>
                  <a:cubicBezTo>
                    <a:pt x="206" y="80"/>
                    <a:pt x="203" y="83"/>
                    <a:pt x="204" y="79"/>
                  </a:cubicBezTo>
                  <a:cubicBezTo>
                    <a:pt x="201" y="80"/>
                    <a:pt x="201" y="79"/>
                    <a:pt x="198" y="79"/>
                  </a:cubicBezTo>
                  <a:cubicBezTo>
                    <a:pt x="198" y="81"/>
                    <a:pt x="199" y="81"/>
                    <a:pt x="200" y="81"/>
                  </a:cubicBezTo>
                  <a:cubicBezTo>
                    <a:pt x="201" y="81"/>
                    <a:pt x="201" y="82"/>
                    <a:pt x="203" y="82"/>
                  </a:cubicBezTo>
                  <a:cubicBezTo>
                    <a:pt x="201" y="84"/>
                    <a:pt x="203" y="83"/>
                    <a:pt x="204" y="84"/>
                  </a:cubicBezTo>
                  <a:cubicBezTo>
                    <a:pt x="204" y="84"/>
                    <a:pt x="203" y="86"/>
                    <a:pt x="204" y="86"/>
                  </a:cubicBezTo>
                  <a:cubicBezTo>
                    <a:pt x="204" y="87"/>
                    <a:pt x="205" y="87"/>
                    <a:pt x="206" y="88"/>
                  </a:cubicBezTo>
                  <a:cubicBezTo>
                    <a:pt x="206" y="89"/>
                    <a:pt x="208" y="92"/>
                    <a:pt x="207" y="95"/>
                  </a:cubicBezTo>
                  <a:cubicBezTo>
                    <a:pt x="208" y="98"/>
                    <a:pt x="213" y="96"/>
                    <a:pt x="214" y="98"/>
                  </a:cubicBezTo>
                  <a:cubicBezTo>
                    <a:pt x="215" y="98"/>
                    <a:pt x="215" y="96"/>
                    <a:pt x="217" y="96"/>
                  </a:cubicBezTo>
                  <a:cubicBezTo>
                    <a:pt x="217" y="94"/>
                    <a:pt x="212" y="95"/>
                    <a:pt x="211" y="93"/>
                  </a:cubicBezTo>
                  <a:cubicBezTo>
                    <a:pt x="211" y="89"/>
                    <a:pt x="216" y="92"/>
                    <a:pt x="219" y="91"/>
                  </a:cubicBezTo>
                  <a:cubicBezTo>
                    <a:pt x="218" y="93"/>
                    <a:pt x="223" y="90"/>
                    <a:pt x="222" y="94"/>
                  </a:cubicBezTo>
                  <a:cubicBezTo>
                    <a:pt x="224" y="95"/>
                    <a:pt x="226" y="91"/>
                    <a:pt x="226" y="95"/>
                  </a:cubicBezTo>
                  <a:cubicBezTo>
                    <a:pt x="228" y="93"/>
                    <a:pt x="226" y="90"/>
                    <a:pt x="224" y="90"/>
                  </a:cubicBezTo>
                  <a:cubicBezTo>
                    <a:pt x="224" y="88"/>
                    <a:pt x="226" y="87"/>
                    <a:pt x="228" y="87"/>
                  </a:cubicBezTo>
                  <a:cubicBezTo>
                    <a:pt x="230" y="86"/>
                    <a:pt x="230" y="83"/>
                    <a:pt x="231" y="82"/>
                  </a:cubicBezTo>
                  <a:cubicBezTo>
                    <a:pt x="235" y="82"/>
                    <a:pt x="237" y="83"/>
                    <a:pt x="240" y="84"/>
                  </a:cubicBezTo>
                  <a:cubicBezTo>
                    <a:pt x="241" y="84"/>
                    <a:pt x="241" y="82"/>
                    <a:pt x="242" y="82"/>
                  </a:cubicBezTo>
                  <a:cubicBezTo>
                    <a:pt x="242" y="81"/>
                    <a:pt x="241" y="80"/>
                    <a:pt x="240" y="79"/>
                  </a:cubicBezTo>
                  <a:cubicBezTo>
                    <a:pt x="241" y="76"/>
                    <a:pt x="241" y="72"/>
                    <a:pt x="241" y="69"/>
                  </a:cubicBezTo>
                  <a:cubicBezTo>
                    <a:pt x="244" y="69"/>
                    <a:pt x="247" y="69"/>
                    <a:pt x="248" y="70"/>
                  </a:cubicBezTo>
                  <a:cubicBezTo>
                    <a:pt x="249" y="70"/>
                    <a:pt x="252" y="70"/>
                    <a:pt x="251" y="73"/>
                  </a:cubicBezTo>
                  <a:cubicBezTo>
                    <a:pt x="246" y="73"/>
                    <a:pt x="246" y="73"/>
                    <a:pt x="246" y="73"/>
                  </a:cubicBezTo>
                  <a:cubicBezTo>
                    <a:pt x="246" y="75"/>
                    <a:pt x="246" y="75"/>
                    <a:pt x="246" y="75"/>
                  </a:cubicBezTo>
                  <a:cubicBezTo>
                    <a:pt x="248" y="78"/>
                    <a:pt x="248" y="75"/>
                    <a:pt x="250" y="76"/>
                  </a:cubicBezTo>
                  <a:cubicBezTo>
                    <a:pt x="251" y="77"/>
                    <a:pt x="247" y="77"/>
                    <a:pt x="248" y="77"/>
                  </a:cubicBezTo>
                  <a:cubicBezTo>
                    <a:pt x="247" y="79"/>
                    <a:pt x="250" y="77"/>
                    <a:pt x="251" y="79"/>
                  </a:cubicBezTo>
                  <a:cubicBezTo>
                    <a:pt x="253" y="78"/>
                    <a:pt x="255" y="77"/>
                    <a:pt x="256" y="75"/>
                  </a:cubicBezTo>
                  <a:cubicBezTo>
                    <a:pt x="256" y="75"/>
                    <a:pt x="257" y="75"/>
                    <a:pt x="257" y="74"/>
                  </a:cubicBezTo>
                  <a:cubicBezTo>
                    <a:pt x="261" y="75"/>
                    <a:pt x="261" y="71"/>
                    <a:pt x="265" y="72"/>
                  </a:cubicBezTo>
                  <a:cubicBezTo>
                    <a:pt x="266" y="71"/>
                    <a:pt x="267" y="70"/>
                    <a:pt x="267" y="69"/>
                  </a:cubicBezTo>
                  <a:cubicBezTo>
                    <a:pt x="268" y="69"/>
                    <a:pt x="269" y="68"/>
                    <a:pt x="269" y="67"/>
                  </a:cubicBezTo>
                  <a:cubicBezTo>
                    <a:pt x="273" y="70"/>
                    <a:pt x="276" y="65"/>
                    <a:pt x="280" y="65"/>
                  </a:cubicBezTo>
                  <a:cubicBezTo>
                    <a:pt x="280" y="69"/>
                    <a:pt x="280" y="69"/>
                    <a:pt x="280" y="69"/>
                  </a:cubicBezTo>
                  <a:cubicBezTo>
                    <a:pt x="283" y="69"/>
                    <a:pt x="286" y="69"/>
                    <a:pt x="289" y="68"/>
                  </a:cubicBezTo>
                  <a:cubicBezTo>
                    <a:pt x="289" y="68"/>
                    <a:pt x="290" y="68"/>
                    <a:pt x="290" y="68"/>
                  </a:cubicBezTo>
                  <a:cubicBezTo>
                    <a:pt x="291" y="68"/>
                    <a:pt x="290" y="67"/>
                    <a:pt x="290" y="67"/>
                  </a:cubicBezTo>
                  <a:cubicBezTo>
                    <a:pt x="292" y="66"/>
                    <a:pt x="295" y="67"/>
                    <a:pt x="295" y="64"/>
                  </a:cubicBezTo>
                  <a:cubicBezTo>
                    <a:pt x="298" y="65"/>
                    <a:pt x="301" y="65"/>
                    <a:pt x="303" y="68"/>
                  </a:cubicBezTo>
                  <a:cubicBezTo>
                    <a:pt x="304" y="67"/>
                    <a:pt x="305" y="66"/>
                    <a:pt x="306" y="65"/>
                  </a:cubicBezTo>
                  <a:cubicBezTo>
                    <a:pt x="306" y="64"/>
                    <a:pt x="302" y="63"/>
                    <a:pt x="305" y="62"/>
                  </a:cubicBezTo>
                  <a:cubicBezTo>
                    <a:pt x="303" y="60"/>
                    <a:pt x="299" y="61"/>
                    <a:pt x="300" y="55"/>
                  </a:cubicBezTo>
                  <a:cubicBezTo>
                    <a:pt x="302" y="56"/>
                    <a:pt x="302" y="58"/>
                    <a:pt x="305" y="58"/>
                  </a:cubicBezTo>
                  <a:cubicBezTo>
                    <a:pt x="306" y="59"/>
                    <a:pt x="308" y="61"/>
                    <a:pt x="310" y="60"/>
                  </a:cubicBezTo>
                  <a:cubicBezTo>
                    <a:pt x="311" y="60"/>
                    <a:pt x="311" y="59"/>
                    <a:pt x="311" y="59"/>
                  </a:cubicBezTo>
                  <a:cubicBezTo>
                    <a:pt x="312" y="59"/>
                    <a:pt x="313" y="61"/>
                    <a:pt x="313" y="59"/>
                  </a:cubicBezTo>
                  <a:cubicBezTo>
                    <a:pt x="314" y="59"/>
                    <a:pt x="315" y="61"/>
                    <a:pt x="315" y="61"/>
                  </a:cubicBezTo>
                  <a:cubicBezTo>
                    <a:pt x="317" y="62"/>
                    <a:pt x="319" y="61"/>
                    <a:pt x="318" y="63"/>
                  </a:cubicBezTo>
                  <a:cubicBezTo>
                    <a:pt x="321" y="62"/>
                    <a:pt x="322" y="64"/>
                    <a:pt x="326" y="62"/>
                  </a:cubicBezTo>
                  <a:cubicBezTo>
                    <a:pt x="325" y="65"/>
                    <a:pt x="329" y="63"/>
                    <a:pt x="328" y="66"/>
                  </a:cubicBezTo>
                  <a:cubicBezTo>
                    <a:pt x="329" y="66"/>
                    <a:pt x="330" y="67"/>
                    <a:pt x="331" y="68"/>
                  </a:cubicBezTo>
                  <a:cubicBezTo>
                    <a:pt x="334" y="67"/>
                    <a:pt x="334" y="70"/>
                    <a:pt x="337" y="69"/>
                  </a:cubicBezTo>
                  <a:cubicBezTo>
                    <a:pt x="339" y="63"/>
                    <a:pt x="332" y="66"/>
                    <a:pt x="333" y="60"/>
                  </a:cubicBezTo>
                  <a:cubicBezTo>
                    <a:pt x="333" y="59"/>
                    <a:pt x="332" y="61"/>
                    <a:pt x="331" y="60"/>
                  </a:cubicBezTo>
                  <a:cubicBezTo>
                    <a:pt x="331" y="58"/>
                    <a:pt x="332" y="57"/>
                    <a:pt x="332" y="54"/>
                  </a:cubicBezTo>
                  <a:cubicBezTo>
                    <a:pt x="332" y="53"/>
                    <a:pt x="330" y="54"/>
                    <a:pt x="330" y="54"/>
                  </a:cubicBezTo>
                  <a:cubicBezTo>
                    <a:pt x="329" y="53"/>
                    <a:pt x="331" y="51"/>
                    <a:pt x="330" y="52"/>
                  </a:cubicBezTo>
                  <a:cubicBezTo>
                    <a:pt x="330" y="50"/>
                    <a:pt x="332" y="50"/>
                    <a:pt x="332" y="48"/>
                  </a:cubicBezTo>
                  <a:cubicBezTo>
                    <a:pt x="333" y="48"/>
                    <a:pt x="333" y="45"/>
                    <a:pt x="335" y="46"/>
                  </a:cubicBezTo>
                  <a:cubicBezTo>
                    <a:pt x="335" y="44"/>
                    <a:pt x="336" y="43"/>
                    <a:pt x="338" y="43"/>
                  </a:cubicBezTo>
                  <a:cubicBezTo>
                    <a:pt x="337" y="39"/>
                    <a:pt x="341" y="40"/>
                    <a:pt x="341" y="36"/>
                  </a:cubicBezTo>
                  <a:cubicBezTo>
                    <a:pt x="346" y="36"/>
                    <a:pt x="347" y="38"/>
                    <a:pt x="351" y="38"/>
                  </a:cubicBezTo>
                  <a:cubicBezTo>
                    <a:pt x="351" y="40"/>
                    <a:pt x="350" y="41"/>
                    <a:pt x="352" y="41"/>
                  </a:cubicBezTo>
                  <a:cubicBezTo>
                    <a:pt x="351" y="42"/>
                    <a:pt x="350" y="42"/>
                    <a:pt x="349" y="42"/>
                  </a:cubicBezTo>
                  <a:cubicBezTo>
                    <a:pt x="349" y="46"/>
                    <a:pt x="350" y="47"/>
                    <a:pt x="349" y="51"/>
                  </a:cubicBezTo>
                  <a:cubicBezTo>
                    <a:pt x="349" y="51"/>
                    <a:pt x="350" y="52"/>
                    <a:pt x="351" y="53"/>
                  </a:cubicBezTo>
                  <a:cubicBezTo>
                    <a:pt x="351" y="53"/>
                    <a:pt x="351" y="54"/>
                    <a:pt x="352" y="54"/>
                  </a:cubicBezTo>
                  <a:cubicBezTo>
                    <a:pt x="351" y="56"/>
                    <a:pt x="352" y="61"/>
                    <a:pt x="351" y="63"/>
                  </a:cubicBezTo>
                  <a:cubicBezTo>
                    <a:pt x="350" y="66"/>
                    <a:pt x="353" y="65"/>
                    <a:pt x="353" y="67"/>
                  </a:cubicBezTo>
                  <a:cubicBezTo>
                    <a:pt x="353" y="74"/>
                    <a:pt x="349" y="79"/>
                    <a:pt x="343" y="81"/>
                  </a:cubicBezTo>
                  <a:cubicBezTo>
                    <a:pt x="343" y="83"/>
                    <a:pt x="347" y="81"/>
                    <a:pt x="348" y="83"/>
                  </a:cubicBezTo>
                  <a:cubicBezTo>
                    <a:pt x="350" y="83"/>
                    <a:pt x="349" y="80"/>
                    <a:pt x="352" y="80"/>
                  </a:cubicBezTo>
                  <a:cubicBezTo>
                    <a:pt x="352" y="81"/>
                    <a:pt x="352" y="82"/>
                    <a:pt x="352" y="83"/>
                  </a:cubicBezTo>
                  <a:cubicBezTo>
                    <a:pt x="353" y="83"/>
                    <a:pt x="352" y="81"/>
                    <a:pt x="353" y="81"/>
                  </a:cubicBezTo>
                  <a:cubicBezTo>
                    <a:pt x="355" y="82"/>
                    <a:pt x="354" y="80"/>
                    <a:pt x="354" y="79"/>
                  </a:cubicBezTo>
                  <a:cubicBezTo>
                    <a:pt x="355" y="79"/>
                    <a:pt x="356" y="80"/>
                    <a:pt x="356" y="79"/>
                  </a:cubicBezTo>
                  <a:cubicBezTo>
                    <a:pt x="357" y="79"/>
                    <a:pt x="356" y="77"/>
                    <a:pt x="356" y="76"/>
                  </a:cubicBezTo>
                  <a:cubicBezTo>
                    <a:pt x="359" y="76"/>
                    <a:pt x="359" y="76"/>
                    <a:pt x="359" y="76"/>
                  </a:cubicBezTo>
                  <a:cubicBezTo>
                    <a:pt x="358" y="73"/>
                    <a:pt x="362" y="71"/>
                    <a:pt x="359" y="69"/>
                  </a:cubicBezTo>
                  <a:cubicBezTo>
                    <a:pt x="359" y="68"/>
                    <a:pt x="361" y="68"/>
                    <a:pt x="361" y="67"/>
                  </a:cubicBezTo>
                  <a:cubicBezTo>
                    <a:pt x="361" y="66"/>
                    <a:pt x="360" y="66"/>
                    <a:pt x="359" y="66"/>
                  </a:cubicBezTo>
                  <a:cubicBezTo>
                    <a:pt x="359" y="64"/>
                    <a:pt x="363" y="66"/>
                    <a:pt x="364" y="65"/>
                  </a:cubicBezTo>
                  <a:cubicBezTo>
                    <a:pt x="363" y="64"/>
                    <a:pt x="364" y="61"/>
                    <a:pt x="361" y="62"/>
                  </a:cubicBezTo>
                  <a:cubicBezTo>
                    <a:pt x="359" y="63"/>
                    <a:pt x="357" y="60"/>
                    <a:pt x="357" y="62"/>
                  </a:cubicBezTo>
                  <a:cubicBezTo>
                    <a:pt x="356" y="60"/>
                    <a:pt x="356" y="58"/>
                    <a:pt x="356" y="56"/>
                  </a:cubicBezTo>
                  <a:cubicBezTo>
                    <a:pt x="356" y="56"/>
                    <a:pt x="358" y="57"/>
                    <a:pt x="358" y="56"/>
                  </a:cubicBezTo>
                  <a:cubicBezTo>
                    <a:pt x="359" y="56"/>
                    <a:pt x="358" y="53"/>
                    <a:pt x="358" y="52"/>
                  </a:cubicBezTo>
                  <a:cubicBezTo>
                    <a:pt x="358" y="50"/>
                    <a:pt x="357" y="51"/>
                    <a:pt x="357" y="52"/>
                  </a:cubicBezTo>
                  <a:cubicBezTo>
                    <a:pt x="355" y="50"/>
                    <a:pt x="357" y="48"/>
                    <a:pt x="355" y="46"/>
                  </a:cubicBezTo>
                  <a:cubicBezTo>
                    <a:pt x="359" y="47"/>
                    <a:pt x="358" y="43"/>
                    <a:pt x="360" y="43"/>
                  </a:cubicBezTo>
                  <a:cubicBezTo>
                    <a:pt x="360" y="38"/>
                    <a:pt x="360" y="38"/>
                    <a:pt x="360" y="38"/>
                  </a:cubicBezTo>
                  <a:cubicBezTo>
                    <a:pt x="363" y="37"/>
                    <a:pt x="362" y="41"/>
                    <a:pt x="362" y="43"/>
                  </a:cubicBezTo>
                  <a:cubicBezTo>
                    <a:pt x="362" y="45"/>
                    <a:pt x="364" y="42"/>
                    <a:pt x="364" y="44"/>
                  </a:cubicBezTo>
                  <a:cubicBezTo>
                    <a:pt x="364" y="45"/>
                    <a:pt x="363" y="45"/>
                    <a:pt x="363" y="45"/>
                  </a:cubicBezTo>
                  <a:cubicBezTo>
                    <a:pt x="364" y="48"/>
                    <a:pt x="366" y="48"/>
                    <a:pt x="369" y="50"/>
                  </a:cubicBezTo>
                  <a:cubicBezTo>
                    <a:pt x="371" y="50"/>
                    <a:pt x="369" y="47"/>
                    <a:pt x="368" y="47"/>
                  </a:cubicBezTo>
                  <a:cubicBezTo>
                    <a:pt x="369" y="45"/>
                    <a:pt x="372" y="45"/>
                    <a:pt x="374" y="45"/>
                  </a:cubicBezTo>
                  <a:cubicBezTo>
                    <a:pt x="374" y="44"/>
                    <a:pt x="373" y="44"/>
                    <a:pt x="372" y="44"/>
                  </a:cubicBezTo>
                  <a:cubicBezTo>
                    <a:pt x="372" y="41"/>
                    <a:pt x="370" y="42"/>
                    <a:pt x="371" y="39"/>
                  </a:cubicBezTo>
                  <a:cubicBezTo>
                    <a:pt x="371" y="41"/>
                    <a:pt x="377" y="38"/>
                    <a:pt x="376" y="42"/>
                  </a:cubicBezTo>
                  <a:cubicBezTo>
                    <a:pt x="377" y="43"/>
                    <a:pt x="378" y="41"/>
                    <a:pt x="378" y="41"/>
                  </a:cubicBezTo>
                  <a:cubicBezTo>
                    <a:pt x="379" y="42"/>
                    <a:pt x="378" y="42"/>
                    <a:pt x="379" y="43"/>
                  </a:cubicBezTo>
                  <a:cubicBezTo>
                    <a:pt x="380" y="43"/>
                    <a:pt x="381" y="43"/>
                    <a:pt x="381" y="43"/>
                  </a:cubicBezTo>
                  <a:cubicBezTo>
                    <a:pt x="383" y="45"/>
                    <a:pt x="386" y="43"/>
                    <a:pt x="384" y="46"/>
                  </a:cubicBezTo>
                  <a:cubicBezTo>
                    <a:pt x="389" y="46"/>
                    <a:pt x="389" y="46"/>
                    <a:pt x="389" y="46"/>
                  </a:cubicBezTo>
                  <a:cubicBezTo>
                    <a:pt x="389" y="45"/>
                    <a:pt x="385" y="44"/>
                    <a:pt x="388" y="43"/>
                  </a:cubicBezTo>
                  <a:cubicBezTo>
                    <a:pt x="387" y="42"/>
                    <a:pt x="386" y="42"/>
                    <a:pt x="385" y="41"/>
                  </a:cubicBezTo>
                  <a:cubicBezTo>
                    <a:pt x="384" y="36"/>
                    <a:pt x="385" y="36"/>
                    <a:pt x="385" y="31"/>
                  </a:cubicBezTo>
                  <a:cubicBezTo>
                    <a:pt x="390" y="30"/>
                    <a:pt x="397" y="31"/>
                    <a:pt x="401" y="31"/>
                  </a:cubicBezTo>
                  <a:cubicBezTo>
                    <a:pt x="403" y="30"/>
                    <a:pt x="402" y="28"/>
                    <a:pt x="404" y="30"/>
                  </a:cubicBezTo>
                  <a:cubicBezTo>
                    <a:pt x="407" y="28"/>
                    <a:pt x="405" y="26"/>
                    <a:pt x="406" y="23"/>
                  </a:cubicBezTo>
                  <a:cubicBezTo>
                    <a:pt x="408" y="23"/>
                    <a:pt x="410" y="23"/>
                    <a:pt x="411" y="22"/>
                  </a:cubicBezTo>
                  <a:cubicBezTo>
                    <a:pt x="412" y="20"/>
                    <a:pt x="415" y="19"/>
                    <a:pt x="416" y="17"/>
                  </a:cubicBezTo>
                  <a:cubicBezTo>
                    <a:pt x="426" y="16"/>
                    <a:pt x="436" y="15"/>
                    <a:pt x="444" y="12"/>
                  </a:cubicBezTo>
                  <a:cubicBezTo>
                    <a:pt x="446" y="10"/>
                    <a:pt x="446" y="13"/>
                    <a:pt x="446" y="13"/>
                  </a:cubicBezTo>
                  <a:cubicBezTo>
                    <a:pt x="447" y="13"/>
                    <a:pt x="448" y="11"/>
                    <a:pt x="447" y="11"/>
                  </a:cubicBezTo>
                  <a:cubicBezTo>
                    <a:pt x="448" y="11"/>
                    <a:pt x="447" y="12"/>
                    <a:pt x="448" y="13"/>
                  </a:cubicBezTo>
                  <a:cubicBezTo>
                    <a:pt x="448" y="14"/>
                    <a:pt x="450" y="13"/>
                    <a:pt x="450" y="14"/>
                  </a:cubicBezTo>
                  <a:cubicBezTo>
                    <a:pt x="451" y="14"/>
                    <a:pt x="449" y="13"/>
                    <a:pt x="451" y="12"/>
                  </a:cubicBezTo>
                  <a:cubicBezTo>
                    <a:pt x="452" y="12"/>
                    <a:pt x="456" y="13"/>
                    <a:pt x="456" y="10"/>
                  </a:cubicBezTo>
                  <a:cubicBezTo>
                    <a:pt x="457" y="10"/>
                    <a:pt x="459" y="9"/>
                    <a:pt x="458" y="8"/>
                  </a:cubicBezTo>
                  <a:cubicBezTo>
                    <a:pt x="460" y="8"/>
                    <a:pt x="460" y="9"/>
                    <a:pt x="461" y="10"/>
                  </a:cubicBezTo>
                  <a:cubicBezTo>
                    <a:pt x="464" y="10"/>
                    <a:pt x="463" y="6"/>
                    <a:pt x="463" y="4"/>
                  </a:cubicBezTo>
                  <a:cubicBezTo>
                    <a:pt x="468" y="2"/>
                    <a:pt x="472" y="0"/>
                    <a:pt x="479" y="1"/>
                  </a:cubicBezTo>
                  <a:cubicBezTo>
                    <a:pt x="479" y="2"/>
                    <a:pt x="478" y="3"/>
                    <a:pt x="478" y="5"/>
                  </a:cubicBezTo>
                  <a:cubicBezTo>
                    <a:pt x="480" y="7"/>
                    <a:pt x="484" y="7"/>
                    <a:pt x="486" y="5"/>
                  </a:cubicBezTo>
                  <a:cubicBezTo>
                    <a:pt x="487" y="5"/>
                    <a:pt x="487" y="6"/>
                    <a:pt x="486" y="6"/>
                  </a:cubicBezTo>
                  <a:moveTo>
                    <a:pt x="715" y="122"/>
                  </a:moveTo>
                  <a:cubicBezTo>
                    <a:pt x="715" y="121"/>
                    <a:pt x="714" y="121"/>
                    <a:pt x="713" y="120"/>
                  </a:cubicBezTo>
                  <a:cubicBezTo>
                    <a:pt x="710" y="120"/>
                    <a:pt x="710" y="122"/>
                    <a:pt x="713" y="121"/>
                  </a:cubicBezTo>
                  <a:cubicBezTo>
                    <a:pt x="713" y="122"/>
                    <a:pt x="714" y="122"/>
                    <a:pt x="715" y="122"/>
                  </a:cubicBezTo>
                  <a:moveTo>
                    <a:pt x="206" y="194"/>
                  </a:moveTo>
                  <a:cubicBezTo>
                    <a:pt x="206" y="197"/>
                    <a:pt x="210" y="195"/>
                    <a:pt x="208" y="199"/>
                  </a:cubicBezTo>
                  <a:cubicBezTo>
                    <a:pt x="210" y="199"/>
                    <a:pt x="211" y="197"/>
                    <a:pt x="211" y="199"/>
                  </a:cubicBezTo>
                  <a:cubicBezTo>
                    <a:pt x="211" y="200"/>
                    <a:pt x="211" y="199"/>
                    <a:pt x="210" y="200"/>
                  </a:cubicBezTo>
                  <a:cubicBezTo>
                    <a:pt x="209" y="200"/>
                    <a:pt x="205" y="202"/>
                    <a:pt x="204" y="201"/>
                  </a:cubicBezTo>
                  <a:cubicBezTo>
                    <a:pt x="201" y="201"/>
                    <a:pt x="201" y="199"/>
                    <a:pt x="199" y="198"/>
                  </a:cubicBezTo>
                  <a:cubicBezTo>
                    <a:pt x="199" y="196"/>
                    <a:pt x="201" y="197"/>
                    <a:pt x="202" y="196"/>
                  </a:cubicBezTo>
                  <a:cubicBezTo>
                    <a:pt x="200" y="194"/>
                    <a:pt x="199" y="194"/>
                    <a:pt x="196" y="195"/>
                  </a:cubicBezTo>
                  <a:cubicBezTo>
                    <a:pt x="195" y="193"/>
                    <a:pt x="194" y="191"/>
                    <a:pt x="191" y="192"/>
                  </a:cubicBezTo>
                  <a:cubicBezTo>
                    <a:pt x="190" y="192"/>
                    <a:pt x="191" y="193"/>
                    <a:pt x="190" y="194"/>
                  </a:cubicBezTo>
                  <a:cubicBezTo>
                    <a:pt x="190" y="194"/>
                    <a:pt x="188" y="194"/>
                    <a:pt x="187" y="195"/>
                  </a:cubicBezTo>
                  <a:cubicBezTo>
                    <a:pt x="186" y="196"/>
                    <a:pt x="186" y="198"/>
                    <a:pt x="184" y="198"/>
                  </a:cubicBezTo>
                  <a:cubicBezTo>
                    <a:pt x="185" y="201"/>
                    <a:pt x="182" y="202"/>
                    <a:pt x="182" y="202"/>
                  </a:cubicBezTo>
                  <a:cubicBezTo>
                    <a:pt x="181" y="204"/>
                    <a:pt x="181" y="207"/>
                    <a:pt x="181" y="209"/>
                  </a:cubicBezTo>
                  <a:cubicBezTo>
                    <a:pt x="180" y="209"/>
                    <a:pt x="180" y="208"/>
                    <a:pt x="179" y="208"/>
                  </a:cubicBezTo>
                  <a:cubicBezTo>
                    <a:pt x="178" y="212"/>
                    <a:pt x="181" y="213"/>
                    <a:pt x="179" y="215"/>
                  </a:cubicBezTo>
                  <a:cubicBezTo>
                    <a:pt x="181" y="214"/>
                    <a:pt x="180" y="216"/>
                    <a:pt x="181" y="217"/>
                  </a:cubicBezTo>
                  <a:cubicBezTo>
                    <a:pt x="181" y="217"/>
                    <a:pt x="182" y="217"/>
                    <a:pt x="183" y="217"/>
                  </a:cubicBezTo>
                  <a:cubicBezTo>
                    <a:pt x="185" y="217"/>
                    <a:pt x="185" y="219"/>
                    <a:pt x="186" y="218"/>
                  </a:cubicBezTo>
                  <a:cubicBezTo>
                    <a:pt x="187" y="218"/>
                    <a:pt x="188" y="218"/>
                    <a:pt x="188" y="218"/>
                  </a:cubicBezTo>
                  <a:cubicBezTo>
                    <a:pt x="192" y="217"/>
                    <a:pt x="191" y="217"/>
                    <a:pt x="192" y="216"/>
                  </a:cubicBezTo>
                  <a:cubicBezTo>
                    <a:pt x="194" y="216"/>
                    <a:pt x="194" y="217"/>
                    <a:pt x="196" y="217"/>
                  </a:cubicBezTo>
                  <a:cubicBezTo>
                    <a:pt x="196" y="216"/>
                    <a:pt x="196" y="215"/>
                    <a:pt x="197" y="215"/>
                  </a:cubicBezTo>
                  <a:cubicBezTo>
                    <a:pt x="199" y="214"/>
                    <a:pt x="203" y="214"/>
                    <a:pt x="206" y="215"/>
                  </a:cubicBezTo>
                  <a:cubicBezTo>
                    <a:pt x="207" y="215"/>
                    <a:pt x="207" y="216"/>
                    <a:pt x="209" y="217"/>
                  </a:cubicBezTo>
                  <a:cubicBezTo>
                    <a:pt x="210" y="217"/>
                    <a:pt x="210" y="216"/>
                    <a:pt x="211" y="216"/>
                  </a:cubicBezTo>
                  <a:cubicBezTo>
                    <a:pt x="211" y="216"/>
                    <a:pt x="212" y="217"/>
                    <a:pt x="212" y="217"/>
                  </a:cubicBezTo>
                  <a:cubicBezTo>
                    <a:pt x="215" y="217"/>
                    <a:pt x="215" y="218"/>
                    <a:pt x="217" y="218"/>
                  </a:cubicBezTo>
                  <a:cubicBezTo>
                    <a:pt x="221" y="218"/>
                    <a:pt x="226" y="217"/>
                    <a:pt x="230" y="218"/>
                  </a:cubicBezTo>
                  <a:cubicBezTo>
                    <a:pt x="230" y="215"/>
                    <a:pt x="230" y="214"/>
                    <a:pt x="231" y="213"/>
                  </a:cubicBezTo>
                  <a:cubicBezTo>
                    <a:pt x="228" y="209"/>
                    <a:pt x="225" y="204"/>
                    <a:pt x="219" y="203"/>
                  </a:cubicBezTo>
                  <a:cubicBezTo>
                    <a:pt x="219" y="202"/>
                    <a:pt x="218" y="201"/>
                    <a:pt x="217" y="201"/>
                  </a:cubicBezTo>
                  <a:cubicBezTo>
                    <a:pt x="217" y="199"/>
                    <a:pt x="217" y="198"/>
                    <a:pt x="216" y="198"/>
                  </a:cubicBezTo>
                  <a:cubicBezTo>
                    <a:pt x="216" y="195"/>
                    <a:pt x="219" y="195"/>
                    <a:pt x="219" y="191"/>
                  </a:cubicBezTo>
                  <a:cubicBezTo>
                    <a:pt x="213" y="190"/>
                    <a:pt x="211" y="193"/>
                    <a:pt x="206" y="194"/>
                  </a:cubicBezTo>
                  <a:moveTo>
                    <a:pt x="272" y="238"/>
                  </a:moveTo>
                  <a:cubicBezTo>
                    <a:pt x="271" y="238"/>
                    <a:pt x="270" y="238"/>
                    <a:pt x="271" y="239"/>
                  </a:cubicBezTo>
                  <a:cubicBezTo>
                    <a:pt x="273" y="237"/>
                    <a:pt x="276" y="237"/>
                    <a:pt x="278" y="237"/>
                  </a:cubicBezTo>
                  <a:cubicBezTo>
                    <a:pt x="278" y="237"/>
                    <a:pt x="278" y="235"/>
                    <a:pt x="278" y="235"/>
                  </a:cubicBezTo>
                  <a:cubicBezTo>
                    <a:pt x="278" y="234"/>
                    <a:pt x="280" y="236"/>
                    <a:pt x="280" y="236"/>
                  </a:cubicBezTo>
                  <a:cubicBezTo>
                    <a:pt x="280" y="229"/>
                    <a:pt x="280" y="229"/>
                    <a:pt x="280" y="229"/>
                  </a:cubicBezTo>
                  <a:cubicBezTo>
                    <a:pt x="279" y="228"/>
                    <a:pt x="278" y="227"/>
                    <a:pt x="277" y="226"/>
                  </a:cubicBezTo>
                  <a:cubicBezTo>
                    <a:pt x="277" y="226"/>
                    <a:pt x="277" y="225"/>
                    <a:pt x="277" y="224"/>
                  </a:cubicBezTo>
                  <a:cubicBezTo>
                    <a:pt x="277" y="223"/>
                    <a:pt x="274" y="222"/>
                    <a:pt x="276" y="222"/>
                  </a:cubicBezTo>
                  <a:cubicBezTo>
                    <a:pt x="282" y="222"/>
                    <a:pt x="282" y="222"/>
                    <a:pt x="282" y="222"/>
                  </a:cubicBezTo>
                  <a:cubicBezTo>
                    <a:pt x="282" y="218"/>
                    <a:pt x="280" y="218"/>
                    <a:pt x="280" y="217"/>
                  </a:cubicBezTo>
                  <a:cubicBezTo>
                    <a:pt x="280" y="215"/>
                    <a:pt x="278" y="215"/>
                    <a:pt x="277" y="214"/>
                  </a:cubicBezTo>
                  <a:cubicBezTo>
                    <a:pt x="277" y="214"/>
                    <a:pt x="279" y="213"/>
                    <a:pt x="278" y="212"/>
                  </a:cubicBezTo>
                  <a:cubicBezTo>
                    <a:pt x="275" y="213"/>
                    <a:pt x="275" y="211"/>
                    <a:pt x="272" y="211"/>
                  </a:cubicBezTo>
                  <a:cubicBezTo>
                    <a:pt x="273" y="206"/>
                    <a:pt x="266" y="207"/>
                    <a:pt x="267" y="202"/>
                  </a:cubicBezTo>
                  <a:cubicBezTo>
                    <a:pt x="269" y="200"/>
                    <a:pt x="271" y="198"/>
                    <a:pt x="276" y="199"/>
                  </a:cubicBezTo>
                  <a:cubicBezTo>
                    <a:pt x="276" y="198"/>
                    <a:pt x="276" y="197"/>
                    <a:pt x="277" y="197"/>
                  </a:cubicBezTo>
                  <a:cubicBezTo>
                    <a:pt x="277" y="194"/>
                    <a:pt x="274" y="194"/>
                    <a:pt x="274" y="192"/>
                  </a:cubicBezTo>
                  <a:cubicBezTo>
                    <a:pt x="270" y="191"/>
                    <a:pt x="267" y="193"/>
                    <a:pt x="265" y="192"/>
                  </a:cubicBezTo>
                  <a:cubicBezTo>
                    <a:pt x="264" y="193"/>
                    <a:pt x="265" y="194"/>
                    <a:pt x="264" y="193"/>
                  </a:cubicBezTo>
                  <a:cubicBezTo>
                    <a:pt x="263" y="192"/>
                    <a:pt x="263" y="194"/>
                    <a:pt x="263" y="194"/>
                  </a:cubicBezTo>
                  <a:cubicBezTo>
                    <a:pt x="261" y="195"/>
                    <a:pt x="257" y="196"/>
                    <a:pt x="256" y="197"/>
                  </a:cubicBezTo>
                  <a:cubicBezTo>
                    <a:pt x="253" y="197"/>
                    <a:pt x="254" y="198"/>
                    <a:pt x="253" y="200"/>
                  </a:cubicBezTo>
                  <a:cubicBezTo>
                    <a:pt x="253" y="200"/>
                    <a:pt x="252" y="199"/>
                    <a:pt x="251" y="200"/>
                  </a:cubicBezTo>
                  <a:cubicBezTo>
                    <a:pt x="251" y="200"/>
                    <a:pt x="252" y="202"/>
                    <a:pt x="251" y="202"/>
                  </a:cubicBezTo>
                  <a:cubicBezTo>
                    <a:pt x="252" y="204"/>
                    <a:pt x="254" y="201"/>
                    <a:pt x="254" y="204"/>
                  </a:cubicBezTo>
                  <a:cubicBezTo>
                    <a:pt x="254" y="205"/>
                    <a:pt x="255" y="205"/>
                    <a:pt x="255" y="206"/>
                  </a:cubicBezTo>
                  <a:cubicBezTo>
                    <a:pt x="254" y="209"/>
                    <a:pt x="256" y="211"/>
                    <a:pt x="256" y="212"/>
                  </a:cubicBezTo>
                  <a:cubicBezTo>
                    <a:pt x="256" y="213"/>
                    <a:pt x="256" y="213"/>
                    <a:pt x="257" y="214"/>
                  </a:cubicBezTo>
                  <a:cubicBezTo>
                    <a:pt x="257" y="214"/>
                    <a:pt x="258" y="217"/>
                    <a:pt x="258" y="217"/>
                  </a:cubicBezTo>
                  <a:cubicBezTo>
                    <a:pt x="259" y="219"/>
                    <a:pt x="259" y="219"/>
                    <a:pt x="260" y="221"/>
                  </a:cubicBezTo>
                  <a:cubicBezTo>
                    <a:pt x="260" y="221"/>
                    <a:pt x="260" y="223"/>
                    <a:pt x="260" y="223"/>
                  </a:cubicBezTo>
                  <a:cubicBezTo>
                    <a:pt x="260" y="224"/>
                    <a:pt x="263" y="224"/>
                    <a:pt x="262" y="226"/>
                  </a:cubicBezTo>
                  <a:cubicBezTo>
                    <a:pt x="258" y="225"/>
                    <a:pt x="261" y="230"/>
                    <a:pt x="259" y="231"/>
                  </a:cubicBezTo>
                  <a:cubicBezTo>
                    <a:pt x="263" y="232"/>
                    <a:pt x="263" y="238"/>
                    <a:pt x="268" y="235"/>
                  </a:cubicBezTo>
                  <a:cubicBezTo>
                    <a:pt x="264" y="238"/>
                    <a:pt x="272" y="235"/>
                    <a:pt x="272" y="238"/>
                  </a:cubicBezTo>
                  <a:moveTo>
                    <a:pt x="301" y="194"/>
                  </a:moveTo>
                  <a:cubicBezTo>
                    <a:pt x="300" y="194"/>
                    <a:pt x="301" y="196"/>
                    <a:pt x="300" y="197"/>
                  </a:cubicBezTo>
                  <a:cubicBezTo>
                    <a:pt x="299" y="198"/>
                    <a:pt x="297" y="197"/>
                    <a:pt x="297" y="199"/>
                  </a:cubicBezTo>
                  <a:cubicBezTo>
                    <a:pt x="298" y="199"/>
                    <a:pt x="300" y="201"/>
                    <a:pt x="300" y="202"/>
                  </a:cubicBezTo>
                  <a:cubicBezTo>
                    <a:pt x="300" y="202"/>
                    <a:pt x="298" y="203"/>
                    <a:pt x="299" y="203"/>
                  </a:cubicBezTo>
                  <a:cubicBezTo>
                    <a:pt x="300" y="204"/>
                    <a:pt x="302" y="204"/>
                    <a:pt x="303" y="205"/>
                  </a:cubicBezTo>
                  <a:cubicBezTo>
                    <a:pt x="303" y="204"/>
                    <a:pt x="304" y="204"/>
                    <a:pt x="305" y="203"/>
                  </a:cubicBezTo>
                  <a:cubicBezTo>
                    <a:pt x="306" y="200"/>
                    <a:pt x="303" y="200"/>
                    <a:pt x="303" y="199"/>
                  </a:cubicBezTo>
                  <a:cubicBezTo>
                    <a:pt x="304" y="198"/>
                    <a:pt x="306" y="197"/>
                    <a:pt x="306" y="195"/>
                  </a:cubicBezTo>
                  <a:cubicBezTo>
                    <a:pt x="304" y="195"/>
                    <a:pt x="304" y="194"/>
                    <a:pt x="305" y="193"/>
                  </a:cubicBezTo>
                  <a:cubicBezTo>
                    <a:pt x="303" y="193"/>
                    <a:pt x="302" y="193"/>
                    <a:pt x="301" y="194"/>
                  </a:cubicBezTo>
                  <a:moveTo>
                    <a:pt x="176" y="220"/>
                  </a:moveTo>
                  <a:cubicBezTo>
                    <a:pt x="176" y="223"/>
                    <a:pt x="182" y="221"/>
                    <a:pt x="183" y="220"/>
                  </a:cubicBezTo>
                  <a:cubicBezTo>
                    <a:pt x="180" y="219"/>
                    <a:pt x="179" y="219"/>
                    <a:pt x="176" y="220"/>
                  </a:cubicBezTo>
                  <a:moveTo>
                    <a:pt x="198" y="397"/>
                  </a:moveTo>
                  <a:cubicBezTo>
                    <a:pt x="199" y="393"/>
                    <a:pt x="204" y="393"/>
                    <a:pt x="204" y="388"/>
                  </a:cubicBezTo>
                  <a:cubicBezTo>
                    <a:pt x="201" y="390"/>
                    <a:pt x="196" y="386"/>
                    <a:pt x="193" y="389"/>
                  </a:cubicBezTo>
                  <a:cubicBezTo>
                    <a:pt x="197" y="389"/>
                    <a:pt x="193" y="389"/>
                    <a:pt x="192" y="390"/>
                  </a:cubicBezTo>
                  <a:cubicBezTo>
                    <a:pt x="192" y="390"/>
                    <a:pt x="193" y="393"/>
                    <a:pt x="193" y="393"/>
                  </a:cubicBezTo>
                  <a:cubicBezTo>
                    <a:pt x="193" y="394"/>
                    <a:pt x="193" y="396"/>
                    <a:pt x="192" y="396"/>
                  </a:cubicBezTo>
                  <a:cubicBezTo>
                    <a:pt x="192" y="396"/>
                    <a:pt x="191" y="395"/>
                    <a:pt x="191" y="396"/>
                  </a:cubicBezTo>
                  <a:cubicBezTo>
                    <a:pt x="192" y="398"/>
                    <a:pt x="195" y="397"/>
                    <a:pt x="198" y="39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7" name="Freeform 10"/>
            <p:cNvSpPr>
              <a:spLocks noEditPoints="1"/>
            </p:cNvSpPr>
            <p:nvPr/>
          </p:nvSpPr>
          <p:spPr bwMode="auto">
            <a:xfrm>
              <a:off x="2833688" y="1708150"/>
              <a:ext cx="503238" cy="350837"/>
            </a:xfrm>
            <a:custGeom>
              <a:avLst/>
              <a:gdLst>
                <a:gd name="T0" fmla="*/ 11 w 115"/>
                <a:gd name="T1" fmla="*/ 4 h 80"/>
                <a:gd name="T2" fmla="*/ 15 w 115"/>
                <a:gd name="T3" fmla="*/ 4 h 80"/>
                <a:gd name="T4" fmla="*/ 15 w 115"/>
                <a:gd name="T5" fmla="*/ 5 h 80"/>
                <a:gd name="T6" fmla="*/ 15 w 115"/>
                <a:gd name="T7" fmla="*/ 9 h 80"/>
                <a:gd name="T8" fmla="*/ 18 w 115"/>
                <a:gd name="T9" fmla="*/ 17 h 80"/>
                <a:gd name="T10" fmla="*/ 25 w 115"/>
                <a:gd name="T11" fmla="*/ 4 h 80"/>
                <a:gd name="T12" fmla="*/ 33 w 115"/>
                <a:gd name="T13" fmla="*/ 4 h 80"/>
                <a:gd name="T14" fmla="*/ 39 w 115"/>
                <a:gd name="T15" fmla="*/ 13 h 80"/>
                <a:gd name="T16" fmla="*/ 46 w 115"/>
                <a:gd name="T17" fmla="*/ 11 h 80"/>
                <a:gd name="T18" fmla="*/ 55 w 115"/>
                <a:gd name="T19" fmla="*/ 10 h 80"/>
                <a:gd name="T20" fmla="*/ 59 w 115"/>
                <a:gd name="T21" fmla="*/ 14 h 80"/>
                <a:gd name="T22" fmla="*/ 63 w 115"/>
                <a:gd name="T23" fmla="*/ 16 h 80"/>
                <a:gd name="T24" fmla="*/ 65 w 115"/>
                <a:gd name="T25" fmla="*/ 17 h 80"/>
                <a:gd name="T26" fmla="*/ 73 w 115"/>
                <a:gd name="T27" fmla="*/ 19 h 80"/>
                <a:gd name="T28" fmla="*/ 81 w 115"/>
                <a:gd name="T29" fmla="*/ 23 h 80"/>
                <a:gd name="T30" fmla="*/ 84 w 115"/>
                <a:gd name="T31" fmla="*/ 25 h 80"/>
                <a:gd name="T32" fmla="*/ 89 w 115"/>
                <a:gd name="T33" fmla="*/ 30 h 80"/>
                <a:gd name="T34" fmla="*/ 86 w 115"/>
                <a:gd name="T35" fmla="*/ 38 h 80"/>
                <a:gd name="T36" fmla="*/ 94 w 115"/>
                <a:gd name="T37" fmla="*/ 39 h 80"/>
                <a:gd name="T38" fmla="*/ 96 w 115"/>
                <a:gd name="T39" fmla="*/ 44 h 80"/>
                <a:gd name="T40" fmla="*/ 104 w 115"/>
                <a:gd name="T41" fmla="*/ 45 h 80"/>
                <a:gd name="T42" fmla="*/ 109 w 115"/>
                <a:gd name="T43" fmla="*/ 49 h 80"/>
                <a:gd name="T44" fmla="*/ 110 w 115"/>
                <a:gd name="T45" fmla="*/ 53 h 80"/>
                <a:gd name="T46" fmla="*/ 106 w 115"/>
                <a:gd name="T47" fmla="*/ 60 h 80"/>
                <a:gd name="T48" fmla="*/ 99 w 115"/>
                <a:gd name="T49" fmla="*/ 59 h 80"/>
                <a:gd name="T50" fmla="*/ 93 w 115"/>
                <a:gd name="T51" fmla="*/ 53 h 80"/>
                <a:gd name="T52" fmla="*/ 89 w 115"/>
                <a:gd name="T53" fmla="*/ 58 h 80"/>
                <a:gd name="T54" fmla="*/ 95 w 115"/>
                <a:gd name="T55" fmla="*/ 62 h 80"/>
                <a:gd name="T56" fmla="*/ 99 w 115"/>
                <a:gd name="T57" fmla="*/ 68 h 80"/>
                <a:gd name="T58" fmla="*/ 96 w 115"/>
                <a:gd name="T59" fmla="*/ 75 h 80"/>
                <a:gd name="T60" fmla="*/ 84 w 115"/>
                <a:gd name="T61" fmla="*/ 70 h 80"/>
                <a:gd name="T62" fmla="*/ 88 w 115"/>
                <a:gd name="T63" fmla="*/ 75 h 80"/>
                <a:gd name="T64" fmla="*/ 92 w 115"/>
                <a:gd name="T65" fmla="*/ 78 h 80"/>
                <a:gd name="T66" fmla="*/ 88 w 115"/>
                <a:gd name="T67" fmla="*/ 78 h 80"/>
                <a:gd name="T68" fmla="*/ 77 w 115"/>
                <a:gd name="T69" fmla="*/ 74 h 80"/>
                <a:gd name="T70" fmla="*/ 71 w 115"/>
                <a:gd name="T71" fmla="*/ 71 h 80"/>
                <a:gd name="T72" fmla="*/ 68 w 115"/>
                <a:gd name="T73" fmla="*/ 67 h 80"/>
                <a:gd name="T74" fmla="*/ 63 w 115"/>
                <a:gd name="T75" fmla="*/ 56 h 80"/>
                <a:gd name="T76" fmla="*/ 64 w 115"/>
                <a:gd name="T77" fmla="*/ 53 h 80"/>
                <a:gd name="T78" fmla="*/ 66 w 115"/>
                <a:gd name="T79" fmla="*/ 49 h 80"/>
                <a:gd name="T80" fmla="*/ 68 w 115"/>
                <a:gd name="T81" fmla="*/ 45 h 80"/>
                <a:gd name="T82" fmla="*/ 66 w 115"/>
                <a:gd name="T83" fmla="*/ 39 h 80"/>
                <a:gd name="T84" fmla="*/ 62 w 115"/>
                <a:gd name="T85" fmla="*/ 36 h 80"/>
                <a:gd name="T86" fmla="*/ 59 w 115"/>
                <a:gd name="T87" fmla="*/ 36 h 80"/>
                <a:gd name="T88" fmla="*/ 55 w 115"/>
                <a:gd name="T89" fmla="*/ 35 h 80"/>
                <a:gd name="T90" fmla="*/ 47 w 115"/>
                <a:gd name="T91" fmla="*/ 26 h 80"/>
                <a:gd name="T92" fmla="*/ 40 w 115"/>
                <a:gd name="T93" fmla="*/ 28 h 80"/>
                <a:gd name="T94" fmla="*/ 33 w 115"/>
                <a:gd name="T95" fmla="*/ 28 h 80"/>
                <a:gd name="T96" fmla="*/ 26 w 115"/>
                <a:gd name="T97" fmla="*/ 28 h 80"/>
                <a:gd name="T98" fmla="*/ 11 w 115"/>
                <a:gd name="T99" fmla="*/ 25 h 80"/>
                <a:gd name="T100" fmla="*/ 5 w 115"/>
                <a:gd name="T101" fmla="*/ 22 h 80"/>
                <a:gd name="T102" fmla="*/ 3 w 115"/>
                <a:gd name="T103" fmla="*/ 17 h 80"/>
                <a:gd name="T104" fmla="*/ 4 w 115"/>
                <a:gd name="T105" fmla="*/ 13 h 80"/>
                <a:gd name="T106" fmla="*/ 74 w 115"/>
                <a:gd name="T107" fmla="*/ 55 h 80"/>
                <a:gd name="T108" fmla="*/ 79 w 115"/>
                <a:gd name="T109" fmla="*/ 51 h 80"/>
                <a:gd name="T110" fmla="*/ 74 w 115"/>
                <a:gd name="T111" fmla="*/ 55 h 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</a:cxnLst>
              <a:rect l="0" t="0" r="r" b="b"/>
              <a:pathLst>
                <a:path w="115" h="80">
                  <a:moveTo>
                    <a:pt x="5" y="5"/>
                  </a:moveTo>
                  <a:cubicBezTo>
                    <a:pt x="6" y="8"/>
                    <a:pt x="10" y="2"/>
                    <a:pt x="11" y="4"/>
                  </a:cubicBezTo>
                  <a:cubicBezTo>
                    <a:pt x="12" y="5"/>
                    <a:pt x="12" y="3"/>
                    <a:pt x="12" y="3"/>
                  </a:cubicBezTo>
                  <a:cubicBezTo>
                    <a:pt x="13" y="2"/>
                    <a:pt x="14" y="4"/>
                    <a:pt x="15" y="4"/>
                  </a:cubicBezTo>
                  <a:cubicBezTo>
                    <a:pt x="16" y="3"/>
                    <a:pt x="16" y="0"/>
                    <a:pt x="19" y="3"/>
                  </a:cubicBezTo>
                  <a:cubicBezTo>
                    <a:pt x="19" y="7"/>
                    <a:pt x="17" y="4"/>
                    <a:pt x="15" y="5"/>
                  </a:cubicBezTo>
                  <a:cubicBezTo>
                    <a:pt x="14" y="6"/>
                    <a:pt x="17" y="6"/>
                    <a:pt x="17" y="6"/>
                  </a:cubicBezTo>
                  <a:cubicBezTo>
                    <a:pt x="17" y="8"/>
                    <a:pt x="15" y="8"/>
                    <a:pt x="15" y="9"/>
                  </a:cubicBezTo>
                  <a:cubicBezTo>
                    <a:pt x="15" y="11"/>
                    <a:pt x="16" y="11"/>
                    <a:pt x="16" y="12"/>
                  </a:cubicBezTo>
                  <a:cubicBezTo>
                    <a:pt x="16" y="14"/>
                    <a:pt x="15" y="17"/>
                    <a:pt x="18" y="17"/>
                  </a:cubicBezTo>
                  <a:cubicBezTo>
                    <a:pt x="20" y="16"/>
                    <a:pt x="18" y="12"/>
                    <a:pt x="19" y="9"/>
                  </a:cubicBezTo>
                  <a:cubicBezTo>
                    <a:pt x="24" y="10"/>
                    <a:pt x="23" y="7"/>
                    <a:pt x="25" y="4"/>
                  </a:cubicBezTo>
                  <a:cubicBezTo>
                    <a:pt x="26" y="7"/>
                    <a:pt x="28" y="3"/>
                    <a:pt x="29" y="5"/>
                  </a:cubicBezTo>
                  <a:cubicBezTo>
                    <a:pt x="31" y="5"/>
                    <a:pt x="31" y="3"/>
                    <a:pt x="33" y="4"/>
                  </a:cubicBezTo>
                  <a:cubicBezTo>
                    <a:pt x="33" y="7"/>
                    <a:pt x="36" y="8"/>
                    <a:pt x="38" y="8"/>
                  </a:cubicBezTo>
                  <a:cubicBezTo>
                    <a:pt x="37" y="11"/>
                    <a:pt x="37" y="11"/>
                    <a:pt x="39" y="13"/>
                  </a:cubicBezTo>
                  <a:cubicBezTo>
                    <a:pt x="40" y="12"/>
                    <a:pt x="41" y="12"/>
                    <a:pt x="43" y="13"/>
                  </a:cubicBezTo>
                  <a:cubicBezTo>
                    <a:pt x="45" y="14"/>
                    <a:pt x="45" y="12"/>
                    <a:pt x="46" y="11"/>
                  </a:cubicBezTo>
                  <a:cubicBezTo>
                    <a:pt x="47" y="11"/>
                    <a:pt x="49" y="12"/>
                    <a:pt x="48" y="10"/>
                  </a:cubicBezTo>
                  <a:cubicBezTo>
                    <a:pt x="51" y="11"/>
                    <a:pt x="52" y="11"/>
                    <a:pt x="55" y="10"/>
                  </a:cubicBezTo>
                  <a:cubicBezTo>
                    <a:pt x="55" y="12"/>
                    <a:pt x="58" y="12"/>
                    <a:pt x="57" y="11"/>
                  </a:cubicBezTo>
                  <a:cubicBezTo>
                    <a:pt x="58" y="12"/>
                    <a:pt x="58" y="13"/>
                    <a:pt x="59" y="14"/>
                  </a:cubicBezTo>
                  <a:cubicBezTo>
                    <a:pt x="60" y="15"/>
                    <a:pt x="61" y="15"/>
                    <a:pt x="62" y="15"/>
                  </a:cubicBezTo>
                  <a:cubicBezTo>
                    <a:pt x="62" y="15"/>
                    <a:pt x="62" y="16"/>
                    <a:pt x="63" y="16"/>
                  </a:cubicBezTo>
                  <a:cubicBezTo>
                    <a:pt x="65" y="16"/>
                    <a:pt x="62" y="17"/>
                    <a:pt x="64" y="19"/>
                  </a:cubicBezTo>
                  <a:cubicBezTo>
                    <a:pt x="64" y="19"/>
                    <a:pt x="65" y="17"/>
                    <a:pt x="65" y="17"/>
                  </a:cubicBezTo>
                  <a:cubicBezTo>
                    <a:pt x="66" y="18"/>
                    <a:pt x="66" y="19"/>
                    <a:pt x="68" y="20"/>
                  </a:cubicBezTo>
                  <a:cubicBezTo>
                    <a:pt x="70" y="20"/>
                    <a:pt x="71" y="19"/>
                    <a:pt x="73" y="19"/>
                  </a:cubicBezTo>
                  <a:cubicBezTo>
                    <a:pt x="73" y="23"/>
                    <a:pt x="79" y="20"/>
                    <a:pt x="79" y="24"/>
                  </a:cubicBezTo>
                  <a:cubicBezTo>
                    <a:pt x="80" y="24"/>
                    <a:pt x="81" y="23"/>
                    <a:pt x="81" y="23"/>
                  </a:cubicBezTo>
                  <a:cubicBezTo>
                    <a:pt x="82" y="23"/>
                    <a:pt x="83" y="25"/>
                    <a:pt x="83" y="26"/>
                  </a:cubicBezTo>
                  <a:cubicBezTo>
                    <a:pt x="84" y="27"/>
                    <a:pt x="84" y="26"/>
                    <a:pt x="84" y="25"/>
                  </a:cubicBezTo>
                  <a:cubicBezTo>
                    <a:pt x="85" y="27"/>
                    <a:pt x="86" y="29"/>
                    <a:pt x="89" y="28"/>
                  </a:cubicBezTo>
                  <a:cubicBezTo>
                    <a:pt x="89" y="29"/>
                    <a:pt x="88" y="30"/>
                    <a:pt x="89" y="30"/>
                  </a:cubicBezTo>
                  <a:cubicBezTo>
                    <a:pt x="90" y="32"/>
                    <a:pt x="87" y="33"/>
                    <a:pt x="89" y="34"/>
                  </a:cubicBezTo>
                  <a:cubicBezTo>
                    <a:pt x="88" y="35"/>
                    <a:pt x="86" y="35"/>
                    <a:pt x="86" y="38"/>
                  </a:cubicBezTo>
                  <a:cubicBezTo>
                    <a:pt x="88" y="42"/>
                    <a:pt x="92" y="37"/>
                    <a:pt x="93" y="41"/>
                  </a:cubicBezTo>
                  <a:cubicBezTo>
                    <a:pt x="94" y="41"/>
                    <a:pt x="94" y="40"/>
                    <a:pt x="94" y="39"/>
                  </a:cubicBezTo>
                  <a:cubicBezTo>
                    <a:pt x="96" y="39"/>
                    <a:pt x="95" y="41"/>
                    <a:pt x="95" y="42"/>
                  </a:cubicBezTo>
                  <a:cubicBezTo>
                    <a:pt x="95" y="42"/>
                    <a:pt x="96" y="44"/>
                    <a:pt x="96" y="44"/>
                  </a:cubicBezTo>
                  <a:cubicBezTo>
                    <a:pt x="97" y="44"/>
                    <a:pt x="98" y="41"/>
                    <a:pt x="98" y="46"/>
                  </a:cubicBezTo>
                  <a:cubicBezTo>
                    <a:pt x="100" y="46"/>
                    <a:pt x="101" y="44"/>
                    <a:pt x="104" y="45"/>
                  </a:cubicBezTo>
                  <a:cubicBezTo>
                    <a:pt x="104" y="45"/>
                    <a:pt x="105" y="46"/>
                    <a:pt x="105" y="47"/>
                  </a:cubicBezTo>
                  <a:cubicBezTo>
                    <a:pt x="106" y="48"/>
                    <a:pt x="110" y="46"/>
                    <a:pt x="109" y="49"/>
                  </a:cubicBezTo>
                  <a:cubicBezTo>
                    <a:pt x="112" y="48"/>
                    <a:pt x="110" y="50"/>
                    <a:pt x="113" y="50"/>
                  </a:cubicBezTo>
                  <a:cubicBezTo>
                    <a:pt x="115" y="52"/>
                    <a:pt x="110" y="53"/>
                    <a:pt x="110" y="53"/>
                  </a:cubicBezTo>
                  <a:cubicBezTo>
                    <a:pt x="110" y="54"/>
                    <a:pt x="111" y="54"/>
                    <a:pt x="111" y="54"/>
                  </a:cubicBezTo>
                  <a:cubicBezTo>
                    <a:pt x="109" y="57"/>
                    <a:pt x="107" y="56"/>
                    <a:pt x="106" y="60"/>
                  </a:cubicBezTo>
                  <a:cubicBezTo>
                    <a:pt x="105" y="60"/>
                    <a:pt x="104" y="60"/>
                    <a:pt x="104" y="61"/>
                  </a:cubicBezTo>
                  <a:cubicBezTo>
                    <a:pt x="103" y="60"/>
                    <a:pt x="99" y="60"/>
                    <a:pt x="99" y="59"/>
                  </a:cubicBezTo>
                  <a:cubicBezTo>
                    <a:pt x="99" y="57"/>
                    <a:pt x="94" y="59"/>
                    <a:pt x="95" y="55"/>
                  </a:cubicBezTo>
                  <a:cubicBezTo>
                    <a:pt x="94" y="55"/>
                    <a:pt x="93" y="54"/>
                    <a:pt x="93" y="53"/>
                  </a:cubicBezTo>
                  <a:cubicBezTo>
                    <a:pt x="89" y="53"/>
                    <a:pt x="89" y="53"/>
                    <a:pt x="89" y="53"/>
                  </a:cubicBezTo>
                  <a:cubicBezTo>
                    <a:pt x="87" y="53"/>
                    <a:pt x="89" y="57"/>
                    <a:pt x="89" y="58"/>
                  </a:cubicBezTo>
                  <a:cubicBezTo>
                    <a:pt x="89" y="60"/>
                    <a:pt x="91" y="60"/>
                    <a:pt x="91" y="62"/>
                  </a:cubicBezTo>
                  <a:cubicBezTo>
                    <a:pt x="94" y="60"/>
                    <a:pt x="95" y="64"/>
                    <a:pt x="95" y="62"/>
                  </a:cubicBezTo>
                  <a:cubicBezTo>
                    <a:pt x="97" y="63"/>
                    <a:pt x="97" y="65"/>
                    <a:pt x="97" y="67"/>
                  </a:cubicBezTo>
                  <a:cubicBezTo>
                    <a:pt x="97" y="69"/>
                    <a:pt x="99" y="68"/>
                    <a:pt x="99" y="68"/>
                  </a:cubicBezTo>
                  <a:cubicBezTo>
                    <a:pt x="100" y="71"/>
                    <a:pt x="98" y="75"/>
                    <a:pt x="98" y="77"/>
                  </a:cubicBezTo>
                  <a:cubicBezTo>
                    <a:pt x="96" y="78"/>
                    <a:pt x="97" y="76"/>
                    <a:pt x="96" y="75"/>
                  </a:cubicBezTo>
                  <a:cubicBezTo>
                    <a:pt x="95" y="74"/>
                    <a:pt x="92" y="75"/>
                    <a:pt x="91" y="72"/>
                  </a:cubicBezTo>
                  <a:cubicBezTo>
                    <a:pt x="88" y="73"/>
                    <a:pt x="88" y="69"/>
                    <a:pt x="84" y="70"/>
                  </a:cubicBezTo>
                  <a:cubicBezTo>
                    <a:pt x="84" y="72"/>
                    <a:pt x="87" y="71"/>
                    <a:pt x="88" y="72"/>
                  </a:cubicBezTo>
                  <a:cubicBezTo>
                    <a:pt x="84" y="75"/>
                    <a:pt x="91" y="74"/>
                    <a:pt x="88" y="75"/>
                  </a:cubicBezTo>
                  <a:cubicBezTo>
                    <a:pt x="88" y="76"/>
                    <a:pt x="90" y="76"/>
                    <a:pt x="91" y="77"/>
                  </a:cubicBezTo>
                  <a:cubicBezTo>
                    <a:pt x="92" y="77"/>
                    <a:pt x="91" y="78"/>
                    <a:pt x="92" y="78"/>
                  </a:cubicBezTo>
                  <a:cubicBezTo>
                    <a:pt x="94" y="78"/>
                    <a:pt x="94" y="78"/>
                    <a:pt x="94" y="80"/>
                  </a:cubicBezTo>
                  <a:cubicBezTo>
                    <a:pt x="91" y="80"/>
                    <a:pt x="90" y="79"/>
                    <a:pt x="88" y="78"/>
                  </a:cubicBezTo>
                  <a:cubicBezTo>
                    <a:pt x="86" y="77"/>
                    <a:pt x="84" y="77"/>
                    <a:pt x="82" y="76"/>
                  </a:cubicBezTo>
                  <a:cubicBezTo>
                    <a:pt x="81" y="75"/>
                    <a:pt x="78" y="74"/>
                    <a:pt x="77" y="74"/>
                  </a:cubicBezTo>
                  <a:cubicBezTo>
                    <a:pt x="76" y="74"/>
                    <a:pt x="76" y="73"/>
                    <a:pt x="75" y="72"/>
                  </a:cubicBezTo>
                  <a:cubicBezTo>
                    <a:pt x="74" y="72"/>
                    <a:pt x="72" y="72"/>
                    <a:pt x="71" y="71"/>
                  </a:cubicBezTo>
                  <a:cubicBezTo>
                    <a:pt x="70" y="71"/>
                    <a:pt x="71" y="69"/>
                    <a:pt x="70" y="68"/>
                  </a:cubicBezTo>
                  <a:cubicBezTo>
                    <a:pt x="70" y="68"/>
                    <a:pt x="68" y="68"/>
                    <a:pt x="68" y="67"/>
                  </a:cubicBezTo>
                  <a:cubicBezTo>
                    <a:pt x="64" y="67"/>
                    <a:pt x="64" y="63"/>
                    <a:pt x="62" y="61"/>
                  </a:cubicBezTo>
                  <a:cubicBezTo>
                    <a:pt x="63" y="60"/>
                    <a:pt x="61" y="57"/>
                    <a:pt x="63" y="56"/>
                  </a:cubicBezTo>
                  <a:cubicBezTo>
                    <a:pt x="63" y="56"/>
                    <a:pt x="65" y="56"/>
                    <a:pt x="65" y="56"/>
                  </a:cubicBezTo>
                  <a:cubicBezTo>
                    <a:pt x="65" y="56"/>
                    <a:pt x="63" y="54"/>
                    <a:pt x="64" y="53"/>
                  </a:cubicBezTo>
                  <a:cubicBezTo>
                    <a:pt x="64" y="53"/>
                    <a:pt x="65" y="53"/>
                    <a:pt x="66" y="53"/>
                  </a:cubicBezTo>
                  <a:cubicBezTo>
                    <a:pt x="66" y="53"/>
                    <a:pt x="65" y="50"/>
                    <a:pt x="66" y="49"/>
                  </a:cubicBezTo>
                  <a:cubicBezTo>
                    <a:pt x="66" y="49"/>
                    <a:pt x="67" y="50"/>
                    <a:pt x="68" y="49"/>
                  </a:cubicBezTo>
                  <a:cubicBezTo>
                    <a:pt x="69" y="48"/>
                    <a:pt x="67" y="45"/>
                    <a:pt x="68" y="45"/>
                  </a:cubicBezTo>
                  <a:cubicBezTo>
                    <a:pt x="68" y="43"/>
                    <a:pt x="67" y="44"/>
                    <a:pt x="66" y="44"/>
                  </a:cubicBezTo>
                  <a:cubicBezTo>
                    <a:pt x="66" y="39"/>
                    <a:pt x="66" y="39"/>
                    <a:pt x="66" y="39"/>
                  </a:cubicBezTo>
                  <a:cubicBezTo>
                    <a:pt x="65" y="39"/>
                    <a:pt x="64" y="39"/>
                    <a:pt x="64" y="40"/>
                  </a:cubicBezTo>
                  <a:cubicBezTo>
                    <a:pt x="62" y="39"/>
                    <a:pt x="63" y="37"/>
                    <a:pt x="62" y="36"/>
                  </a:cubicBezTo>
                  <a:cubicBezTo>
                    <a:pt x="62" y="36"/>
                    <a:pt x="61" y="37"/>
                    <a:pt x="60" y="37"/>
                  </a:cubicBezTo>
                  <a:cubicBezTo>
                    <a:pt x="60" y="37"/>
                    <a:pt x="59" y="36"/>
                    <a:pt x="59" y="36"/>
                  </a:cubicBezTo>
                  <a:cubicBezTo>
                    <a:pt x="58" y="36"/>
                    <a:pt x="57" y="34"/>
                    <a:pt x="57" y="34"/>
                  </a:cubicBezTo>
                  <a:cubicBezTo>
                    <a:pt x="56" y="34"/>
                    <a:pt x="56" y="35"/>
                    <a:pt x="55" y="35"/>
                  </a:cubicBezTo>
                  <a:cubicBezTo>
                    <a:pt x="55" y="35"/>
                    <a:pt x="53" y="33"/>
                    <a:pt x="51" y="33"/>
                  </a:cubicBezTo>
                  <a:cubicBezTo>
                    <a:pt x="55" y="29"/>
                    <a:pt x="46" y="31"/>
                    <a:pt x="47" y="26"/>
                  </a:cubicBezTo>
                  <a:cubicBezTo>
                    <a:pt x="45" y="27"/>
                    <a:pt x="43" y="27"/>
                    <a:pt x="43" y="29"/>
                  </a:cubicBezTo>
                  <a:cubicBezTo>
                    <a:pt x="41" y="30"/>
                    <a:pt x="40" y="28"/>
                    <a:pt x="40" y="28"/>
                  </a:cubicBezTo>
                  <a:cubicBezTo>
                    <a:pt x="39" y="28"/>
                    <a:pt x="38" y="29"/>
                    <a:pt x="37" y="29"/>
                  </a:cubicBezTo>
                  <a:cubicBezTo>
                    <a:pt x="35" y="29"/>
                    <a:pt x="35" y="28"/>
                    <a:pt x="33" y="28"/>
                  </a:cubicBezTo>
                  <a:cubicBezTo>
                    <a:pt x="31" y="28"/>
                    <a:pt x="31" y="29"/>
                    <a:pt x="29" y="29"/>
                  </a:cubicBezTo>
                  <a:cubicBezTo>
                    <a:pt x="27" y="29"/>
                    <a:pt x="27" y="28"/>
                    <a:pt x="26" y="28"/>
                  </a:cubicBezTo>
                  <a:cubicBezTo>
                    <a:pt x="21" y="28"/>
                    <a:pt x="17" y="29"/>
                    <a:pt x="13" y="27"/>
                  </a:cubicBezTo>
                  <a:cubicBezTo>
                    <a:pt x="13" y="27"/>
                    <a:pt x="12" y="26"/>
                    <a:pt x="11" y="25"/>
                  </a:cubicBezTo>
                  <a:cubicBezTo>
                    <a:pt x="10" y="25"/>
                    <a:pt x="8" y="26"/>
                    <a:pt x="8" y="24"/>
                  </a:cubicBezTo>
                  <a:cubicBezTo>
                    <a:pt x="7" y="23"/>
                    <a:pt x="4" y="25"/>
                    <a:pt x="5" y="22"/>
                  </a:cubicBezTo>
                  <a:cubicBezTo>
                    <a:pt x="8" y="22"/>
                    <a:pt x="9" y="21"/>
                    <a:pt x="10" y="20"/>
                  </a:cubicBezTo>
                  <a:cubicBezTo>
                    <a:pt x="9" y="18"/>
                    <a:pt x="4" y="19"/>
                    <a:pt x="3" y="17"/>
                  </a:cubicBezTo>
                  <a:cubicBezTo>
                    <a:pt x="2" y="17"/>
                    <a:pt x="2" y="17"/>
                    <a:pt x="2" y="18"/>
                  </a:cubicBezTo>
                  <a:cubicBezTo>
                    <a:pt x="0" y="18"/>
                    <a:pt x="3" y="14"/>
                    <a:pt x="4" y="13"/>
                  </a:cubicBezTo>
                  <a:cubicBezTo>
                    <a:pt x="3" y="10"/>
                    <a:pt x="5" y="9"/>
                    <a:pt x="5" y="5"/>
                  </a:cubicBezTo>
                  <a:moveTo>
                    <a:pt x="74" y="55"/>
                  </a:moveTo>
                  <a:cubicBezTo>
                    <a:pt x="75" y="53"/>
                    <a:pt x="79" y="55"/>
                    <a:pt x="81" y="54"/>
                  </a:cubicBezTo>
                  <a:cubicBezTo>
                    <a:pt x="81" y="52"/>
                    <a:pt x="80" y="52"/>
                    <a:pt x="79" y="51"/>
                  </a:cubicBezTo>
                  <a:cubicBezTo>
                    <a:pt x="78" y="50"/>
                    <a:pt x="75" y="51"/>
                    <a:pt x="73" y="49"/>
                  </a:cubicBezTo>
                  <a:cubicBezTo>
                    <a:pt x="74" y="51"/>
                    <a:pt x="72" y="55"/>
                    <a:pt x="74" y="55"/>
                  </a:cubicBezTo>
                </a:path>
              </a:pathLst>
            </a:custGeom>
            <a:solidFill>
              <a:srgbClr val="9DB9B6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" name="Freeform 11"/>
            <p:cNvSpPr>
              <a:spLocks/>
            </p:cNvSpPr>
            <p:nvPr/>
          </p:nvSpPr>
          <p:spPr bwMode="auto">
            <a:xfrm>
              <a:off x="2341563" y="1725613"/>
              <a:ext cx="311150" cy="157162"/>
            </a:xfrm>
            <a:custGeom>
              <a:avLst/>
              <a:gdLst>
                <a:gd name="T0" fmla="*/ 8 w 71"/>
                <a:gd name="T1" fmla="*/ 27 h 36"/>
                <a:gd name="T2" fmla="*/ 9 w 71"/>
                <a:gd name="T3" fmla="*/ 24 h 36"/>
                <a:gd name="T4" fmla="*/ 13 w 71"/>
                <a:gd name="T5" fmla="*/ 23 h 36"/>
                <a:gd name="T6" fmla="*/ 14 w 71"/>
                <a:gd name="T7" fmla="*/ 22 h 36"/>
                <a:gd name="T8" fmla="*/ 25 w 71"/>
                <a:gd name="T9" fmla="*/ 21 h 36"/>
                <a:gd name="T10" fmla="*/ 14 w 71"/>
                <a:gd name="T11" fmla="*/ 21 h 36"/>
                <a:gd name="T12" fmla="*/ 13 w 71"/>
                <a:gd name="T13" fmla="*/ 20 h 36"/>
                <a:gd name="T14" fmla="*/ 11 w 71"/>
                <a:gd name="T15" fmla="*/ 21 h 36"/>
                <a:gd name="T16" fmla="*/ 5 w 71"/>
                <a:gd name="T17" fmla="*/ 20 h 36"/>
                <a:gd name="T18" fmla="*/ 10 w 71"/>
                <a:gd name="T19" fmla="*/ 16 h 36"/>
                <a:gd name="T20" fmla="*/ 13 w 71"/>
                <a:gd name="T21" fmla="*/ 16 h 36"/>
                <a:gd name="T22" fmla="*/ 2 w 71"/>
                <a:gd name="T23" fmla="*/ 14 h 36"/>
                <a:gd name="T24" fmla="*/ 0 w 71"/>
                <a:gd name="T25" fmla="*/ 11 h 36"/>
                <a:gd name="T26" fmla="*/ 5 w 71"/>
                <a:gd name="T27" fmla="*/ 7 h 36"/>
                <a:gd name="T28" fmla="*/ 5 w 71"/>
                <a:gd name="T29" fmla="*/ 6 h 36"/>
                <a:gd name="T30" fmla="*/ 14 w 71"/>
                <a:gd name="T31" fmla="*/ 2 h 36"/>
                <a:gd name="T32" fmla="*/ 17 w 71"/>
                <a:gd name="T33" fmla="*/ 0 h 36"/>
                <a:gd name="T34" fmla="*/ 19 w 71"/>
                <a:gd name="T35" fmla="*/ 1 h 36"/>
                <a:gd name="T36" fmla="*/ 21 w 71"/>
                <a:gd name="T37" fmla="*/ 5 h 36"/>
                <a:gd name="T38" fmla="*/ 19 w 71"/>
                <a:gd name="T39" fmla="*/ 6 h 36"/>
                <a:gd name="T40" fmla="*/ 21 w 71"/>
                <a:gd name="T41" fmla="*/ 7 h 36"/>
                <a:gd name="T42" fmla="*/ 22 w 71"/>
                <a:gd name="T43" fmla="*/ 5 h 36"/>
                <a:gd name="T44" fmla="*/ 28 w 71"/>
                <a:gd name="T45" fmla="*/ 4 h 36"/>
                <a:gd name="T46" fmla="*/ 31 w 71"/>
                <a:gd name="T47" fmla="*/ 9 h 36"/>
                <a:gd name="T48" fmla="*/ 34 w 71"/>
                <a:gd name="T49" fmla="*/ 7 h 36"/>
                <a:gd name="T50" fmla="*/ 37 w 71"/>
                <a:gd name="T51" fmla="*/ 4 h 36"/>
                <a:gd name="T52" fmla="*/ 40 w 71"/>
                <a:gd name="T53" fmla="*/ 5 h 36"/>
                <a:gd name="T54" fmla="*/ 41 w 71"/>
                <a:gd name="T55" fmla="*/ 9 h 36"/>
                <a:gd name="T56" fmla="*/ 43 w 71"/>
                <a:gd name="T57" fmla="*/ 13 h 36"/>
                <a:gd name="T58" fmla="*/ 47 w 71"/>
                <a:gd name="T59" fmla="*/ 10 h 36"/>
                <a:gd name="T60" fmla="*/ 44 w 71"/>
                <a:gd name="T61" fmla="*/ 8 h 36"/>
                <a:gd name="T62" fmla="*/ 44 w 71"/>
                <a:gd name="T63" fmla="*/ 2 h 36"/>
                <a:gd name="T64" fmla="*/ 48 w 71"/>
                <a:gd name="T65" fmla="*/ 1 h 36"/>
                <a:gd name="T66" fmla="*/ 52 w 71"/>
                <a:gd name="T67" fmla="*/ 8 h 36"/>
                <a:gd name="T68" fmla="*/ 55 w 71"/>
                <a:gd name="T69" fmla="*/ 10 h 36"/>
                <a:gd name="T70" fmla="*/ 56 w 71"/>
                <a:gd name="T71" fmla="*/ 13 h 36"/>
                <a:gd name="T72" fmla="*/ 55 w 71"/>
                <a:gd name="T73" fmla="*/ 16 h 36"/>
                <a:gd name="T74" fmla="*/ 58 w 71"/>
                <a:gd name="T75" fmla="*/ 20 h 36"/>
                <a:gd name="T76" fmla="*/ 67 w 71"/>
                <a:gd name="T77" fmla="*/ 21 h 36"/>
                <a:gd name="T78" fmla="*/ 70 w 71"/>
                <a:gd name="T79" fmla="*/ 23 h 36"/>
                <a:gd name="T80" fmla="*/ 71 w 71"/>
                <a:gd name="T81" fmla="*/ 25 h 36"/>
                <a:gd name="T82" fmla="*/ 63 w 71"/>
                <a:gd name="T83" fmla="*/ 25 h 36"/>
                <a:gd name="T84" fmla="*/ 65 w 71"/>
                <a:gd name="T85" fmla="*/ 32 h 36"/>
                <a:gd name="T86" fmla="*/ 55 w 71"/>
                <a:gd name="T87" fmla="*/ 32 h 36"/>
                <a:gd name="T88" fmla="*/ 41 w 71"/>
                <a:gd name="T89" fmla="*/ 32 h 36"/>
                <a:gd name="T90" fmla="*/ 36 w 71"/>
                <a:gd name="T91" fmla="*/ 33 h 36"/>
                <a:gd name="T92" fmla="*/ 35 w 71"/>
                <a:gd name="T93" fmla="*/ 35 h 36"/>
                <a:gd name="T94" fmla="*/ 23 w 71"/>
                <a:gd name="T95" fmla="*/ 35 h 36"/>
                <a:gd name="T96" fmla="*/ 19 w 71"/>
                <a:gd name="T97" fmla="*/ 29 h 36"/>
                <a:gd name="T98" fmla="*/ 12 w 71"/>
                <a:gd name="T99" fmla="*/ 27 h 36"/>
                <a:gd name="T100" fmla="*/ 11 w 71"/>
                <a:gd name="T101" fmla="*/ 28 h 36"/>
                <a:gd name="T102" fmla="*/ 11 w 71"/>
                <a:gd name="T103" fmla="*/ 26 h 36"/>
                <a:gd name="T104" fmla="*/ 8 w 71"/>
                <a:gd name="T105" fmla="*/ 27 h 3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</a:cxnLst>
              <a:rect l="0" t="0" r="r" b="b"/>
              <a:pathLst>
                <a:path w="71" h="36">
                  <a:moveTo>
                    <a:pt x="8" y="27"/>
                  </a:moveTo>
                  <a:cubicBezTo>
                    <a:pt x="6" y="28"/>
                    <a:pt x="8" y="24"/>
                    <a:pt x="9" y="24"/>
                  </a:cubicBezTo>
                  <a:cubicBezTo>
                    <a:pt x="9" y="23"/>
                    <a:pt x="11" y="24"/>
                    <a:pt x="13" y="23"/>
                  </a:cubicBezTo>
                  <a:cubicBezTo>
                    <a:pt x="13" y="23"/>
                    <a:pt x="13" y="23"/>
                    <a:pt x="14" y="22"/>
                  </a:cubicBezTo>
                  <a:cubicBezTo>
                    <a:pt x="18" y="22"/>
                    <a:pt x="23" y="24"/>
                    <a:pt x="25" y="21"/>
                  </a:cubicBezTo>
                  <a:cubicBezTo>
                    <a:pt x="24" y="19"/>
                    <a:pt x="18" y="21"/>
                    <a:pt x="14" y="21"/>
                  </a:cubicBezTo>
                  <a:cubicBezTo>
                    <a:pt x="14" y="20"/>
                    <a:pt x="13" y="20"/>
                    <a:pt x="13" y="20"/>
                  </a:cubicBezTo>
                  <a:cubicBezTo>
                    <a:pt x="13" y="20"/>
                    <a:pt x="12" y="21"/>
                    <a:pt x="11" y="21"/>
                  </a:cubicBezTo>
                  <a:cubicBezTo>
                    <a:pt x="9" y="20"/>
                    <a:pt x="7" y="19"/>
                    <a:pt x="5" y="20"/>
                  </a:cubicBezTo>
                  <a:cubicBezTo>
                    <a:pt x="3" y="17"/>
                    <a:pt x="10" y="18"/>
                    <a:pt x="10" y="16"/>
                  </a:cubicBezTo>
                  <a:cubicBezTo>
                    <a:pt x="10" y="14"/>
                    <a:pt x="12" y="16"/>
                    <a:pt x="13" y="16"/>
                  </a:cubicBezTo>
                  <a:cubicBezTo>
                    <a:pt x="12" y="10"/>
                    <a:pt x="7" y="15"/>
                    <a:pt x="2" y="14"/>
                  </a:cubicBezTo>
                  <a:cubicBezTo>
                    <a:pt x="0" y="12"/>
                    <a:pt x="4" y="11"/>
                    <a:pt x="0" y="11"/>
                  </a:cubicBezTo>
                  <a:cubicBezTo>
                    <a:pt x="1" y="9"/>
                    <a:pt x="1" y="6"/>
                    <a:pt x="5" y="7"/>
                  </a:cubicBezTo>
                  <a:cubicBezTo>
                    <a:pt x="6" y="7"/>
                    <a:pt x="5" y="6"/>
                    <a:pt x="5" y="6"/>
                  </a:cubicBezTo>
                  <a:cubicBezTo>
                    <a:pt x="7" y="4"/>
                    <a:pt x="11" y="3"/>
                    <a:pt x="14" y="2"/>
                  </a:cubicBezTo>
                  <a:cubicBezTo>
                    <a:pt x="15" y="2"/>
                    <a:pt x="15" y="0"/>
                    <a:pt x="17" y="0"/>
                  </a:cubicBezTo>
                  <a:cubicBezTo>
                    <a:pt x="17" y="1"/>
                    <a:pt x="18" y="1"/>
                    <a:pt x="19" y="1"/>
                  </a:cubicBezTo>
                  <a:cubicBezTo>
                    <a:pt x="19" y="4"/>
                    <a:pt x="18" y="5"/>
                    <a:pt x="21" y="5"/>
                  </a:cubicBezTo>
                  <a:cubicBezTo>
                    <a:pt x="21" y="6"/>
                    <a:pt x="20" y="6"/>
                    <a:pt x="19" y="6"/>
                  </a:cubicBezTo>
                  <a:cubicBezTo>
                    <a:pt x="19" y="7"/>
                    <a:pt x="20" y="7"/>
                    <a:pt x="21" y="7"/>
                  </a:cubicBezTo>
                  <a:cubicBezTo>
                    <a:pt x="22" y="7"/>
                    <a:pt x="21" y="5"/>
                    <a:pt x="22" y="5"/>
                  </a:cubicBezTo>
                  <a:cubicBezTo>
                    <a:pt x="24" y="4"/>
                    <a:pt x="26" y="5"/>
                    <a:pt x="28" y="4"/>
                  </a:cubicBezTo>
                  <a:cubicBezTo>
                    <a:pt x="29" y="6"/>
                    <a:pt x="31" y="6"/>
                    <a:pt x="31" y="9"/>
                  </a:cubicBezTo>
                  <a:cubicBezTo>
                    <a:pt x="33" y="9"/>
                    <a:pt x="32" y="6"/>
                    <a:pt x="34" y="7"/>
                  </a:cubicBezTo>
                  <a:cubicBezTo>
                    <a:pt x="35" y="6"/>
                    <a:pt x="36" y="5"/>
                    <a:pt x="37" y="4"/>
                  </a:cubicBezTo>
                  <a:cubicBezTo>
                    <a:pt x="38" y="5"/>
                    <a:pt x="39" y="5"/>
                    <a:pt x="40" y="5"/>
                  </a:cubicBezTo>
                  <a:cubicBezTo>
                    <a:pt x="41" y="7"/>
                    <a:pt x="40" y="8"/>
                    <a:pt x="41" y="9"/>
                  </a:cubicBezTo>
                  <a:cubicBezTo>
                    <a:pt x="42" y="10"/>
                    <a:pt x="44" y="10"/>
                    <a:pt x="43" y="13"/>
                  </a:cubicBezTo>
                  <a:cubicBezTo>
                    <a:pt x="45" y="13"/>
                    <a:pt x="45" y="10"/>
                    <a:pt x="47" y="10"/>
                  </a:cubicBezTo>
                  <a:cubicBezTo>
                    <a:pt x="47" y="9"/>
                    <a:pt x="44" y="9"/>
                    <a:pt x="44" y="8"/>
                  </a:cubicBezTo>
                  <a:cubicBezTo>
                    <a:pt x="43" y="6"/>
                    <a:pt x="45" y="5"/>
                    <a:pt x="44" y="2"/>
                  </a:cubicBezTo>
                  <a:cubicBezTo>
                    <a:pt x="46" y="3"/>
                    <a:pt x="46" y="1"/>
                    <a:pt x="48" y="1"/>
                  </a:cubicBezTo>
                  <a:cubicBezTo>
                    <a:pt x="48" y="3"/>
                    <a:pt x="50" y="6"/>
                    <a:pt x="52" y="8"/>
                  </a:cubicBezTo>
                  <a:cubicBezTo>
                    <a:pt x="52" y="8"/>
                    <a:pt x="54" y="12"/>
                    <a:pt x="55" y="10"/>
                  </a:cubicBezTo>
                  <a:cubicBezTo>
                    <a:pt x="56" y="10"/>
                    <a:pt x="55" y="13"/>
                    <a:pt x="56" y="13"/>
                  </a:cubicBezTo>
                  <a:cubicBezTo>
                    <a:pt x="56" y="14"/>
                    <a:pt x="57" y="16"/>
                    <a:pt x="55" y="16"/>
                  </a:cubicBezTo>
                  <a:cubicBezTo>
                    <a:pt x="56" y="18"/>
                    <a:pt x="59" y="17"/>
                    <a:pt x="58" y="20"/>
                  </a:cubicBezTo>
                  <a:cubicBezTo>
                    <a:pt x="62" y="18"/>
                    <a:pt x="62" y="21"/>
                    <a:pt x="67" y="21"/>
                  </a:cubicBezTo>
                  <a:cubicBezTo>
                    <a:pt x="65" y="24"/>
                    <a:pt x="69" y="23"/>
                    <a:pt x="70" y="23"/>
                  </a:cubicBezTo>
                  <a:cubicBezTo>
                    <a:pt x="70" y="24"/>
                    <a:pt x="68" y="26"/>
                    <a:pt x="71" y="25"/>
                  </a:cubicBezTo>
                  <a:cubicBezTo>
                    <a:pt x="69" y="30"/>
                    <a:pt x="67" y="24"/>
                    <a:pt x="63" y="25"/>
                  </a:cubicBezTo>
                  <a:cubicBezTo>
                    <a:pt x="62" y="29"/>
                    <a:pt x="66" y="28"/>
                    <a:pt x="65" y="32"/>
                  </a:cubicBezTo>
                  <a:cubicBezTo>
                    <a:pt x="62" y="33"/>
                    <a:pt x="57" y="34"/>
                    <a:pt x="55" y="32"/>
                  </a:cubicBezTo>
                  <a:cubicBezTo>
                    <a:pt x="51" y="30"/>
                    <a:pt x="45" y="29"/>
                    <a:pt x="41" y="32"/>
                  </a:cubicBezTo>
                  <a:cubicBezTo>
                    <a:pt x="40" y="33"/>
                    <a:pt x="39" y="32"/>
                    <a:pt x="36" y="33"/>
                  </a:cubicBezTo>
                  <a:cubicBezTo>
                    <a:pt x="36" y="33"/>
                    <a:pt x="36" y="34"/>
                    <a:pt x="35" y="35"/>
                  </a:cubicBezTo>
                  <a:cubicBezTo>
                    <a:pt x="33" y="33"/>
                    <a:pt x="28" y="36"/>
                    <a:pt x="23" y="35"/>
                  </a:cubicBezTo>
                  <a:cubicBezTo>
                    <a:pt x="22" y="33"/>
                    <a:pt x="20" y="31"/>
                    <a:pt x="19" y="29"/>
                  </a:cubicBezTo>
                  <a:cubicBezTo>
                    <a:pt x="16" y="29"/>
                    <a:pt x="12" y="30"/>
                    <a:pt x="12" y="27"/>
                  </a:cubicBezTo>
                  <a:cubicBezTo>
                    <a:pt x="11" y="27"/>
                    <a:pt x="11" y="28"/>
                    <a:pt x="11" y="28"/>
                  </a:cubicBezTo>
                  <a:cubicBezTo>
                    <a:pt x="9" y="28"/>
                    <a:pt x="10" y="26"/>
                    <a:pt x="11" y="26"/>
                  </a:cubicBezTo>
                  <a:cubicBezTo>
                    <a:pt x="11" y="24"/>
                    <a:pt x="8" y="26"/>
                    <a:pt x="8" y="27"/>
                  </a:cubicBezTo>
                </a:path>
              </a:pathLst>
            </a:custGeom>
            <a:solidFill>
              <a:srgbClr val="E1DAAD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" name="Freeform 12"/>
            <p:cNvSpPr>
              <a:spLocks noEditPoints="1"/>
            </p:cNvSpPr>
            <p:nvPr/>
          </p:nvSpPr>
          <p:spPr bwMode="auto">
            <a:xfrm>
              <a:off x="1512888" y="1763713"/>
              <a:ext cx="2219325" cy="2574925"/>
            </a:xfrm>
            <a:custGeom>
              <a:avLst/>
              <a:gdLst>
                <a:gd name="T0" fmla="*/ 331 w 506"/>
                <a:gd name="T1" fmla="*/ 38 h 587"/>
                <a:gd name="T2" fmla="*/ 298 w 506"/>
                <a:gd name="T3" fmla="*/ 61 h 587"/>
                <a:gd name="T4" fmla="*/ 294 w 506"/>
                <a:gd name="T5" fmla="*/ 96 h 587"/>
                <a:gd name="T6" fmla="*/ 335 w 506"/>
                <a:gd name="T7" fmla="*/ 123 h 587"/>
                <a:gd name="T8" fmla="*/ 348 w 506"/>
                <a:gd name="T9" fmla="*/ 86 h 587"/>
                <a:gd name="T10" fmla="*/ 383 w 506"/>
                <a:gd name="T11" fmla="*/ 85 h 587"/>
                <a:gd name="T12" fmla="*/ 414 w 506"/>
                <a:gd name="T13" fmla="*/ 94 h 587"/>
                <a:gd name="T14" fmla="*/ 427 w 506"/>
                <a:gd name="T15" fmla="*/ 126 h 587"/>
                <a:gd name="T16" fmla="*/ 388 w 506"/>
                <a:gd name="T17" fmla="*/ 140 h 587"/>
                <a:gd name="T18" fmla="*/ 411 w 506"/>
                <a:gd name="T19" fmla="*/ 155 h 587"/>
                <a:gd name="T20" fmla="*/ 402 w 506"/>
                <a:gd name="T21" fmla="*/ 159 h 587"/>
                <a:gd name="T22" fmla="*/ 359 w 506"/>
                <a:gd name="T23" fmla="*/ 191 h 587"/>
                <a:gd name="T24" fmla="*/ 341 w 506"/>
                <a:gd name="T25" fmla="*/ 244 h 587"/>
                <a:gd name="T26" fmla="*/ 304 w 506"/>
                <a:gd name="T27" fmla="*/ 223 h 587"/>
                <a:gd name="T28" fmla="*/ 274 w 506"/>
                <a:gd name="T29" fmla="*/ 264 h 587"/>
                <a:gd name="T30" fmla="*/ 307 w 506"/>
                <a:gd name="T31" fmla="*/ 280 h 587"/>
                <a:gd name="T32" fmla="*/ 354 w 506"/>
                <a:gd name="T33" fmla="*/ 311 h 587"/>
                <a:gd name="T34" fmla="*/ 392 w 506"/>
                <a:gd name="T35" fmla="*/ 306 h 587"/>
                <a:gd name="T36" fmla="*/ 453 w 506"/>
                <a:gd name="T37" fmla="*/ 331 h 587"/>
                <a:gd name="T38" fmla="*/ 506 w 506"/>
                <a:gd name="T39" fmla="*/ 364 h 587"/>
                <a:gd name="T40" fmla="*/ 483 w 506"/>
                <a:gd name="T41" fmla="*/ 437 h 587"/>
                <a:gd name="T42" fmla="*/ 453 w 506"/>
                <a:gd name="T43" fmla="*/ 470 h 587"/>
                <a:gd name="T44" fmla="*/ 425 w 506"/>
                <a:gd name="T45" fmla="*/ 501 h 587"/>
                <a:gd name="T46" fmla="*/ 399 w 506"/>
                <a:gd name="T47" fmla="*/ 531 h 587"/>
                <a:gd name="T48" fmla="*/ 388 w 506"/>
                <a:gd name="T49" fmla="*/ 554 h 587"/>
                <a:gd name="T50" fmla="*/ 367 w 506"/>
                <a:gd name="T51" fmla="*/ 577 h 587"/>
                <a:gd name="T52" fmla="*/ 360 w 506"/>
                <a:gd name="T53" fmla="*/ 545 h 587"/>
                <a:gd name="T54" fmla="*/ 376 w 506"/>
                <a:gd name="T55" fmla="*/ 479 h 587"/>
                <a:gd name="T56" fmla="*/ 374 w 506"/>
                <a:gd name="T57" fmla="*/ 416 h 587"/>
                <a:gd name="T58" fmla="*/ 341 w 506"/>
                <a:gd name="T59" fmla="*/ 373 h 587"/>
                <a:gd name="T60" fmla="*/ 348 w 506"/>
                <a:gd name="T61" fmla="*/ 338 h 587"/>
                <a:gd name="T62" fmla="*/ 318 w 506"/>
                <a:gd name="T63" fmla="*/ 301 h 587"/>
                <a:gd name="T64" fmla="*/ 286 w 506"/>
                <a:gd name="T65" fmla="*/ 282 h 587"/>
                <a:gd name="T66" fmla="*/ 238 w 506"/>
                <a:gd name="T67" fmla="*/ 254 h 587"/>
                <a:gd name="T68" fmla="*/ 210 w 506"/>
                <a:gd name="T69" fmla="*/ 225 h 587"/>
                <a:gd name="T70" fmla="*/ 210 w 506"/>
                <a:gd name="T71" fmla="*/ 237 h 587"/>
                <a:gd name="T72" fmla="*/ 181 w 506"/>
                <a:gd name="T73" fmla="*/ 201 h 587"/>
                <a:gd name="T74" fmla="*/ 163 w 506"/>
                <a:gd name="T75" fmla="*/ 137 h 587"/>
                <a:gd name="T76" fmla="*/ 153 w 506"/>
                <a:gd name="T77" fmla="*/ 119 h 587"/>
                <a:gd name="T78" fmla="*/ 125 w 506"/>
                <a:gd name="T79" fmla="*/ 89 h 587"/>
                <a:gd name="T80" fmla="*/ 77 w 506"/>
                <a:gd name="T81" fmla="*/ 74 h 587"/>
                <a:gd name="T82" fmla="*/ 54 w 506"/>
                <a:gd name="T83" fmla="*/ 86 h 587"/>
                <a:gd name="T84" fmla="*/ 30 w 506"/>
                <a:gd name="T85" fmla="*/ 101 h 587"/>
                <a:gd name="T86" fmla="*/ 13 w 506"/>
                <a:gd name="T87" fmla="*/ 78 h 587"/>
                <a:gd name="T88" fmla="*/ 5 w 506"/>
                <a:gd name="T89" fmla="*/ 50 h 587"/>
                <a:gd name="T90" fmla="*/ 14 w 506"/>
                <a:gd name="T91" fmla="*/ 32 h 587"/>
                <a:gd name="T92" fmla="*/ 49 w 506"/>
                <a:gd name="T93" fmla="*/ 11 h 587"/>
                <a:gd name="T94" fmla="*/ 131 w 506"/>
                <a:gd name="T95" fmla="*/ 19 h 587"/>
                <a:gd name="T96" fmla="*/ 170 w 506"/>
                <a:gd name="T97" fmla="*/ 21 h 587"/>
                <a:gd name="T98" fmla="*/ 231 w 506"/>
                <a:gd name="T99" fmla="*/ 37 h 587"/>
                <a:gd name="T100" fmla="*/ 275 w 506"/>
                <a:gd name="T101" fmla="*/ 27 h 587"/>
                <a:gd name="T102" fmla="*/ 287 w 506"/>
                <a:gd name="T103" fmla="*/ 6 h 587"/>
                <a:gd name="T104" fmla="*/ 310 w 506"/>
                <a:gd name="T105" fmla="*/ 26 h 587"/>
                <a:gd name="T106" fmla="*/ 166 w 506"/>
                <a:gd name="T107" fmla="*/ 44 h 587"/>
                <a:gd name="T108" fmla="*/ 214 w 506"/>
                <a:gd name="T109" fmla="*/ 69 h 587"/>
                <a:gd name="T110" fmla="*/ 206 w 506"/>
                <a:gd name="T111" fmla="*/ 68 h 587"/>
                <a:gd name="T112" fmla="*/ 273 w 506"/>
                <a:gd name="T113" fmla="*/ 128 h 587"/>
                <a:gd name="T114" fmla="*/ 295 w 506"/>
                <a:gd name="T115" fmla="*/ 151 h 587"/>
                <a:gd name="T116" fmla="*/ 314 w 506"/>
                <a:gd name="T117" fmla="*/ 138 h 587"/>
                <a:gd name="T118" fmla="*/ 310 w 506"/>
                <a:gd name="T119" fmla="*/ 174 h 587"/>
                <a:gd name="T120" fmla="*/ 344 w 506"/>
                <a:gd name="T121" fmla="*/ 162 h 587"/>
                <a:gd name="T122" fmla="*/ 334 w 506"/>
                <a:gd name="T123" fmla="*/ 173 h 58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506" h="587">
                  <a:moveTo>
                    <a:pt x="308" y="32"/>
                  </a:moveTo>
                  <a:cubicBezTo>
                    <a:pt x="309" y="33"/>
                    <a:pt x="311" y="30"/>
                    <a:pt x="310" y="34"/>
                  </a:cubicBezTo>
                  <a:cubicBezTo>
                    <a:pt x="313" y="34"/>
                    <a:pt x="313" y="34"/>
                    <a:pt x="313" y="34"/>
                  </a:cubicBezTo>
                  <a:cubicBezTo>
                    <a:pt x="315" y="34"/>
                    <a:pt x="315" y="32"/>
                    <a:pt x="315" y="30"/>
                  </a:cubicBezTo>
                  <a:cubicBezTo>
                    <a:pt x="316" y="29"/>
                    <a:pt x="317" y="28"/>
                    <a:pt x="317" y="27"/>
                  </a:cubicBezTo>
                  <a:cubicBezTo>
                    <a:pt x="320" y="28"/>
                    <a:pt x="318" y="24"/>
                    <a:pt x="321" y="25"/>
                  </a:cubicBezTo>
                  <a:cubicBezTo>
                    <a:pt x="321" y="18"/>
                    <a:pt x="321" y="18"/>
                    <a:pt x="321" y="18"/>
                  </a:cubicBezTo>
                  <a:cubicBezTo>
                    <a:pt x="324" y="18"/>
                    <a:pt x="326" y="17"/>
                    <a:pt x="328" y="18"/>
                  </a:cubicBezTo>
                  <a:cubicBezTo>
                    <a:pt x="329" y="19"/>
                    <a:pt x="329" y="20"/>
                    <a:pt x="329" y="21"/>
                  </a:cubicBezTo>
                  <a:cubicBezTo>
                    <a:pt x="330" y="21"/>
                    <a:pt x="331" y="21"/>
                    <a:pt x="331" y="21"/>
                  </a:cubicBezTo>
                  <a:cubicBezTo>
                    <a:pt x="333" y="21"/>
                    <a:pt x="333" y="23"/>
                    <a:pt x="334" y="23"/>
                  </a:cubicBezTo>
                  <a:cubicBezTo>
                    <a:pt x="335" y="26"/>
                    <a:pt x="333" y="27"/>
                    <a:pt x="331" y="28"/>
                  </a:cubicBezTo>
                  <a:cubicBezTo>
                    <a:pt x="333" y="29"/>
                    <a:pt x="333" y="33"/>
                    <a:pt x="335" y="33"/>
                  </a:cubicBezTo>
                  <a:cubicBezTo>
                    <a:pt x="334" y="36"/>
                    <a:pt x="332" y="36"/>
                    <a:pt x="331" y="38"/>
                  </a:cubicBezTo>
                  <a:cubicBezTo>
                    <a:pt x="330" y="38"/>
                    <a:pt x="329" y="40"/>
                    <a:pt x="328" y="38"/>
                  </a:cubicBezTo>
                  <a:cubicBezTo>
                    <a:pt x="327" y="39"/>
                    <a:pt x="327" y="42"/>
                    <a:pt x="326" y="43"/>
                  </a:cubicBezTo>
                  <a:cubicBezTo>
                    <a:pt x="325" y="42"/>
                    <a:pt x="326" y="40"/>
                    <a:pt x="322" y="41"/>
                  </a:cubicBezTo>
                  <a:cubicBezTo>
                    <a:pt x="322" y="40"/>
                    <a:pt x="323" y="40"/>
                    <a:pt x="324" y="40"/>
                  </a:cubicBezTo>
                  <a:cubicBezTo>
                    <a:pt x="322" y="37"/>
                    <a:pt x="318" y="41"/>
                    <a:pt x="315" y="40"/>
                  </a:cubicBezTo>
                  <a:cubicBezTo>
                    <a:pt x="316" y="43"/>
                    <a:pt x="315" y="42"/>
                    <a:pt x="315" y="46"/>
                  </a:cubicBezTo>
                  <a:cubicBezTo>
                    <a:pt x="314" y="46"/>
                    <a:pt x="314" y="45"/>
                    <a:pt x="314" y="44"/>
                  </a:cubicBezTo>
                  <a:cubicBezTo>
                    <a:pt x="312" y="44"/>
                    <a:pt x="312" y="47"/>
                    <a:pt x="309" y="47"/>
                  </a:cubicBezTo>
                  <a:cubicBezTo>
                    <a:pt x="310" y="48"/>
                    <a:pt x="311" y="47"/>
                    <a:pt x="311" y="49"/>
                  </a:cubicBezTo>
                  <a:cubicBezTo>
                    <a:pt x="311" y="50"/>
                    <a:pt x="310" y="51"/>
                    <a:pt x="310" y="53"/>
                  </a:cubicBezTo>
                  <a:cubicBezTo>
                    <a:pt x="308" y="51"/>
                    <a:pt x="305" y="56"/>
                    <a:pt x="305" y="55"/>
                  </a:cubicBezTo>
                  <a:cubicBezTo>
                    <a:pt x="304" y="55"/>
                    <a:pt x="303" y="54"/>
                    <a:pt x="303" y="57"/>
                  </a:cubicBezTo>
                  <a:cubicBezTo>
                    <a:pt x="299" y="57"/>
                    <a:pt x="299" y="57"/>
                    <a:pt x="299" y="57"/>
                  </a:cubicBezTo>
                  <a:cubicBezTo>
                    <a:pt x="298" y="58"/>
                    <a:pt x="298" y="60"/>
                    <a:pt x="298" y="61"/>
                  </a:cubicBezTo>
                  <a:cubicBezTo>
                    <a:pt x="297" y="60"/>
                    <a:pt x="296" y="60"/>
                    <a:pt x="296" y="62"/>
                  </a:cubicBezTo>
                  <a:cubicBezTo>
                    <a:pt x="294" y="60"/>
                    <a:pt x="294" y="62"/>
                    <a:pt x="291" y="62"/>
                  </a:cubicBezTo>
                  <a:cubicBezTo>
                    <a:pt x="292" y="63"/>
                    <a:pt x="292" y="64"/>
                    <a:pt x="292" y="66"/>
                  </a:cubicBezTo>
                  <a:cubicBezTo>
                    <a:pt x="290" y="64"/>
                    <a:pt x="291" y="66"/>
                    <a:pt x="289" y="69"/>
                  </a:cubicBezTo>
                  <a:cubicBezTo>
                    <a:pt x="288" y="71"/>
                    <a:pt x="286" y="73"/>
                    <a:pt x="285" y="77"/>
                  </a:cubicBezTo>
                  <a:cubicBezTo>
                    <a:pt x="283" y="79"/>
                    <a:pt x="282" y="81"/>
                    <a:pt x="281" y="83"/>
                  </a:cubicBezTo>
                  <a:cubicBezTo>
                    <a:pt x="281" y="85"/>
                    <a:pt x="282" y="83"/>
                    <a:pt x="282" y="83"/>
                  </a:cubicBezTo>
                  <a:cubicBezTo>
                    <a:pt x="283" y="83"/>
                    <a:pt x="282" y="84"/>
                    <a:pt x="283" y="84"/>
                  </a:cubicBezTo>
                  <a:cubicBezTo>
                    <a:pt x="283" y="84"/>
                    <a:pt x="284" y="86"/>
                    <a:pt x="285" y="86"/>
                  </a:cubicBezTo>
                  <a:cubicBezTo>
                    <a:pt x="285" y="86"/>
                    <a:pt x="286" y="84"/>
                    <a:pt x="288" y="86"/>
                  </a:cubicBezTo>
                  <a:cubicBezTo>
                    <a:pt x="289" y="86"/>
                    <a:pt x="289" y="87"/>
                    <a:pt x="290" y="87"/>
                  </a:cubicBezTo>
                  <a:cubicBezTo>
                    <a:pt x="290" y="91"/>
                    <a:pt x="290" y="91"/>
                    <a:pt x="290" y="91"/>
                  </a:cubicBezTo>
                  <a:cubicBezTo>
                    <a:pt x="291" y="92"/>
                    <a:pt x="292" y="91"/>
                    <a:pt x="292" y="93"/>
                  </a:cubicBezTo>
                  <a:cubicBezTo>
                    <a:pt x="293" y="94"/>
                    <a:pt x="294" y="94"/>
                    <a:pt x="294" y="96"/>
                  </a:cubicBezTo>
                  <a:cubicBezTo>
                    <a:pt x="299" y="95"/>
                    <a:pt x="303" y="97"/>
                    <a:pt x="306" y="96"/>
                  </a:cubicBezTo>
                  <a:cubicBezTo>
                    <a:pt x="306" y="99"/>
                    <a:pt x="310" y="98"/>
                    <a:pt x="312" y="100"/>
                  </a:cubicBezTo>
                  <a:cubicBezTo>
                    <a:pt x="313" y="101"/>
                    <a:pt x="313" y="100"/>
                    <a:pt x="313" y="101"/>
                  </a:cubicBezTo>
                  <a:cubicBezTo>
                    <a:pt x="313" y="103"/>
                    <a:pt x="314" y="101"/>
                    <a:pt x="314" y="101"/>
                  </a:cubicBezTo>
                  <a:cubicBezTo>
                    <a:pt x="315" y="101"/>
                    <a:pt x="315" y="103"/>
                    <a:pt x="316" y="103"/>
                  </a:cubicBezTo>
                  <a:cubicBezTo>
                    <a:pt x="318" y="104"/>
                    <a:pt x="319" y="103"/>
                    <a:pt x="319" y="105"/>
                  </a:cubicBezTo>
                  <a:cubicBezTo>
                    <a:pt x="324" y="105"/>
                    <a:pt x="327" y="107"/>
                    <a:pt x="331" y="107"/>
                  </a:cubicBezTo>
                  <a:cubicBezTo>
                    <a:pt x="332" y="110"/>
                    <a:pt x="331" y="113"/>
                    <a:pt x="332" y="115"/>
                  </a:cubicBezTo>
                  <a:cubicBezTo>
                    <a:pt x="332" y="114"/>
                    <a:pt x="333" y="116"/>
                    <a:pt x="333" y="116"/>
                  </a:cubicBezTo>
                  <a:cubicBezTo>
                    <a:pt x="333" y="116"/>
                    <a:pt x="332" y="118"/>
                    <a:pt x="332" y="117"/>
                  </a:cubicBezTo>
                  <a:cubicBezTo>
                    <a:pt x="333" y="119"/>
                    <a:pt x="334" y="118"/>
                    <a:pt x="334" y="118"/>
                  </a:cubicBezTo>
                  <a:cubicBezTo>
                    <a:pt x="334" y="119"/>
                    <a:pt x="332" y="121"/>
                    <a:pt x="335" y="120"/>
                  </a:cubicBezTo>
                  <a:cubicBezTo>
                    <a:pt x="335" y="121"/>
                    <a:pt x="334" y="122"/>
                    <a:pt x="334" y="123"/>
                  </a:cubicBezTo>
                  <a:cubicBezTo>
                    <a:pt x="334" y="124"/>
                    <a:pt x="335" y="124"/>
                    <a:pt x="335" y="123"/>
                  </a:cubicBezTo>
                  <a:cubicBezTo>
                    <a:pt x="336" y="123"/>
                    <a:pt x="336" y="125"/>
                    <a:pt x="336" y="125"/>
                  </a:cubicBezTo>
                  <a:cubicBezTo>
                    <a:pt x="336" y="125"/>
                    <a:pt x="338" y="125"/>
                    <a:pt x="338" y="125"/>
                  </a:cubicBezTo>
                  <a:cubicBezTo>
                    <a:pt x="339" y="126"/>
                    <a:pt x="343" y="126"/>
                    <a:pt x="346" y="125"/>
                  </a:cubicBezTo>
                  <a:cubicBezTo>
                    <a:pt x="347" y="121"/>
                    <a:pt x="347" y="119"/>
                    <a:pt x="346" y="116"/>
                  </a:cubicBezTo>
                  <a:cubicBezTo>
                    <a:pt x="346" y="114"/>
                    <a:pt x="344" y="115"/>
                    <a:pt x="344" y="115"/>
                  </a:cubicBezTo>
                  <a:cubicBezTo>
                    <a:pt x="343" y="113"/>
                    <a:pt x="345" y="110"/>
                    <a:pt x="342" y="111"/>
                  </a:cubicBezTo>
                  <a:cubicBezTo>
                    <a:pt x="342" y="110"/>
                    <a:pt x="344" y="110"/>
                    <a:pt x="344" y="108"/>
                  </a:cubicBezTo>
                  <a:cubicBezTo>
                    <a:pt x="348" y="109"/>
                    <a:pt x="347" y="106"/>
                    <a:pt x="350" y="106"/>
                  </a:cubicBezTo>
                  <a:cubicBezTo>
                    <a:pt x="352" y="106"/>
                    <a:pt x="351" y="104"/>
                    <a:pt x="351" y="103"/>
                  </a:cubicBezTo>
                  <a:cubicBezTo>
                    <a:pt x="351" y="103"/>
                    <a:pt x="354" y="104"/>
                    <a:pt x="354" y="103"/>
                  </a:cubicBezTo>
                  <a:cubicBezTo>
                    <a:pt x="352" y="99"/>
                    <a:pt x="355" y="95"/>
                    <a:pt x="353" y="93"/>
                  </a:cubicBezTo>
                  <a:cubicBezTo>
                    <a:pt x="353" y="91"/>
                    <a:pt x="352" y="93"/>
                    <a:pt x="352" y="93"/>
                  </a:cubicBezTo>
                  <a:cubicBezTo>
                    <a:pt x="351" y="92"/>
                    <a:pt x="352" y="89"/>
                    <a:pt x="349" y="90"/>
                  </a:cubicBezTo>
                  <a:cubicBezTo>
                    <a:pt x="350" y="88"/>
                    <a:pt x="348" y="88"/>
                    <a:pt x="348" y="86"/>
                  </a:cubicBezTo>
                  <a:cubicBezTo>
                    <a:pt x="348" y="84"/>
                    <a:pt x="349" y="83"/>
                    <a:pt x="351" y="83"/>
                  </a:cubicBezTo>
                  <a:cubicBezTo>
                    <a:pt x="350" y="82"/>
                    <a:pt x="353" y="77"/>
                    <a:pt x="348" y="76"/>
                  </a:cubicBezTo>
                  <a:cubicBezTo>
                    <a:pt x="349" y="76"/>
                    <a:pt x="349" y="75"/>
                    <a:pt x="349" y="74"/>
                  </a:cubicBezTo>
                  <a:cubicBezTo>
                    <a:pt x="349" y="74"/>
                    <a:pt x="348" y="73"/>
                    <a:pt x="348" y="73"/>
                  </a:cubicBezTo>
                  <a:cubicBezTo>
                    <a:pt x="349" y="72"/>
                    <a:pt x="350" y="73"/>
                    <a:pt x="349" y="72"/>
                  </a:cubicBezTo>
                  <a:cubicBezTo>
                    <a:pt x="349" y="71"/>
                    <a:pt x="348" y="71"/>
                    <a:pt x="348" y="70"/>
                  </a:cubicBezTo>
                  <a:cubicBezTo>
                    <a:pt x="348" y="69"/>
                    <a:pt x="350" y="67"/>
                    <a:pt x="348" y="66"/>
                  </a:cubicBezTo>
                  <a:cubicBezTo>
                    <a:pt x="349" y="65"/>
                    <a:pt x="356" y="64"/>
                    <a:pt x="355" y="67"/>
                  </a:cubicBezTo>
                  <a:cubicBezTo>
                    <a:pt x="359" y="67"/>
                    <a:pt x="364" y="68"/>
                    <a:pt x="366" y="65"/>
                  </a:cubicBezTo>
                  <a:cubicBezTo>
                    <a:pt x="368" y="68"/>
                    <a:pt x="373" y="68"/>
                    <a:pt x="372" y="73"/>
                  </a:cubicBezTo>
                  <a:cubicBezTo>
                    <a:pt x="380" y="73"/>
                    <a:pt x="380" y="73"/>
                    <a:pt x="380" y="73"/>
                  </a:cubicBezTo>
                  <a:cubicBezTo>
                    <a:pt x="380" y="74"/>
                    <a:pt x="381" y="74"/>
                    <a:pt x="382" y="75"/>
                  </a:cubicBezTo>
                  <a:cubicBezTo>
                    <a:pt x="382" y="76"/>
                    <a:pt x="382" y="78"/>
                    <a:pt x="382" y="80"/>
                  </a:cubicBezTo>
                  <a:cubicBezTo>
                    <a:pt x="382" y="82"/>
                    <a:pt x="384" y="85"/>
                    <a:pt x="383" y="85"/>
                  </a:cubicBezTo>
                  <a:cubicBezTo>
                    <a:pt x="383" y="86"/>
                    <a:pt x="385" y="86"/>
                    <a:pt x="386" y="86"/>
                  </a:cubicBezTo>
                  <a:cubicBezTo>
                    <a:pt x="385" y="89"/>
                    <a:pt x="389" y="87"/>
                    <a:pt x="387" y="90"/>
                  </a:cubicBezTo>
                  <a:cubicBezTo>
                    <a:pt x="391" y="91"/>
                    <a:pt x="392" y="88"/>
                    <a:pt x="395" y="89"/>
                  </a:cubicBezTo>
                  <a:cubicBezTo>
                    <a:pt x="395" y="88"/>
                    <a:pt x="395" y="87"/>
                    <a:pt x="394" y="87"/>
                  </a:cubicBezTo>
                  <a:cubicBezTo>
                    <a:pt x="395" y="85"/>
                    <a:pt x="396" y="85"/>
                    <a:pt x="397" y="86"/>
                  </a:cubicBezTo>
                  <a:cubicBezTo>
                    <a:pt x="396" y="83"/>
                    <a:pt x="399" y="83"/>
                    <a:pt x="400" y="82"/>
                  </a:cubicBezTo>
                  <a:cubicBezTo>
                    <a:pt x="401" y="81"/>
                    <a:pt x="399" y="81"/>
                    <a:pt x="399" y="81"/>
                  </a:cubicBezTo>
                  <a:cubicBezTo>
                    <a:pt x="399" y="80"/>
                    <a:pt x="401" y="80"/>
                    <a:pt x="403" y="79"/>
                  </a:cubicBezTo>
                  <a:cubicBezTo>
                    <a:pt x="401" y="81"/>
                    <a:pt x="402" y="81"/>
                    <a:pt x="405" y="84"/>
                  </a:cubicBezTo>
                  <a:cubicBezTo>
                    <a:pt x="406" y="86"/>
                    <a:pt x="407" y="88"/>
                    <a:pt x="411" y="88"/>
                  </a:cubicBezTo>
                  <a:cubicBezTo>
                    <a:pt x="410" y="89"/>
                    <a:pt x="409" y="89"/>
                    <a:pt x="409" y="90"/>
                  </a:cubicBezTo>
                  <a:cubicBezTo>
                    <a:pt x="409" y="91"/>
                    <a:pt x="411" y="91"/>
                    <a:pt x="411" y="93"/>
                  </a:cubicBezTo>
                  <a:cubicBezTo>
                    <a:pt x="412" y="93"/>
                    <a:pt x="411" y="91"/>
                    <a:pt x="411" y="91"/>
                  </a:cubicBezTo>
                  <a:cubicBezTo>
                    <a:pt x="414" y="90"/>
                    <a:pt x="411" y="95"/>
                    <a:pt x="414" y="94"/>
                  </a:cubicBezTo>
                  <a:cubicBezTo>
                    <a:pt x="413" y="96"/>
                    <a:pt x="415" y="97"/>
                    <a:pt x="412" y="99"/>
                  </a:cubicBezTo>
                  <a:cubicBezTo>
                    <a:pt x="413" y="101"/>
                    <a:pt x="415" y="100"/>
                    <a:pt x="416" y="101"/>
                  </a:cubicBezTo>
                  <a:cubicBezTo>
                    <a:pt x="417" y="102"/>
                    <a:pt x="415" y="103"/>
                    <a:pt x="415" y="103"/>
                  </a:cubicBezTo>
                  <a:cubicBezTo>
                    <a:pt x="416" y="104"/>
                    <a:pt x="418" y="104"/>
                    <a:pt x="418" y="104"/>
                  </a:cubicBezTo>
                  <a:cubicBezTo>
                    <a:pt x="419" y="105"/>
                    <a:pt x="420" y="106"/>
                    <a:pt x="420" y="106"/>
                  </a:cubicBezTo>
                  <a:cubicBezTo>
                    <a:pt x="422" y="107"/>
                    <a:pt x="424" y="107"/>
                    <a:pt x="425" y="109"/>
                  </a:cubicBezTo>
                  <a:cubicBezTo>
                    <a:pt x="426" y="109"/>
                    <a:pt x="427" y="105"/>
                    <a:pt x="428" y="108"/>
                  </a:cubicBezTo>
                  <a:cubicBezTo>
                    <a:pt x="428" y="111"/>
                    <a:pt x="425" y="111"/>
                    <a:pt x="423" y="111"/>
                  </a:cubicBezTo>
                  <a:cubicBezTo>
                    <a:pt x="425" y="113"/>
                    <a:pt x="427" y="113"/>
                    <a:pt x="431" y="114"/>
                  </a:cubicBezTo>
                  <a:cubicBezTo>
                    <a:pt x="430" y="115"/>
                    <a:pt x="431" y="115"/>
                    <a:pt x="432" y="116"/>
                  </a:cubicBezTo>
                  <a:cubicBezTo>
                    <a:pt x="432" y="117"/>
                    <a:pt x="433" y="119"/>
                    <a:pt x="434" y="118"/>
                  </a:cubicBezTo>
                  <a:cubicBezTo>
                    <a:pt x="434" y="120"/>
                    <a:pt x="433" y="121"/>
                    <a:pt x="433" y="123"/>
                  </a:cubicBezTo>
                  <a:cubicBezTo>
                    <a:pt x="431" y="124"/>
                    <a:pt x="430" y="124"/>
                    <a:pt x="428" y="125"/>
                  </a:cubicBezTo>
                  <a:cubicBezTo>
                    <a:pt x="427" y="125"/>
                    <a:pt x="428" y="126"/>
                    <a:pt x="427" y="126"/>
                  </a:cubicBezTo>
                  <a:cubicBezTo>
                    <a:pt x="426" y="126"/>
                    <a:pt x="425" y="126"/>
                    <a:pt x="425" y="127"/>
                  </a:cubicBezTo>
                  <a:cubicBezTo>
                    <a:pt x="425" y="129"/>
                    <a:pt x="423" y="127"/>
                    <a:pt x="423" y="127"/>
                  </a:cubicBezTo>
                  <a:cubicBezTo>
                    <a:pt x="423" y="127"/>
                    <a:pt x="421" y="129"/>
                    <a:pt x="421" y="129"/>
                  </a:cubicBezTo>
                  <a:cubicBezTo>
                    <a:pt x="421" y="129"/>
                    <a:pt x="420" y="131"/>
                    <a:pt x="420" y="132"/>
                  </a:cubicBezTo>
                  <a:cubicBezTo>
                    <a:pt x="419" y="133"/>
                    <a:pt x="416" y="132"/>
                    <a:pt x="418" y="133"/>
                  </a:cubicBezTo>
                  <a:cubicBezTo>
                    <a:pt x="417" y="135"/>
                    <a:pt x="414" y="134"/>
                    <a:pt x="412" y="134"/>
                  </a:cubicBezTo>
                  <a:cubicBezTo>
                    <a:pt x="410" y="134"/>
                    <a:pt x="409" y="134"/>
                    <a:pt x="407" y="134"/>
                  </a:cubicBezTo>
                  <a:cubicBezTo>
                    <a:pt x="405" y="134"/>
                    <a:pt x="405" y="133"/>
                    <a:pt x="404" y="133"/>
                  </a:cubicBezTo>
                  <a:cubicBezTo>
                    <a:pt x="399" y="132"/>
                    <a:pt x="395" y="133"/>
                    <a:pt x="391" y="134"/>
                  </a:cubicBezTo>
                  <a:cubicBezTo>
                    <a:pt x="388" y="135"/>
                    <a:pt x="387" y="139"/>
                    <a:pt x="383" y="139"/>
                  </a:cubicBezTo>
                  <a:cubicBezTo>
                    <a:pt x="385" y="142"/>
                    <a:pt x="381" y="142"/>
                    <a:pt x="380" y="143"/>
                  </a:cubicBezTo>
                  <a:cubicBezTo>
                    <a:pt x="380" y="144"/>
                    <a:pt x="381" y="145"/>
                    <a:pt x="381" y="146"/>
                  </a:cubicBezTo>
                  <a:cubicBezTo>
                    <a:pt x="382" y="145"/>
                    <a:pt x="383" y="143"/>
                    <a:pt x="384" y="142"/>
                  </a:cubicBezTo>
                  <a:cubicBezTo>
                    <a:pt x="385" y="142"/>
                    <a:pt x="388" y="142"/>
                    <a:pt x="388" y="140"/>
                  </a:cubicBezTo>
                  <a:cubicBezTo>
                    <a:pt x="388" y="137"/>
                    <a:pt x="389" y="143"/>
                    <a:pt x="390" y="138"/>
                  </a:cubicBezTo>
                  <a:cubicBezTo>
                    <a:pt x="391" y="138"/>
                    <a:pt x="391" y="139"/>
                    <a:pt x="391" y="139"/>
                  </a:cubicBezTo>
                  <a:cubicBezTo>
                    <a:pt x="392" y="139"/>
                    <a:pt x="392" y="138"/>
                    <a:pt x="392" y="138"/>
                  </a:cubicBezTo>
                  <a:cubicBezTo>
                    <a:pt x="394" y="137"/>
                    <a:pt x="396" y="138"/>
                    <a:pt x="399" y="138"/>
                  </a:cubicBezTo>
                  <a:cubicBezTo>
                    <a:pt x="399" y="139"/>
                    <a:pt x="400" y="138"/>
                    <a:pt x="400" y="138"/>
                  </a:cubicBezTo>
                  <a:cubicBezTo>
                    <a:pt x="402" y="137"/>
                    <a:pt x="402" y="143"/>
                    <a:pt x="399" y="141"/>
                  </a:cubicBezTo>
                  <a:cubicBezTo>
                    <a:pt x="401" y="144"/>
                    <a:pt x="397" y="144"/>
                    <a:pt x="398" y="148"/>
                  </a:cubicBezTo>
                  <a:cubicBezTo>
                    <a:pt x="399" y="149"/>
                    <a:pt x="399" y="150"/>
                    <a:pt x="399" y="151"/>
                  </a:cubicBezTo>
                  <a:cubicBezTo>
                    <a:pt x="400" y="150"/>
                    <a:pt x="401" y="150"/>
                    <a:pt x="401" y="151"/>
                  </a:cubicBezTo>
                  <a:cubicBezTo>
                    <a:pt x="401" y="152"/>
                    <a:pt x="402" y="151"/>
                    <a:pt x="403" y="152"/>
                  </a:cubicBezTo>
                  <a:cubicBezTo>
                    <a:pt x="403" y="152"/>
                    <a:pt x="404" y="154"/>
                    <a:pt x="405" y="154"/>
                  </a:cubicBezTo>
                  <a:cubicBezTo>
                    <a:pt x="405" y="154"/>
                    <a:pt x="406" y="154"/>
                    <a:pt x="407" y="154"/>
                  </a:cubicBezTo>
                  <a:cubicBezTo>
                    <a:pt x="407" y="154"/>
                    <a:pt x="408" y="155"/>
                    <a:pt x="408" y="155"/>
                  </a:cubicBezTo>
                  <a:cubicBezTo>
                    <a:pt x="409" y="155"/>
                    <a:pt x="410" y="153"/>
                    <a:pt x="411" y="155"/>
                  </a:cubicBezTo>
                  <a:cubicBezTo>
                    <a:pt x="413" y="155"/>
                    <a:pt x="412" y="153"/>
                    <a:pt x="412" y="153"/>
                  </a:cubicBezTo>
                  <a:cubicBezTo>
                    <a:pt x="413" y="153"/>
                    <a:pt x="414" y="153"/>
                    <a:pt x="414" y="153"/>
                  </a:cubicBezTo>
                  <a:cubicBezTo>
                    <a:pt x="415" y="152"/>
                    <a:pt x="414" y="151"/>
                    <a:pt x="414" y="150"/>
                  </a:cubicBezTo>
                  <a:cubicBezTo>
                    <a:pt x="416" y="150"/>
                    <a:pt x="416" y="151"/>
                    <a:pt x="416" y="152"/>
                  </a:cubicBezTo>
                  <a:cubicBezTo>
                    <a:pt x="417" y="153"/>
                    <a:pt x="419" y="153"/>
                    <a:pt x="418" y="156"/>
                  </a:cubicBezTo>
                  <a:cubicBezTo>
                    <a:pt x="417" y="156"/>
                    <a:pt x="416" y="154"/>
                    <a:pt x="415" y="155"/>
                  </a:cubicBezTo>
                  <a:cubicBezTo>
                    <a:pt x="414" y="155"/>
                    <a:pt x="414" y="157"/>
                    <a:pt x="412" y="158"/>
                  </a:cubicBezTo>
                  <a:cubicBezTo>
                    <a:pt x="412" y="158"/>
                    <a:pt x="410" y="157"/>
                    <a:pt x="410" y="158"/>
                  </a:cubicBezTo>
                  <a:cubicBezTo>
                    <a:pt x="408" y="158"/>
                    <a:pt x="408" y="160"/>
                    <a:pt x="405" y="159"/>
                  </a:cubicBezTo>
                  <a:cubicBezTo>
                    <a:pt x="403" y="159"/>
                    <a:pt x="404" y="162"/>
                    <a:pt x="403" y="162"/>
                  </a:cubicBezTo>
                  <a:cubicBezTo>
                    <a:pt x="402" y="163"/>
                    <a:pt x="402" y="162"/>
                    <a:pt x="402" y="161"/>
                  </a:cubicBezTo>
                  <a:cubicBezTo>
                    <a:pt x="400" y="163"/>
                    <a:pt x="400" y="165"/>
                    <a:pt x="397" y="164"/>
                  </a:cubicBezTo>
                  <a:cubicBezTo>
                    <a:pt x="399" y="162"/>
                    <a:pt x="397" y="163"/>
                    <a:pt x="397" y="160"/>
                  </a:cubicBezTo>
                  <a:cubicBezTo>
                    <a:pt x="399" y="160"/>
                    <a:pt x="400" y="157"/>
                    <a:pt x="402" y="159"/>
                  </a:cubicBezTo>
                  <a:cubicBezTo>
                    <a:pt x="403" y="156"/>
                    <a:pt x="400" y="157"/>
                    <a:pt x="399" y="156"/>
                  </a:cubicBezTo>
                  <a:cubicBezTo>
                    <a:pt x="397" y="155"/>
                    <a:pt x="395" y="158"/>
                    <a:pt x="393" y="159"/>
                  </a:cubicBezTo>
                  <a:cubicBezTo>
                    <a:pt x="393" y="159"/>
                    <a:pt x="391" y="159"/>
                    <a:pt x="390" y="159"/>
                  </a:cubicBezTo>
                  <a:cubicBezTo>
                    <a:pt x="390" y="160"/>
                    <a:pt x="390" y="160"/>
                    <a:pt x="390" y="161"/>
                  </a:cubicBezTo>
                  <a:cubicBezTo>
                    <a:pt x="384" y="161"/>
                    <a:pt x="385" y="164"/>
                    <a:pt x="380" y="162"/>
                  </a:cubicBezTo>
                  <a:cubicBezTo>
                    <a:pt x="382" y="164"/>
                    <a:pt x="383" y="164"/>
                    <a:pt x="378" y="164"/>
                  </a:cubicBezTo>
                  <a:cubicBezTo>
                    <a:pt x="376" y="166"/>
                    <a:pt x="375" y="171"/>
                    <a:pt x="378" y="172"/>
                  </a:cubicBezTo>
                  <a:cubicBezTo>
                    <a:pt x="378" y="174"/>
                    <a:pt x="375" y="173"/>
                    <a:pt x="376" y="176"/>
                  </a:cubicBezTo>
                  <a:cubicBezTo>
                    <a:pt x="375" y="176"/>
                    <a:pt x="374" y="175"/>
                    <a:pt x="373" y="176"/>
                  </a:cubicBezTo>
                  <a:cubicBezTo>
                    <a:pt x="372" y="176"/>
                    <a:pt x="372" y="177"/>
                    <a:pt x="371" y="178"/>
                  </a:cubicBezTo>
                  <a:cubicBezTo>
                    <a:pt x="370" y="179"/>
                    <a:pt x="367" y="178"/>
                    <a:pt x="366" y="180"/>
                  </a:cubicBezTo>
                  <a:cubicBezTo>
                    <a:pt x="365" y="180"/>
                    <a:pt x="364" y="181"/>
                    <a:pt x="364" y="181"/>
                  </a:cubicBezTo>
                  <a:cubicBezTo>
                    <a:pt x="363" y="183"/>
                    <a:pt x="362" y="185"/>
                    <a:pt x="361" y="186"/>
                  </a:cubicBezTo>
                  <a:cubicBezTo>
                    <a:pt x="360" y="187"/>
                    <a:pt x="358" y="187"/>
                    <a:pt x="359" y="191"/>
                  </a:cubicBezTo>
                  <a:cubicBezTo>
                    <a:pt x="357" y="191"/>
                    <a:pt x="357" y="188"/>
                    <a:pt x="355" y="188"/>
                  </a:cubicBezTo>
                  <a:cubicBezTo>
                    <a:pt x="354" y="188"/>
                    <a:pt x="355" y="190"/>
                    <a:pt x="353" y="190"/>
                  </a:cubicBezTo>
                  <a:cubicBezTo>
                    <a:pt x="357" y="194"/>
                    <a:pt x="357" y="197"/>
                    <a:pt x="357" y="202"/>
                  </a:cubicBezTo>
                  <a:cubicBezTo>
                    <a:pt x="355" y="202"/>
                    <a:pt x="356" y="204"/>
                    <a:pt x="355" y="204"/>
                  </a:cubicBezTo>
                  <a:cubicBezTo>
                    <a:pt x="355" y="205"/>
                    <a:pt x="354" y="204"/>
                    <a:pt x="353" y="204"/>
                  </a:cubicBezTo>
                  <a:cubicBezTo>
                    <a:pt x="353" y="205"/>
                    <a:pt x="352" y="206"/>
                    <a:pt x="351" y="206"/>
                  </a:cubicBezTo>
                  <a:cubicBezTo>
                    <a:pt x="350" y="207"/>
                    <a:pt x="349" y="209"/>
                    <a:pt x="348" y="209"/>
                  </a:cubicBezTo>
                  <a:cubicBezTo>
                    <a:pt x="347" y="210"/>
                    <a:pt x="345" y="209"/>
                    <a:pt x="345" y="210"/>
                  </a:cubicBezTo>
                  <a:cubicBezTo>
                    <a:pt x="343" y="211"/>
                    <a:pt x="342" y="213"/>
                    <a:pt x="341" y="215"/>
                  </a:cubicBezTo>
                  <a:cubicBezTo>
                    <a:pt x="338" y="215"/>
                    <a:pt x="339" y="218"/>
                    <a:pt x="336" y="218"/>
                  </a:cubicBezTo>
                  <a:cubicBezTo>
                    <a:pt x="337" y="221"/>
                    <a:pt x="334" y="228"/>
                    <a:pt x="338" y="228"/>
                  </a:cubicBezTo>
                  <a:cubicBezTo>
                    <a:pt x="336" y="232"/>
                    <a:pt x="340" y="232"/>
                    <a:pt x="339" y="237"/>
                  </a:cubicBezTo>
                  <a:cubicBezTo>
                    <a:pt x="339" y="238"/>
                    <a:pt x="340" y="238"/>
                    <a:pt x="341" y="238"/>
                  </a:cubicBezTo>
                  <a:cubicBezTo>
                    <a:pt x="340" y="241"/>
                    <a:pt x="341" y="240"/>
                    <a:pt x="341" y="244"/>
                  </a:cubicBezTo>
                  <a:cubicBezTo>
                    <a:pt x="339" y="245"/>
                    <a:pt x="338" y="245"/>
                    <a:pt x="337" y="246"/>
                  </a:cubicBezTo>
                  <a:cubicBezTo>
                    <a:pt x="336" y="246"/>
                    <a:pt x="337" y="244"/>
                    <a:pt x="336" y="243"/>
                  </a:cubicBezTo>
                  <a:cubicBezTo>
                    <a:pt x="335" y="242"/>
                    <a:pt x="334" y="243"/>
                    <a:pt x="333" y="243"/>
                  </a:cubicBezTo>
                  <a:cubicBezTo>
                    <a:pt x="333" y="242"/>
                    <a:pt x="333" y="240"/>
                    <a:pt x="331" y="241"/>
                  </a:cubicBezTo>
                  <a:cubicBezTo>
                    <a:pt x="332" y="238"/>
                    <a:pt x="333" y="236"/>
                    <a:pt x="329" y="236"/>
                  </a:cubicBezTo>
                  <a:cubicBezTo>
                    <a:pt x="331" y="231"/>
                    <a:pt x="329" y="232"/>
                    <a:pt x="328" y="227"/>
                  </a:cubicBezTo>
                  <a:cubicBezTo>
                    <a:pt x="328" y="227"/>
                    <a:pt x="328" y="228"/>
                    <a:pt x="327" y="228"/>
                  </a:cubicBezTo>
                  <a:cubicBezTo>
                    <a:pt x="327" y="226"/>
                    <a:pt x="327" y="226"/>
                    <a:pt x="327" y="226"/>
                  </a:cubicBezTo>
                  <a:cubicBezTo>
                    <a:pt x="325" y="227"/>
                    <a:pt x="320" y="228"/>
                    <a:pt x="319" y="226"/>
                  </a:cubicBezTo>
                  <a:cubicBezTo>
                    <a:pt x="318" y="226"/>
                    <a:pt x="318" y="225"/>
                    <a:pt x="317" y="224"/>
                  </a:cubicBezTo>
                  <a:cubicBezTo>
                    <a:pt x="316" y="224"/>
                    <a:pt x="315" y="226"/>
                    <a:pt x="313" y="225"/>
                  </a:cubicBezTo>
                  <a:cubicBezTo>
                    <a:pt x="313" y="225"/>
                    <a:pt x="317" y="222"/>
                    <a:pt x="313" y="223"/>
                  </a:cubicBezTo>
                  <a:cubicBezTo>
                    <a:pt x="313" y="224"/>
                    <a:pt x="313" y="224"/>
                    <a:pt x="312" y="224"/>
                  </a:cubicBezTo>
                  <a:cubicBezTo>
                    <a:pt x="310" y="225"/>
                    <a:pt x="306" y="225"/>
                    <a:pt x="304" y="223"/>
                  </a:cubicBezTo>
                  <a:cubicBezTo>
                    <a:pt x="302" y="223"/>
                    <a:pt x="303" y="227"/>
                    <a:pt x="303" y="228"/>
                  </a:cubicBezTo>
                  <a:cubicBezTo>
                    <a:pt x="297" y="227"/>
                    <a:pt x="291" y="227"/>
                    <a:pt x="285" y="226"/>
                  </a:cubicBezTo>
                  <a:cubicBezTo>
                    <a:pt x="285" y="226"/>
                    <a:pt x="285" y="227"/>
                    <a:pt x="284" y="227"/>
                  </a:cubicBezTo>
                  <a:cubicBezTo>
                    <a:pt x="283" y="227"/>
                    <a:pt x="283" y="229"/>
                    <a:pt x="282" y="229"/>
                  </a:cubicBezTo>
                  <a:cubicBezTo>
                    <a:pt x="281" y="229"/>
                    <a:pt x="281" y="230"/>
                    <a:pt x="281" y="231"/>
                  </a:cubicBezTo>
                  <a:cubicBezTo>
                    <a:pt x="280" y="231"/>
                    <a:pt x="278" y="231"/>
                    <a:pt x="277" y="231"/>
                  </a:cubicBezTo>
                  <a:cubicBezTo>
                    <a:pt x="276" y="231"/>
                    <a:pt x="276" y="233"/>
                    <a:pt x="274" y="233"/>
                  </a:cubicBezTo>
                  <a:cubicBezTo>
                    <a:pt x="275" y="235"/>
                    <a:pt x="273" y="239"/>
                    <a:pt x="275" y="240"/>
                  </a:cubicBezTo>
                  <a:cubicBezTo>
                    <a:pt x="274" y="241"/>
                    <a:pt x="273" y="243"/>
                    <a:pt x="272" y="243"/>
                  </a:cubicBezTo>
                  <a:cubicBezTo>
                    <a:pt x="272" y="246"/>
                    <a:pt x="272" y="249"/>
                    <a:pt x="272" y="251"/>
                  </a:cubicBezTo>
                  <a:cubicBezTo>
                    <a:pt x="272" y="253"/>
                    <a:pt x="273" y="253"/>
                    <a:pt x="273" y="254"/>
                  </a:cubicBezTo>
                  <a:cubicBezTo>
                    <a:pt x="273" y="256"/>
                    <a:pt x="274" y="259"/>
                    <a:pt x="272" y="261"/>
                  </a:cubicBezTo>
                  <a:cubicBezTo>
                    <a:pt x="272" y="262"/>
                    <a:pt x="274" y="261"/>
                    <a:pt x="275" y="262"/>
                  </a:cubicBezTo>
                  <a:cubicBezTo>
                    <a:pt x="275" y="262"/>
                    <a:pt x="274" y="263"/>
                    <a:pt x="274" y="264"/>
                  </a:cubicBezTo>
                  <a:cubicBezTo>
                    <a:pt x="274" y="263"/>
                    <a:pt x="275" y="264"/>
                    <a:pt x="275" y="264"/>
                  </a:cubicBezTo>
                  <a:cubicBezTo>
                    <a:pt x="276" y="265"/>
                    <a:pt x="276" y="265"/>
                    <a:pt x="277" y="265"/>
                  </a:cubicBezTo>
                  <a:cubicBezTo>
                    <a:pt x="277" y="266"/>
                    <a:pt x="277" y="267"/>
                    <a:pt x="277" y="267"/>
                  </a:cubicBezTo>
                  <a:cubicBezTo>
                    <a:pt x="277" y="267"/>
                    <a:pt x="278" y="267"/>
                    <a:pt x="278" y="267"/>
                  </a:cubicBezTo>
                  <a:cubicBezTo>
                    <a:pt x="278" y="268"/>
                    <a:pt x="278" y="269"/>
                    <a:pt x="278" y="269"/>
                  </a:cubicBezTo>
                  <a:cubicBezTo>
                    <a:pt x="278" y="270"/>
                    <a:pt x="281" y="271"/>
                    <a:pt x="281" y="273"/>
                  </a:cubicBezTo>
                  <a:cubicBezTo>
                    <a:pt x="288" y="274"/>
                    <a:pt x="292" y="272"/>
                    <a:pt x="296" y="273"/>
                  </a:cubicBezTo>
                  <a:cubicBezTo>
                    <a:pt x="297" y="273"/>
                    <a:pt x="297" y="272"/>
                    <a:pt x="298" y="271"/>
                  </a:cubicBezTo>
                  <a:cubicBezTo>
                    <a:pt x="299" y="270"/>
                    <a:pt x="300" y="269"/>
                    <a:pt x="301" y="266"/>
                  </a:cubicBezTo>
                  <a:cubicBezTo>
                    <a:pt x="301" y="265"/>
                    <a:pt x="302" y="265"/>
                    <a:pt x="301" y="264"/>
                  </a:cubicBezTo>
                  <a:cubicBezTo>
                    <a:pt x="303" y="261"/>
                    <a:pt x="310" y="259"/>
                    <a:pt x="315" y="262"/>
                  </a:cubicBezTo>
                  <a:cubicBezTo>
                    <a:pt x="313" y="264"/>
                    <a:pt x="312" y="268"/>
                    <a:pt x="310" y="270"/>
                  </a:cubicBezTo>
                  <a:cubicBezTo>
                    <a:pt x="310" y="273"/>
                    <a:pt x="312" y="273"/>
                    <a:pt x="311" y="275"/>
                  </a:cubicBezTo>
                  <a:cubicBezTo>
                    <a:pt x="309" y="275"/>
                    <a:pt x="308" y="278"/>
                    <a:pt x="307" y="280"/>
                  </a:cubicBezTo>
                  <a:cubicBezTo>
                    <a:pt x="307" y="280"/>
                    <a:pt x="307" y="281"/>
                    <a:pt x="307" y="281"/>
                  </a:cubicBezTo>
                  <a:cubicBezTo>
                    <a:pt x="306" y="283"/>
                    <a:pt x="311" y="280"/>
                    <a:pt x="309" y="284"/>
                  </a:cubicBezTo>
                  <a:cubicBezTo>
                    <a:pt x="312" y="284"/>
                    <a:pt x="312" y="282"/>
                    <a:pt x="315" y="283"/>
                  </a:cubicBezTo>
                  <a:cubicBezTo>
                    <a:pt x="315" y="285"/>
                    <a:pt x="317" y="284"/>
                    <a:pt x="317" y="285"/>
                  </a:cubicBezTo>
                  <a:cubicBezTo>
                    <a:pt x="322" y="283"/>
                    <a:pt x="323" y="287"/>
                    <a:pt x="328" y="286"/>
                  </a:cubicBezTo>
                  <a:cubicBezTo>
                    <a:pt x="326" y="289"/>
                    <a:pt x="330" y="292"/>
                    <a:pt x="327" y="293"/>
                  </a:cubicBezTo>
                  <a:cubicBezTo>
                    <a:pt x="328" y="295"/>
                    <a:pt x="327" y="301"/>
                    <a:pt x="327" y="304"/>
                  </a:cubicBezTo>
                  <a:cubicBezTo>
                    <a:pt x="327" y="305"/>
                    <a:pt x="328" y="306"/>
                    <a:pt x="330" y="306"/>
                  </a:cubicBezTo>
                  <a:cubicBezTo>
                    <a:pt x="330" y="308"/>
                    <a:pt x="332" y="307"/>
                    <a:pt x="332" y="308"/>
                  </a:cubicBezTo>
                  <a:cubicBezTo>
                    <a:pt x="332" y="310"/>
                    <a:pt x="335" y="309"/>
                    <a:pt x="335" y="310"/>
                  </a:cubicBezTo>
                  <a:cubicBezTo>
                    <a:pt x="338" y="308"/>
                    <a:pt x="344" y="311"/>
                    <a:pt x="347" y="309"/>
                  </a:cubicBezTo>
                  <a:cubicBezTo>
                    <a:pt x="347" y="311"/>
                    <a:pt x="347" y="311"/>
                    <a:pt x="347" y="311"/>
                  </a:cubicBezTo>
                  <a:cubicBezTo>
                    <a:pt x="348" y="311"/>
                    <a:pt x="352" y="309"/>
                    <a:pt x="351" y="312"/>
                  </a:cubicBezTo>
                  <a:cubicBezTo>
                    <a:pt x="352" y="312"/>
                    <a:pt x="353" y="311"/>
                    <a:pt x="354" y="311"/>
                  </a:cubicBezTo>
                  <a:cubicBezTo>
                    <a:pt x="355" y="311"/>
                    <a:pt x="356" y="310"/>
                    <a:pt x="356" y="309"/>
                  </a:cubicBezTo>
                  <a:cubicBezTo>
                    <a:pt x="357" y="309"/>
                    <a:pt x="357" y="309"/>
                    <a:pt x="357" y="308"/>
                  </a:cubicBezTo>
                  <a:cubicBezTo>
                    <a:pt x="357" y="307"/>
                    <a:pt x="359" y="309"/>
                    <a:pt x="359" y="307"/>
                  </a:cubicBezTo>
                  <a:cubicBezTo>
                    <a:pt x="359" y="307"/>
                    <a:pt x="359" y="306"/>
                    <a:pt x="359" y="306"/>
                  </a:cubicBezTo>
                  <a:cubicBezTo>
                    <a:pt x="360" y="305"/>
                    <a:pt x="360" y="306"/>
                    <a:pt x="360" y="306"/>
                  </a:cubicBezTo>
                  <a:cubicBezTo>
                    <a:pt x="361" y="306"/>
                    <a:pt x="361" y="305"/>
                    <a:pt x="362" y="305"/>
                  </a:cubicBezTo>
                  <a:cubicBezTo>
                    <a:pt x="363" y="304"/>
                    <a:pt x="364" y="303"/>
                    <a:pt x="366" y="302"/>
                  </a:cubicBezTo>
                  <a:cubicBezTo>
                    <a:pt x="366" y="301"/>
                    <a:pt x="367" y="301"/>
                    <a:pt x="367" y="300"/>
                  </a:cubicBezTo>
                  <a:cubicBezTo>
                    <a:pt x="368" y="301"/>
                    <a:pt x="377" y="302"/>
                    <a:pt x="372" y="303"/>
                  </a:cubicBezTo>
                  <a:cubicBezTo>
                    <a:pt x="373" y="304"/>
                    <a:pt x="375" y="303"/>
                    <a:pt x="376" y="304"/>
                  </a:cubicBezTo>
                  <a:cubicBezTo>
                    <a:pt x="377" y="304"/>
                    <a:pt x="377" y="302"/>
                    <a:pt x="377" y="302"/>
                  </a:cubicBezTo>
                  <a:cubicBezTo>
                    <a:pt x="385" y="302"/>
                    <a:pt x="385" y="302"/>
                    <a:pt x="385" y="302"/>
                  </a:cubicBezTo>
                  <a:cubicBezTo>
                    <a:pt x="383" y="305"/>
                    <a:pt x="389" y="304"/>
                    <a:pt x="391" y="305"/>
                  </a:cubicBezTo>
                  <a:cubicBezTo>
                    <a:pt x="392" y="305"/>
                    <a:pt x="391" y="305"/>
                    <a:pt x="392" y="306"/>
                  </a:cubicBezTo>
                  <a:cubicBezTo>
                    <a:pt x="393" y="306"/>
                    <a:pt x="393" y="306"/>
                    <a:pt x="394" y="306"/>
                  </a:cubicBezTo>
                  <a:cubicBezTo>
                    <a:pt x="396" y="307"/>
                    <a:pt x="397" y="306"/>
                    <a:pt x="398" y="306"/>
                  </a:cubicBezTo>
                  <a:cubicBezTo>
                    <a:pt x="403" y="305"/>
                    <a:pt x="408" y="306"/>
                    <a:pt x="412" y="306"/>
                  </a:cubicBezTo>
                  <a:cubicBezTo>
                    <a:pt x="412" y="308"/>
                    <a:pt x="413" y="310"/>
                    <a:pt x="413" y="308"/>
                  </a:cubicBezTo>
                  <a:cubicBezTo>
                    <a:pt x="414" y="309"/>
                    <a:pt x="414" y="309"/>
                    <a:pt x="413" y="309"/>
                  </a:cubicBezTo>
                  <a:cubicBezTo>
                    <a:pt x="413" y="312"/>
                    <a:pt x="416" y="310"/>
                    <a:pt x="417" y="311"/>
                  </a:cubicBezTo>
                  <a:cubicBezTo>
                    <a:pt x="417" y="311"/>
                    <a:pt x="417" y="313"/>
                    <a:pt x="417" y="313"/>
                  </a:cubicBezTo>
                  <a:cubicBezTo>
                    <a:pt x="418" y="314"/>
                    <a:pt x="420" y="313"/>
                    <a:pt x="421" y="313"/>
                  </a:cubicBezTo>
                  <a:cubicBezTo>
                    <a:pt x="420" y="315"/>
                    <a:pt x="422" y="316"/>
                    <a:pt x="423" y="317"/>
                  </a:cubicBezTo>
                  <a:cubicBezTo>
                    <a:pt x="424" y="318"/>
                    <a:pt x="426" y="319"/>
                    <a:pt x="427" y="322"/>
                  </a:cubicBezTo>
                  <a:cubicBezTo>
                    <a:pt x="433" y="321"/>
                    <a:pt x="435" y="325"/>
                    <a:pt x="440" y="323"/>
                  </a:cubicBezTo>
                  <a:cubicBezTo>
                    <a:pt x="439" y="327"/>
                    <a:pt x="445" y="322"/>
                    <a:pt x="444" y="327"/>
                  </a:cubicBezTo>
                  <a:cubicBezTo>
                    <a:pt x="447" y="325"/>
                    <a:pt x="447" y="329"/>
                    <a:pt x="450" y="329"/>
                  </a:cubicBezTo>
                  <a:cubicBezTo>
                    <a:pt x="451" y="329"/>
                    <a:pt x="451" y="332"/>
                    <a:pt x="453" y="331"/>
                  </a:cubicBezTo>
                  <a:cubicBezTo>
                    <a:pt x="450" y="334"/>
                    <a:pt x="454" y="333"/>
                    <a:pt x="453" y="336"/>
                  </a:cubicBezTo>
                  <a:cubicBezTo>
                    <a:pt x="453" y="338"/>
                    <a:pt x="455" y="337"/>
                    <a:pt x="456" y="338"/>
                  </a:cubicBezTo>
                  <a:cubicBezTo>
                    <a:pt x="457" y="338"/>
                    <a:pt x="456" y="341"/>
                    <a:pt x="458" y="340"/>
                  </a:cubicBezTo>
                  <a:cubicBezTo>
                    <a:pt x="455" y="343"/>
                    <a:pt x="463" y="345"/>
                    <a:pt x="460" y="348"/>
                  </a:cubicBezTo>
                  <a:cubicBezTo>
                    <a:pt x="462" y="347"/>
                    <a:pt x="463" y="348"/>
                    <a:pt x="463" y="349"/>
                  </a:cubicBezTo>
                  <a:cubicBezTo>
                    <a:pt x="468" y="348"/>
                    <a:pt x="474" y="350"/>
                    <a:pt x="476" y="354"/>
                  </a:cubicBezTo>
                  <a:cubicBezTo>
                    <a:pt x="481" y="354"/>
                    <a:pt x="484" y="356"/>
                    <a:pt x="489" y="355"/>
                  </a:cubicBezTo>
                  <a:cubicBezTo>
                    <a:pt x="489" y="356"/>
                    <a:pt x="487" y="356"/>
                    <a:pt x="487" y="356"/>
                  </a:cubicBezTo>
                  <a:cubicBezTo>
                    <a:pt x="488" y="358"/>
                    <a:pt x="494" y="357"/>
                    <a:pt x="497" y="357"/>
                  </a:cubicBezTo>
                  <a:cubicBezTo>
                    <a:pt x="497" y="358"/>
                    <a:pt x="499" y="358"/>
                    <a:pt x="499" y="358"/>
                  </a:cubicBezTo>
                  <a:cubicBezTo>
                    <a:pt x="499" y="360"/>
                    <a:pt x="501" y="359"/>
                    <a:pt x="502" y="360"/>
                  </a:cubicBezTo>
                  <a:cubicBezTo>
                    <a:pt x="502" y="360"/>
                    <a:pt x="502" y="362"/>
                    <a:pt x="502" y="362"/>
                  </a:cubicBezTo>
                  <a:cubicBezTo>
                    <a:pt x="502" y="362"/>
                    <a:pt x="504" y="362"/>
                    <a:pt x="504" y="362"/>
                  </a:cubicBezTo>
                  <a:cubicBezTo>
                    <a:pt x="505" y="362"/>
                    <a:pt x="504" y="364"/>
                    <a:pt x="506" y="364"/>
                  </a:cubicBezTo>
                  <a:cubicBezTo>
                    <a:pt x="506" y="393"/>
                    <a:pt x="506" y="393"/>
                    <a:pt x="506" y="393"/>
                  </a:cubicBezTo>
                  <a:cubicBezTo>
                    <a:pt x="502" y="392"/>
                    <a:pt x="506" y="399"/>
                    <a:pt x="502" y="397"/>
                  </a:cubicBezTo>
                  <a:cubicBezTo>
                    <a:pt x="502" y="400"/>
                    <a:pt x="501" y="404"/>
                    <a:pt x="501" y="407"/>
                  </a:cubicBezTo>
                  <a:cubicBezTo>
                    <a:pt x="501" y="408"/>
                    <a:pt x="503" y="412"/>
                    <a:pt x="502" y="416"/>
                  </a:cubicBezTo>
                  <a:cubicBezTo>
                    <a:pt x="502" y="416"/>
                    <a:pt x="501" y="417"/>
                    <a:pt x="501" y="417"/>
                  </a:cubicBezTo>
                  <a:cubicBezTo>
                    <a:pt x="501" y="418"/>
                    <a:pt x="501" y="419"/>
                    <a:pt x="501" y="419"/>
                  </a:cubicBezTo>
                  <a:cubicBezTo>
                    <a:pt x="501" y="420"/>
                    <a:pt x="498" y="420"/>
                    <a:pt x="499" y="424"/>
                  </a:cubicBezTo>
                  <a:cubicBezTo>
                    <a:pt x="497" y="424"/>
                    <a:pt x="496" y="426"/>
                    <a:pt x="495" y="427"/>
                  </a:cubicBezTo>
                  <a:cubicBezTo>
                    <a:pt x="494" y="427"/>
                    <a:pt x="495" y="429"/>
                    <a:pt x="495" y="430"/>
                  </a:cubicBezTo>
                  <a:cubicBezTo>
                    <a:pt x="494" y="430"/>
                    <a:pt x="493" y="429"/>
                    <a:pt x="493" y="430"/>
                  </a:cubicBezTo>
                  <a:cubicBezTo>
                    <a:pt x="492" y="430"/>
                    <a:pt x="493" y="431"/>
                    <a:pt x="493" y="432"/>
                  </a:cubicBezTo>
                  <a:cubicBezTo>
                    <a:pt x="492" y="432"/>
                    <a:pt x="489" y="432"/>
                    <a:pt x="489" y="433"/>
                  </a:cubicBezTo>
                  <a:cubicBezTo>
                    <a:pt x="489" y="435"/>
                    <a:pt x="487" y="434"/>
                    <a:pt x="485" y="435"/>
                  </a:cubicBezTo>
                  <a:cubicBezTo>
                    <a:pt x="484" y="436"/>
                    <a:pt x="483" y="437"/>
                    <a:pt x="483" y="437"/>
                  </a:cubicBezTo>
                  <a:cubicBezTo>
                    <a:pt x="483" y="437"/>
                    <a:pt x="482" y="436"/>
                    <a:pt x="481" y="436"/>
                  </a:cubicBezTo>
                  <a:cubicBezTo>
                    <a:pt x="481" y="436"/>
                    <a:pt x="481" y="437"/>
                    <a:pt x="480" y="437"/>
                  </a:cubicBezTo>
                  <a:cubicBezTo>
                    <a:pt x="479" y="437"/>
                    <a:pt x="478" y="438"/>
                    <a:pt x="478" y="439"/>
                  </a:cubicBezTo>
                  <a:cubicBezTo>
                    <a:pt x="475" y="437"/>
                    <a:pt x="472" y="442"/>
                    <a:pt x="471" y="443"/>
                  </a:cubicBezTo>
                  <a:cubicBezTo>
                    <a:pt x="470" y="443"/>
                    <a:pt x="469" y="443"/>
                    <a:pt x="469" y="443"/>
                  </a:cubicBezTo>
                  <a:cubicBezTo>
                    <a:pt x="468" y="443"/>
                    <a:pt x="467" y="444"/>
                    <a:pt x="467" y="445"/>
                  </a:cubicBezTo>
                  <a:cubicBezTo>
                    <a:pt x="466" y="445"/>
                    <a:pt x="465" y="446"/>
                    <a:pt x="465" y="447"/>
                  </a:cubicBezTo>
                  <a:cubicBezTo>
                    <a:pt x="465" y="447"/>
                    <a:pt x="467" y="449"/>
                    <a:pt x="464" y="449"/>
                  </a:cubicBezTo>
                  <a:cubicBezTo>
                    <a:pt x="465" y="453"/>
                    <a:pt x="462" y="455"/>
                    <a:pt x="463" y="459"/>
                  </a:cubicBezTo>
                  <a:cubicBezTo>
                    <a:pt x="460" y="458"/>
                    <a:pt x="462" y="461"/>
                    <a:pt x="461" y="462"/>
                  </a:cubicBezTo>
                  <a:cubicBezTo>
                    <a:pt x="461" y="462"/>
                    <a:pt x="459" y="462"/>
                    <a:pt x="459" y="462"/>
                  </a:cubicBezTo>
                  <a:cubicBezTo>
                    <a:pt x="459" y="463"/>
                    <a:pt x="461" y="464"/>
                    <a:pt x="459" y="464"/>
                  </a:cubicBezTo>
                  <a:cubicBezTo>
                    <a:pt x="458" y="464"/>
                    <a:pt x="458" y="468"/>
                    <a:pt x="455" y="468"/>
                  </a:cubicBezTo>
                  <a:cubicBezTo>
                    <a:pt x="455" y="468"/>
                    <a:pt x="454" y="469"/>
                    <a:pt x="453" y="470"/>
                  </a:cubicBezTo>
                  <a:cubicBezTo>
                    <a:pt x="452" y="471"/>
                    <a:pt x="451" y="474"/>
                    <a:pt x="449" y="475"/>
                  </a:cubicBezTo>
                  <a:cubicBezTo>
                    <a:pt x="449" y="479"/>
                    <a:pt x="449" y="479"/>
                    <a:pt x="449" y="479"/>
                  </a:cubicBezTo>
                  <a:cubicBezTo>
                    <a:pt x="447" y="480"/>
                    <a:pt x="446" y="481"/>
                    <a:pt x="446" y="483"/>
                  </a:cubicBezTo>
                  <a:cubicBezTo>
                    <a:pt x="441" y="483"/>
                    <a:pt x="441" y="483"/>
                    <a:pt x="441" y="483"/>
                  </a:cubicBezTo>
                  <a:cubicBezTo>
                    <a:pt x="441" y="484"/>
                    <a:pt x="442" y="484"/>
                    <a:pt x="443" y="484"/>
                  </a:cubicBezTo>
                  <a:cubicBezTo>
                    <a:pt x="443" y="485"/>
                    <a:pt x="441" y="485"/>
                    <a:pt x="440" y="485"/>
                  </a:cubicBezTo>
                  <a:cubicBezTo>
                    <a:pt x="439" y="486"/>
                    <a:pt x="438" y="487"/>
                    <a:pt x="438" y="489"/>
                  </a:cubicBezTo>
                  <a:cubicBezTo>
                    <a:pt x="437" y="488"/>
                    <a:pt x="436" y="488"/>
                    <a:pt x="436" y="490"/>
                  </a:cubicBezTo>
                  <a:cubicBezTo>
                    <a:pt x="435" y="490"/>
                    <a:pt x="436" y="489"/>
                    <a:pt x="435" y="488"/>
                  </a:cubicBezTo>
                  <a:cubicBezTo>
                    <a:pt x="434" y="488"/>
                    <a:pt x="433" y="488"/>
                    <a:pt x="432" y="487"/>
                  </a:cubicBezTo>
                  <a:cubicBezTo>
                    <a:pt x="432" y="487"/>
                    <a:pt x="432" y="489"/>
                    <a:pt x="430" y="489"/>
                  </a:cubicBezTo>
                  <a:cubicBezTo>
                    <a:pt x="429" y="491"/>
                    <a:pt x="431" y="492"/>
                    <a:pt x="432" y="494"/>
                  </a:cubicBezTo>
                  <a:cubicBezTo>
                    <a:pt x="432" y="496"/>
                    <a:pt x="428" y="498"/>
                    <a:pt x="431" y="499"/>
                  </a:cubicBezTo>
                  <a:cubicBezTo>
                    <a:pt x="430" y="501"/>
                    <a:pt x="426" y="499"/>
                    <a:pt x="425" y="501"/>
                  </a:cubicBezTo>
                  <a:cubicBezTo>
                    <a:pt x="424" y="501"/>
                    <a:pt x="424" y="503"/>
                    <a:pt x="424" y="503"/>
                  </a:cubicBezTo>
                  <a:cubicBezTo>
                    <a:pt x="423" y="504"/>
                    <a:pt x="419" y="503"/>
                    <a:pt x="420" y="506"/>
                  </a:cubicBezTo>
                  <a:cubicBezTo>
                    <a:pt x="418" y="504"/>
                    <a:pt x="411" y="504"/>
                    <a:pt x="411" y="507"/>
                  </a:cubicBezTo>
                  <a:cubicBezTo>
                    <a:pt x="411" y="508"/>
                    <a:pt x="411" y="507"/>
                    <a:pt x="411" y="507"/>
                  </a:cubicBezTo>
                  <a:cubicBezTo>
                    <a:pt x="414" y="507"/>
                    <a:pt x="411" y="510"/>
                    <a:pt x="410" y="509"/>
                  </a:cubicBezTo>
                  <a:cubicBezTo>
                    <a:pt x="410" y="511"/>
                    <a:pt x="407" y="514"/>
                    <a:pt x="409" y="515"/>
                  </a:cubicBezTo>
                  <a:cubicBezTo>
                    <a:pt x="409" y="515"/>
                    <a:pt x="407" y="516"/>
                    <a:pt x="407" y="516"/>
                  </a:cubicBezTo>
                  <a:cubicBezTo>
                    <a:pt x="406" y="515"/>
                    <a:pt x="405" y="515"/>
                    <a:pt x="406" y="515"/>
                  </a:cubicBezTo>
                  <a:cubicBezTo>
                    <a:pt x="405" y="515"/>
                    <a:pt x="402" y="517"/>
                    <a:pt x="403" y="514"/>
                  </a:cubicBezTo>
                  <a:cubicBezTo>
                    <a:pt x="402" y="514"/>
                    <a:pt x="401" y="516"/>
                    <a:pt x="401" y="515"/>
                  </a:cubicBezTo>
                  <a:cubicBezTo>
                    <a:pt x="400" y="515"/>
                    <a:pt x="402" y="520"/>
                    <a:pt x="402" y="522"/>
                  </a:cubicBezTo>
                  <a:cubicBezTo>
                    <a:pt x="402" y="525"/>
                    <a:pt x="401" y="524"/>
                    <a:pt x="400" y="526"/>
                  </a:cubicBezTo>
                  <a:cubicBezTo>
                    <a:pt x="400" y="527"/>
                    <a:pt x="400" y="529"/>
                    <a:pt x="397" y="529"/>
                  </a:cubicBezTo>
                  <a:cubicBezTo>
                    <a:pt x="397" y="530"/>
                    <a:pt x="399" y="530"/>
                    <a:pt x="399" y="531"/>
                  </a:cubicBezTo>
                  <a:cubicBezTo>
                    <a:pt x="399" y="532"/>
                    <a:pt x="398" y="530"/>
                    <a:pt x="397" y="531"/>
                  </a:cubicBezTo>
                  <a:cubicBezTo>
                    <a:pt x="397" y="531"/>
                    <a:pt x="396" y="534"/>
                    <a:pt x="397" y="534"/>
                  </a:cubicBezTo>
                  <a:cubicBezTo>
                    <a:pt x="397" y="535"/>
                    <a:pt x="396" y="534"/>
                    <a:pt x="395" y="534"/>
                  </a:cubicBezTo>
                  <a:cubicBezTo>
                    <a:pt x="396" y="534"/>
                    <a:pt x="395" y="535"/>
                    <a:pt x="394" y="535"/>
                  </a:cubicBezTo>
                  <a:cubicBezTo>
                    <a:pt x="393" y="533"/>
                    <a:pt x="395" y="535"/>
                    <a:pt x="393" y="536"/>
                  </a:cubicBezTo>
                  <a:cubicBezTo>
                    <a:pt x="392" y="538"/>
                    <a:pt x="391" y="536"/>
                    <a:pt x="390" y="537"/>
                  </a:cubicBezTo>
                  <a:cubicBezTo>
                    <a:pt x="388" y="540"/>
                    <a:pt x="394" y="540"/>
                    <a:pt x="390" y="541"/>
                  </a:cubicBezTo>
                  <a:cubicBezTo>
                    <a:pt x="391" y="542"/>
                    <a:pt x="392" y="542"/>
                    <a:pt x="393" y="542"/>
                  </a:cubicBezTo>
                  <a:cubicBezTo>
                    <a:pt x="393" y="544"/>
                    <a:pt x="394" y="545"/>
                    <a:pt x="395" y="545"/>
                  </a:cubicBezTo>
                  <a:cubicBezTo>
                    <a:pt x="397" y="547"/>
                    <a:pt x="394" y="548"/>
                    <a:pt x="393" y="549"/>
                  </a:cubicBezTo>
                  <a:cubicBezTo>
                    <a:pt x="393" y="549"/>
                    <a:pt x="394" y="550"/>
                    <a:pt x="394" y="550"/>
                  </a:cubicBezTo>
                  <a:cubicBezTo>
                    <a:pt x="393" y="551"/>
                    <a:pt x="394" y="550"/>
                    <a:pt x="393" y="550"/>
                  </a:cubicBezTo>
                  <a:cubicBezTo>
                    <a:pt x="392" y="550"/>
                    <a:pt x="392" y="552"/>
                    <a:pt x="390" y="552"/>
                  </a:cubicBezTo>
                  <a:cubicBezTo>
                    <a:pt x="391" y="553"/>
                    <a:pt x="390" y="554"/>
                    <a:pt x="388" y="554"/>
                  </a:cubicBezTo>
                  <a:cubicBezTo>
                    <a:pt x="388" y="556"/>
                    <a:pt x="386" y="556"/>
                    <a:pt x="387" y="558"/>
                  </a:cubicBezTo>
                  <a:cubicBezTo>
                    <a:pt x="383" y="559"/>
                    <a:pt x="387" y="563"/>
                    <a:pt x="384" y="560"/>
                  </a:cubicBezTo>
                  <a:cubicBezTo>
                    <a:pt x="384" y="562"/>
                    <a:pt x="383" y="564"/>
                    <a:pt x="384" y="567"/>
                  </a:cubicBezTo>
                  <a:cubicBezTo>
                    <a:pt x="384" y="567"/>
                    <a:pt x="385" y="568"/>
                    <a:pt x="385" y="568"/>
                  </a:cubicBezTo>
                  <a:cubicBezTo>
                    <a:pt x="385" y="569"/>
                    <a:pt x="383" y="570"/>
                    <a:pt x="385" y="572"/>
                  </a:cubicBezTo>
                  <a:cubicBezTo>
                    <a:pt x="386" y="573"/>
                    <a:pt x="384" y="574"/>
                    <a:pt x="386" y="577"/>
                  </a:cubicBezTo>
                  <a:cubicBezTo>
                    <a:pt x="387" y="579"/>
                    <a:pt x="389" y="579"/>
                    <a:pt x="390" y="581"/>
                  </a:cubicBezTo>
                  <a:cubicBezTo>
                    <a:pt x="392" y="583"/>
                    <a:pt x="393" y="580"/>
                    <a:pt x="395" y="582"/>
                  </a:cubicBezTo>
                  <a:cubicBezTo>
                    <a:pt x="396" y="586"/>
                    <a:pt x="392" y="584"/>
                    <a:pt x="390" y="584"/>
                  </a:cubicBezTo>
                  <a:cubicBezTo>
                    <a:pt x="387" y="585"/>
                    <a:pt x="382" y="587"/>
                    <a:pt x="379" y="586"/>
                  </a:cubicBezTo>
                  <a:cubicBezTo>
                    <a:pt x="379" y="586"/>
                    <a:pt x="379" y="584"/>
                    <a:pt x="379" y="584"/>
                  </a:cubicBezTo>
                  <a:cubicBezTo>
                    <a:pt x="375" y="585"/>
                    <a:pt x="374" y="583"/>
                    <a:pt x="370" y="582"/>
                  </a:cubicBezTo>
                  <a:cubicBezTo>
                    <a:pt x="370" y="579"/>
                    <a:pt x="370" y="579"/>
                    <a:pt x="370" y="579"/>
                  </a:cubicBezTo>
                  <a:cubicBezTo>
                    <a:pt x="370" y="577"/>
                    <a:pt x="367" y="579"/>
                    <a:pt x="367" y="577"/>
                  </a:cubicBezTo>
                  <a:cubicBezTo>
                    <a:pt x="367" y="576"/>
                    <a:pt x="366" y="576"/>
                    <a:pt x="366" y="575"/>
                  </a:cubicBezTo>
                  <a:cubicBezTo>
                    <a:pt x="366" y="574"/>
                    <a:pt x="365" y="574"/>
                    <a:pt x="365" y="574"/>
                  </a:cubicBezTo>
                  <a:cubicBezTo>
                    <a:pt x="365" y="573"/>
                    <a:pt x="367" y="571"/>
                    <a:pt x="365" y="571"/>
                  </a:cubicBezTo>
                  <a:cubicBezTo>
                    <a:pt x="363" y="571"/>
                    <a:pt x="365" y="570"/>
                    <a:pt x="365" y="569"/>
                  </a:cubicBezTo>
                  <a:cubicBezTo>
                    <a:pt x="365" y="568"/>
                    <a:pt x="363" y="568"/>
                    <a:pt x="363" y="567"/>
                  </a:cubicBezTo>
                  <a:cubicBezTo>
                    <a:pt x="363" y="566"/>
                    <a:pt x="364" y="566"/>
                    <a:pt x="364" y="565"/>
                  </a:cubicBezTo>
                  <a:cubicBezTo>
                    <a:pt x="364" y="565"/>
                    <a:pt x="363" y="565"/>
                    <a:pt x="363" y="564"/>
                  </a:cubicBezTo>
                  <a:cubicBezTo>
                    <a:pt x="362" y="563"/>
                    <a:pt x="362" y="562"/>
                    <a:pt x="361" y="561"/>
                  </a:cubicBezTo>
                  <a:cubicBezTo>
                    <a:pt x="360" y="560"/>
                    <a:pt x="362" y="560"/>
                    <a:pt x="362" y="558"/>
                  </a:cubicBezTo>
                  <a:cubicBezTo>
                    <a:pt x="362" y="558"/>
                    <a:pt x="360" y="557"/>
                    <a:pt x="360" y="557"/>
                  </a:cubicBezTo>
                  <a:cubicBezTo>
                    <a:pt x="360" y="557"/>
                    <a:pt x="364" y="556"/>
                    <a:pt x="361" y="555"/>
                  </a:cubicBezTo>
                  <a:cubicBezTo>
                    <a:pt x="361" y="554"/>
                    <a:pt x="362" y="554"/>
                    <a:pt x="363" y="554"/>
                  </a:cubicBezTo>
                  <a:cubicBezTo>
                    <a:pt x="363" y="547"/>
                    <a:pt x="363" y="547"/>
                    <a:pt x="363" y="547"/>
                  </a:cubicBezTo>
                  <a:cubicBezTo>
                    <a:pt x="362" y="546"/>
                    <a:pt x="361" y="546"/>
                    <a:pt x="360" y="545"/>
                  </a:cubicBezTo>
                  <a:cubicBezTo>
                    <a:pt x="361" y="542"/>
                    <a:pt x="363" y="540"/>
                    <a:pt x="362" y="536"/>
                  </a:cubicBezTo>
                  <a:cubicBezTo>
                    <a:pt x="365" y="537"/>
                    <a:pt x="364" y="535"/>
                    <a:pt x="367" y="536"/>
                  </a:cubicBezTo>
                  <a:cubicBezTo>
                    <a:pt x="367" y="527"/>
                    <a:pt x="367" y="527"/>
                    <a:pt x="367" y="527"/>
                  </a:cubicBezTo>
                  <a:cubicBezTo>
                    <a:pt x="371" y="527"/>
                    <a:pt x="369" y="521"/>
                    <a:pt x="371" y="518"/>
                  </a:cubicBezTo>
                  <a:cubicBezTo>
                    <a:pt x="371" y="519"/>
                    <a:pt x="370" y="519"/>
                    <a:pt x="369" y="518"/>
                  </a:cubicBezTo>
                  <a:cubicBezTo>
                    <a:pt x="367" y="519"/>
                    <a:pt x="367" y="521"/>
                    <a:pt x="367" y="524"/>
                  </a:cubicBezTo>
                  <a:cubicBezTo>
                    <a:pt x="365" y="523"/>
                    <a:pt x="364" y="523"/>
                    <a:pt x="364" y="520"/>
                  </a:cubicBezTo>
                  <a:cubicBezTo>
                    <a:pt x="362" y="519"/>
                    <a:pt x="367" y="517"/>
                    <a:pt x="366" y="516"/>
                  </a:cubicBezTo>
                  <a:cubicBezTo>
                    <a:pt x="364" y="515"/>
                    <a:pt x="366" y="517"/>
                    <a:pt x="368" y="516"/>
                  </a:cubicBezTo>
                  <a:cubicBezTo>
                    <a:pt x="368" y="511"/>
                    <a:pt x="366" y="506"/>
                    <a:pt x="367" y="502"/>
                  </a:cubicBezTo>
                  <a:cubicBezTo>
                    <a:pt x="367" y="502"/>
                    <a:pt x="368" y="502"/>
                    <a:pt x="369" y="502"/>
                  </a:cubicBezTo>
                  <a:cubicBezTo>
                    <a:pt x="368" y="497"/>
                    <a:pt x="369" y="497"/>
                    <a:pt x="369" y="492"/>
                  </a:cubicBezTo>
                  <a:cubicBezTo>
                    <a:pt x="371" y="489"/>
                    <a:pt x="374" y="486"/>
                    <a:pt x="372" y="482"/>
                  </a:cubicBezTo>
                  <a:cubicBezTo>
                    <a:pt x="376" y="486"/>
                    <a:pt x="373" y="475"/>
                    <a:pt x="376" y="479"/>
                  </a:cubicBezTo>
                  <a:cubicBezTo>
                    <a:pt x="376" y="477"/>
                    <a:pt x="376" y="475"/>
                    <a:pt x="375" y="473"/>
                  </a:cubicBezTo>
                  <a:cubicBezTo>
                    <a:pt x="375" y="471"/>
                    <a:pt x="373" y="470"/>
                    <a:pt x="373" y="469"/>
                  </a:cubicBezTo>
                  <a:cubicBezTo>
                    <a:pt x="373" y="467"/>
                    <a:pt x="374" y="467"/>
                    <a:pt x="374" y="466"/>
                  </a:cubicBezTo>
                  <a:cubicBezTo>
                    <a:pt x="375" y="464"/>
                    <a:pt x="374" y="461"/>
                    <a:pt x="376" y="463"/>
                  </a:cubicBezTo>
                  <a:cubicBezTo>
                    <a:pt x="376" y="460"/>
                    <a:pt x="376" y="458"/>
                    <a:pt x="377" y="455"/>
                  </a:cubicBezTo>
                  <a:cubicBezTo>
                    <a:pt x="378" y="454"/>
                    <a:pt x="377" y="454"/>
                    <a:pt x="377" y="453"/>
                  </a:cubicBezTo>
                  <a:cubicBezTo>
                    <a:pt x="377" y="452"/>
                    <a:pt x="379" y="449"/>
                    <a:pt x="378" y="448"/>
                  </a:cubicBezTo>
                  <a:cubicBezTo>
                    <a:pt x="377" y="447"/>
                    <a:pt x="378" y="447"/>
                    <a:pt x="378" y="445"/>
                  </a:cubicBezTo>
                  <a:cubicBezTo>
                    <a:pt x="378" y="444"/>
                    <a:pt x="378" y="442"/>
                    <a:pt x="378" y="441"/>
                  </a:cubicBezTo>
                  <a:cubicBezTo>
                    <a:pt x="378" y="440"/>
                    <a:pt x="379" y="439"/>
                    <a:pt x="379" y="438"/>
                  </a:cubicBezTo>
                  <a:cubicBezTo>
                    <a:pt x="379" y="435"/>
                    <a:pt x="379" y="431"/>
                    <a:pt x="379" y="428"/>
                  </a:cubicBezTo>
                  <a:cubicBezTo>
                    <a:pt x="379" y="426"/>
                    <a:pt x="380" y="426"/>
                    <a:pt x="380" y="425"/>
                  </a:cubicBezTo>
                  <a:cubicBezTo>
                    <a:pt x="380" y="422"/>
                    <a:pt x="377" y="419"/>
                    <a:pt x="377" y="416"/>
                  </a:cubicBezTo>
                  <a:cubicBezTo>
                    <a:pt x="377" y="415"/>
                    <a:pt x="376" y="417"/>
                    <a:pt x="374" y="416"/>
                  </a:cubicBezTo>
                  <a:cubicBezTo>
                    <a:pt x="373" y="414"/>
                    <a:pt x="370" y="412"/>
                    <a:pt x="368" y="411"/>
                  </a:cubicBezTo>
                  <a:cubicBezTo>
                    <a:pt x="367" y="411"/>
                    <a:pt x="366" y="409"/>
                    <a:pt x="366" y="410"/>
                  </a:cubicBezTo>
                  <a:cubicBezTo>
                    <a:pt x="364" y="411"/>
                    <a:pt x="366" y="409"/>
                    <a:pt x="365" y="409"/>
                  </a:cubicBezTo>
                  <a:cubicBezTo>
                    <a:pt x="363" y="408"/>
                    <a:pt x="361" y="409"/>
                    <a:pt x="363" y="407"/>
                  </a:cubicBezTo>
                  <a:cubicBezTo>
                    <a:pt x="363" y="405"/>
                    <a:pt x="360" y="406"/>
                    <a:pt x="359" y="406"/>
                  </a:cubicBezTo>
                  <a:cubicBezTo>
                    <a:pt x="359" y="406"/>
                    <a:pt x="359" y="404"/>
                    <a:pt x="359" y="404"/>
                  </a:cubicBezTo>
                  <a:cubicBezTo>
                    <a:pt x="359" y="403"/>
                    <a:pt x="357" y="403"/>
                    <a:pt x="357" y="403"/>
                  </a:cubicBezTo>
                  <a:cubicBezTo>
                    <a:pt x="356" y="402"/>
                    <a:pt x="355" y="399"/>
                    <a:pt x="354" y="396"/>
                  </a:cubicBezTo>
                  <a:cubicBezTo>
                    <a:pt x="354" y="395"/>
                    <a:pt x="353" y="396"/>
                    <a:pt x="352" y="395"/>
                  </a:cubicBezTo>
                  <a:cubicBezTo>
                    <a:pt x="352" y="394"/>
                    <a:pt x="352" y="391"/>
                    <a:pt x="350" y="390"/>
                  </a:cubicBezTo>
                  <a:cubicBezTo>
                    <a:pt x="349" y="390"/>
                    <a:pt x="348" y="385"/>
                    <a:pt x="347" y="383"/>
                  </a:cubicBezTo>
                  <a:cubicBezTo>
                    <a:pt x="345" y="382"/>
                    <a:pt x="344" y="379"/>
                    <a:pt x="343" y="377"/>
                  </a:cubicBezTo>
                  <a:cubicBezTo>
                    <a:pt x="342" y="376"/>
                    <a:pt x="341" y="376"/>
                    <a:pt x="341" y="375"/>
                  </a:cubicBezTo>
                  <a:cubicBezTo>
                    <a:pt x="341" y="375"/>
                    <a:pt x="341" y="374"/>
                    <a:pt x="341" y="373"/>
                  </a:cubicBezTo>
                  <a:cubicBezTo>
                    <a:pt x="340" y="372"/>
                    <a:pt x="340" y="373"/>
                    <a:pt x="339" y="372"/>
                  </a:cubicBezTo>
                  <a:cubicBezTo>
                    <a:pt x="339" y="372"/>
                    <a:pt x="338" y="365"/>
                    <a:pt x="337" y="370"/>
                  </a:cubicBezTo>
                  <a:cubicBezTo>
                    <a:pt x="335" y="369"/>
                    <a:pt x="337" y="364"/>
                    <a:pt x="336" y="362"/>
                  </a:cubicBezTo>
                  <a:cubicBezTo>
                    <a:pt x="339" y="362"/>
                    <a:pt x="338" y="359"/>
                    <a:pt x="340" y="358"/>
                  </a:cubicBezTo>
                  <a:cubicBezTo>
                    <a:pt x="341" y="355"/>
                    <a:pt x="338" y="356"/>
                    <a:pt x="337" y="355"/>
                  </a:cubicBezTo>
                  <a:cubicBezTo>
                    <a:pt x="337" y="352"/>
                    <a:pt x="339" y="351"/>
                    <a:pt x="338" y="348"/>
                  </a:cubicBezTo>
                  <a:cubicBezTo>
                    <a:pt x="339" y="347"/>
                    <a:pt x="340" y="347"/>
                    <a:pt x="341" y="347"/>
                  </a:cubicBezTo>
                  <a:cubicBezTo>
                    <a:pt x="341" y="346"/>
                    <a:pt x="340" y="344"/>
                    <a:pt x="341" y="344"/>
                  </a:cubicBezTo>
                  <a:cubicBezTo>
                    <a:pt x="341" y="343"/>
                    <a:pt x="343" y="344"/>
                    <a:pt x="343" y="344"/>
                  </a:cubicBezTo>
                  <a:cubicBezTo>
                    <a:pt x="343" y="344"/>
                    <a:pt x="343" y="343"/>
                    <a:pt x="343" y="343"/>
                  </a:cubicBezTo>
                  <a:cubicBezTo>
                    <a:pt x="343" y="343"/>
                    <a:pt x="345" y="341"/>
                    <a:pt x="345" y="341"/>
                  </a:cubicBezTo>
                  <a:cubicBezTo>
                    <a:pt x="345" y="341"/>
                    <a:pt x="344" y="341"/>
                    <a:pt x="344" y="341"/>
                  </a:cubicBezTo>
                  <a:cubicBezTo>
                    <a:pt x="344" y="341"/>
                    <a:pt x="344" y="339"/>
                    <a:pt x="345" y="340"/>
                  </a:cubicBezTo>
                  <a:cubicBezTo>
                    <a:pt x="347" y="342"/>
                    <a:pt x="345" y="338"/>
                    <a:pt x="348" y="338"/>
                  </a:cubicBezTo>
                  <a:cubicBezTo>
                    <a:pt x="349" y="338"/>
                    <a:pt x="348" y="336"/>
                    <a:pt x="349" y="334"/>
                  </a:cubicBezTo>
                  <a:cubicBezTo>
                    <a:pt x="349" y="334"/>
                    <a:pt x="354" y="331"/>
                    <a:pt x="351" y="328"/>
                  </a:cubicBezTo>
                  <a:cubicBezTo>
                    <a:pt x="350" y="327"/>
                    <a:pt x="352" y="328"/>
                    <a:pt x="351" y="327"/>
                  </a:cubicBezTo>
                  <a:cubicBezTo>
                    <a:pt x="351" y="324"/>
                    <a:pt x="349" y="317"/>
                    <a:pt x="350" y="315"/>
                  </a:cubicBezTo>
                  <a:cubicBezTo>
                    <a:pt x="346" y="316"/>
                    <a:pt x="346" y="312"/>
                    <a:pt x="341" y="313"/>
                  </a:cubicBezTo>
                  <a:cubicBezTo>
                    <a:pt x="339" y="314"/>
                    <a:pt x="341" y="315"/>
                    <a:pt x="340" y="317"/>
                  </a:cubicBezTo>
                  <a:cubicBezTo>
                    <a:pt x="335" y="317"/>
                    <a:pt x="333" y="314"/>
                    <a:pt x="328" y="314"/>
                  </a:cubicBezTo>
                  <a:cubicBezTo>
                    <a:pt x="328" y="312"/>
                    <a:pt x="326" y="313"/>
                    <a:pt x="327" y="310"/>
                  </a:cubicBezTo>
                  <a:cubicBezTo>
                    <a:pt x="325" y="310"/>
                    <a:pt x="324" y="310"/>
                    <a:pt x="323" y="309"/>
                  </a:cubicBezTo>
                  <a:cubicBezTo>
                    <a:pt x="322" y="309"/>
                    <a:pt x="323" y="308"/>
                    <a:pt x="323" y="307"/>
                  </a:cubicBezTo>
                  <a:cubicBezTo>
                    <a:pt x="322" y="307"/>
                    <a:pt x="321" y="308"/>
                    <a:pt x="321" y="307"/>
                  </a:cubicBezTo>
                  <a:cubicBezTo>
                    <a:pt x="320" y="306"/>
                    <a:pt x="321" y="304"/>
                    <a:pt x="319" y="305"/>
                  </a:cubicBezTo>
                  <a:cubicBezTo>
                    <a:pt x="319" y="302"/>
                    <a:pt x="320" y="303"/>
                    <a:pt x="319" y="301"/>
                  </a:cubicBezTo>
                  <a:cubicBezTo>
                    <a:pt x="319" y="300"/>
                    <a:pt x="318" y="300"/>
                    <a:pt x="318" y="301"/>
                  </a:cubicBezTo>
                  <a:cubicBezTo>
                    <a:pt x="316" y="300"/>
                    <a:pt x="316" y="298"/>
                    <a:pt x="313" y="298"/>
                  </a:cubicBezTo>
                  <a:cubicBezTo>
                    <a:pt x="314" y="295"/>
                    <a:pt x="310" y="297"/>
                    <a:pt x="311" y="294"/>
                  </a:cubicBezTo>
                  <a:cubicBezTo>
                    <a:pt x="310" y="294"/>
                    <a:pt x="305" y="294"/>
                    <a:pt x="307" y="294"/>
                  </a:cubicBezTo>
                  <a:cubicBezTo>
                    <a:pt x="305" y="294"/>
                    <a:pt x="306" y="293"/>
                    <a:pt x="306" y="292"/>
                  </a:cubicBezTo>
                  <a:cubicBezTo>
                    <a:pt x="305" y="292"/>
                    <a:pt x="304" y="292"/>
                    <a:pt x="304" y="292"/>
                  </a:cubicBezTo>
                  <a:cubicBezTo>
                    <a:pt x="303" y="292"/>
                    <a:pt x="301" y="291"/>
                    <a:pt x="298" y="291"/>
                  </a:cubicBezTo>
                  <a:cubicBezTo>
                    <a:pt x="299" y="288"/>
                    <a:pt x="296" y="290"/>
                    <a:pt x="294" y="288"/>
                  </a:cubicBezTo>
                  <a:cubicBezTo>
                    <a:pt x="294" y="288"/>
                    <a:pt x="294" y="287"/>
                    <a:pt x="294" y="286"/>
                  </a:cubicBezTo>
                  <a:cubicBezTo>
                    <a:pt x="294" y="286"/>
                    <a:pt x="292" y="287"/>
                    <a:pt x="292" y="286"/>
                  </a:cubicBezTo>
                  <a:cubicBezTo>
                    <a:pt x="292" y="286"/>
                    <a:pt x="293" y="285"/>
                    <a:pt x="292" y="285"/>
                  </a:cubicBezTo>
                  <a:cubicBezTo>
                    <a:pt x="292" y="284"/>
                    <a:pt x="291" y="285"/>
                    <a:pt x="290" y="285"/>
                  </a:cubicBezTo>
                  <a:cubicBezTo>
                    <a:pt x="290" y="284"/>
                    <a:pt x="291" y="283"/>
                    <a:pt x="290" y="283"/>
                  </a:cubicBezTo>
                  <a:cubicBezTo>
                    <a:pt x="289" y="282"/>
                    <a:pt x="289" y="284"/>
                    <a:pt x="289" y="284"/>
                  </a:cubicBezTo>
                  <a:cubicBezTo>
                    <a:pt x="289" y="284"/>
                    <a:pt x="287" y="282"/>
                    <a:pt x="286" y="282"/>
                  </a:cubicBezTo>
                  <a:cubicBezTo>
                    <a:pt x="285" y="283"/>
                    <a:pt x="285" y="281"/>
                    <a:pt x="284" y="282"/>
                  </a:cubicBezTo>
                  <a:cubicBezTo>
                    <a:pt x="282" y="282"/>
                    <a:pt x="280" y="283"/>
                    <a:pt x="279" y="284"/>
                  </a:cubicBezTo>
                  <a:cubicBezTo>
                    <a:pt x="277" y="284"/>
                    <a:pt x="276" y="283"/>
                    <a:pt x="275" y="283"/>
                  </a:cubicBezTo>
                  <a:cubicBezTo>
                    <a:pt x="272" y="283"/>
                    <a:pt x="273" y="284"/>
                    <a:pt x="271" y="283"/>
                  </a:cubicBezTo>
                  <a:cubicBezTo>
                    <a:pt x="270" y="282"/>
                    <a:pt x="269" y="283"/>
                    <a:pt x="266" y="282"/>
                  </a:cubicBezTo>
                  <a:cubicBezTo>
                    <a:pt x="266" y="281"/>
                    <a:pt x="266" y="280"/>
                    <a:pt x="265" y="280"/>
                  </a:cubicBezTo>
                  <a:cubicBezTo>
                    <a:pt x="265" y="279"/>
                    <a:pt x="264" y="280"/>
                    <a:pt x="264" y="280"/>
                  </a:cubicBezTo>
                  <a:cubicBezTo>
                    <a:pt x="262" y="279"/>
                    <a:pt x="258" y="279"/>
                    <a:pt x="261" y="277"/>
                  </a:cubicBezTo>
                  <a:cubicBezTo>
                    <a:pt x="258" y="277"/>
                    <a:pt x="258" y="275"/>
                    <a:pt x="255" y="275"/>
                  </a:cubicBezTo>
                  <a:cubicBezTo>
                    <a:pt x="254" y="274"/>
                    <a:pt x="254" y="273"/>
                    <a:pt x="254" y="272"/>
                  </a:cubicBezTo>
                  <a:cubicBezTo>
                    <a:pt x="250" y="272"/>
                    <a:pt x="249" y="268"/>
                    <a:pt x="244" y="268"/>
                  </a:cubicBezTo>
                  <a:cubicBezTo>
                    <a:pt x="244" y="265"/>
                    <a:pt x="242" y="263"/>
                    <a:pt x="243" y="259"/>
                  </a:cubicBezTo>
                  <a:cubicBezTo>
                    <a:pt x="242" y="255"/>
                    <a:pt x="237" y="257"/>
                    <a:pt x="240" y="253"/>
                  </a:cubicBezTo>
                  <a:cubicBezTo>
                    <a:pt x="239" y="253"/>
                    <a:pt x="238" y="253"/>
                    <a:pt x="238" y="254"/>
                  </a:cubicBezTo>
                  <a:cubicBezTo>
                    <a:pt x="237" y="254"/>
                    <a:pt x="237" y="253"/>
                    <a:pt x="237" y="252"/>
                  </a:cubicBezTo>
                  <a:cubicBezTo>
                    <a:pt x="236" y="251"/>
                    <a:pt x="234" y="251"/>
                    <a:pt x="234" y="249"/>
                  </a:cubicBezTo>
                  <a:cubicBezTo>
                    <a:pt x="234" y="248"/>
                    <a:pt x="232" y="248"/>
                    <a:pt x="231" y="248"/>
                  </a:cubicBezTo>
                  <a:cubicBezTo>
                    <a:pt x="231" y="248"/>
                    <a:pt x="232" y="247"/>
                    <a:pt x="232" y="246"/>
                  </a:cubicBezTo>
                  <a:cubicBezTo>
                    <a:pt x="232" y="246"/>
                    <a:pt x="231" y="244"/>
                    <a:pt x="231" y="244"/>
                  </a:cubicBezTo>
                  <a:cubicBezTo>
                    <a:pt x="231" y="244"/>
                    <a:pt x="229" y="245"/>
                    <a:pt x="229" y="244"/>
                  </a:cubicBezTo>
                  <a:cubicBezTo>
                    <a:pt x="229" y="244"/>
                    <a:pt x="229" y="242"/>
                    <a:pt x="228" y="242"/>
                  </a:cubicBezTo>
                  <a:cubicBezTo>
                    <a:pt x="226" y="239"/>
                    <a:pt x="223" y="239"/>
                    <a:pt x="223" y="235"/>
                  </a:cubicBezTo>
                  <a:cubicBezTo>
                    <a:pt x="221" y="233"/>
                    <a:pt x="221" y="236"/>
                    <a:pt x="219" y="234"/>
                  </a:cubicBezTo>
                  <a:cubicBezTo>
                    <a:pt x="219" y="232"/>
                    <a:pt x="217" y="232"/>
                    <a:pt x="217" y="231"/>
                  </a:cubicBezTo>
                  <a:cubicBezTo>
                    <a:pt x="216" y="230"/>
                    <a:pt x="217" y="226"/>
                    <a:pt x="214" y="226"/>
                  </a:cubicBezTo>
                  <a:cubicBezTo>
                    <a:pt x="214" y="222"/>
                    <a:pt x="212" y="220"/>
                    <a:pt x="209" y="219"/>
                  </a:cubicBezTo>
                  <a:cubicBezTo>
                    <a:pt x="208" y="219"/>
                    <a:pt x="208" y="220"/>
                    <a:pt x="207" y="222"/>
                  </a:cubicBezTo>
                  <a:cubicBezTo>
                    <a:pt x="206" y="224"/>
                    <a:pt x="209" y="224"/>
                    <a:pt x="210" y="225"/>
                  </a:cubicBezTo>
                  <a:cubicBezTo>
                    <a:pt x="210" y="226"/>
                    <a:pt x="210" y="227"/>
                    <a:pt x="210" y="227"/>
                  </a:cubicBezTo>
                  <a:cubicBezTo>
                    <a:pt x="210" y="227"/>
                    <a:pt x="211" y="227"/>
                    <a:pt x="211" y="227"/>
                  </a:cubicBezTo>
                  <a:cubicBezTo>
                    <a:pt x="212" y="229"/>
                    <a:pt x="210" y="231"/>
                    <a:pt x="212" y="231"/>
                  </a:cubicBezTo>
                  <a:cubicBezTo>
                    <a:pt x="214" y="231"/>
                    <a:pt x="213" y="234"/>
                    <a:pt x="214" y="236"/>
                  </a:cubicBezTo>
                  <a:cubicBezTo>
                    <a:pt x="214" y="236"/>
                    <a:pt x="215" y="236"/>
                    <a:pt x="215" y="237"/>
                  </a:cubicBezTo>
                  <a:cubicBezTo>
                    <a:pt x="215" y="239"/>
                    <a:pt x="218" y="238"/>
                    <a:pt x="217" y="242"/>
                  </a:cubicBezTo>
                  <a:cubicBezTo>
                    <a:pt x="217" y="243"/>
                    <a:pt x="219" y="242"/>
                    <a:pt x="220" y="243"/>
                  </a:cubicBezTo>
                  <a:cubicBezTo>
                    <a:pt x="219" y="244"/>
                    <a:pt x="221" y="244"/>
                    <a:pt x="221" y="244"/>
                  </a:cubicBezTo>
                  <a:cubicBezTo>
                    <a:pt x="221" y="245"/>
                    <a:pt x="220" y="247"/>
                    <a:pt x="220" y="246"/>
                  </a:cubicBezTo>
                  <a:cubicBezTo>
                    <a:pt x="220" y="248"/>
                    <a:pt x="223" y="247"/>
                    <a:pt x="222" y="250"/>
                  </a:cubicBezTo>
                  <a:cubicBezTo>
                    <a:pt x="220" y="249"/>
                    <a:pt x="220" y="247"/>
                    <a:pt x="217" y="248"/>
                  </a:cubicBezTo>
                  <a:cubicBezTo>
                    <a:pt x="218" y="244"/>
                    <a:pt x="215" y="245"/>
                    <a:pt x="215" y="243"/>
                  </a:cubicBezTo>
                  <a:cubicBezTo>
                    <a:pt x="215" y="241"/>
                    <a:pt x="213" y="241"/>
                    <a:pt x="212" y="240"/>
                  </a:cubicBezTo>
                  <a:cubicBezTo>
                    <a:pt x="211" y="239"/>
                    <a:pt x="211" y="238"/>
                    <a:pt x="210" y="237"/>
                  </a:cubicBezTo>
                  <a:cubicBezTo>
                    <a:pt x="208" y="237"/>
                    <a:pt x="207" y="236"/>
                    <a:pt x="206" y="235"/>
                  </a:cubicBezTo>
                  <a:cubicBezTo>
                    <a:pt x="206" y="232"/>
                    <a:pt x="207" y="234"/>
                    <a:pt x="208" y="234"/>
                  </a:cubicBezTo>
                  <a:cubicBezTo>
                    <a:pt x="209" y="230"/>
                    <a:pt x="205" y="231"/>
                    <a:pt x="205" y="227"/>
                  </a:cubicBezTo>
                  <a:cubicBezTo>
                    <a:pt x="204" y="227"/>
                    <a:pt x="203" y="225"/>
                    <a:pt x="201" y="225"/>
                  </a:cubicBezTo>
                  <a:cubicBezTo>
                    <a:pt x="201" y="223"/>
                    <a:pt x="202" y="223"/>
                    <a:pt x="201" y="221"/>
                  </a:cubicBezTo>
                  <a:cubicBezTo>
                    <a:pt x="200" y="220"/>
                    <a:pt x="200" y="220"/>
                    <a:pt x="200" y="220"/>
                  </a:cubicBezTo>
                  <a:cubicBezTo>
                    <a:pt x="199" y="217"/>
                    <a:pt x="199" y="214"/>
                    <a:pt x="195" y="215"/>
                  </a:cubicBezTo>
                  <a:cubicBezTo>
                    <a:pt x="196" y="214"/>
                    <a:pt x="196" y="213"/>
                    <a:pt x="195" y="212"/>
                  </a:cubicBezTo>
                  <a:cubicBezTo>
                    <a:pt x="195" y="212"/>
                    <a:pt x="194" y="210"/>
                    <a:pt x="194" y="210"/>
                  </a:cubicBezTo>
                  <a:cubicBezTo>
                    <a:pt x="193" y="210"/>
                    <a:pt x="191" y="210"/>
                    <a:pt x="191" y="210"/>
                  </a:cubicBezTo>
                  <a:cubicBezTo>
                    <a:pt x="190" y="209"/>
                    <a:pt x="193" y="209"/>
                    <a:pt x="193" y="209"/>
                  </a:cubicBezTo>
                  <a:cubicBezTo>
                    <a:pt x="192" y="207"/>
                    <a:pt x="187" y="206"/>
                    <a:pt x="184" y="205"/>
                  </a:cubicBezTo>
                  <a:cubicBezTo>
                    <a:pt x="184" y="205"/>
                    <a:pt x="184" y="204"/>
                    <a:pt x="183" y="203"/>
                  </a:cubicBezTo>
                  <a:cubicBezTo>
                    <a:pt x="183" y="202"/>
                    <a:pt x="182" y="201"/>
                    <a:pt x="181" y="201"/>
                  </a:cubicBezTo>
                  <a:cubicBezTo>
                    <a:pt x="181" y="200"/>
                    <a:pt x="181" y="197"/>
                    <a:pt x="180" y="195"/>
                  </a:cubicBezTo>
                  <a:cubicBezTo>
                    <a:pt x="179" y="194"/>
                    <a:pt x="178" y="194"/>
                    <a:pt x="178" y="194"/>
                  </a:cubicBezTo>
                  <a:cubicBezTo>
                    <a:pt x="177" y="192"/>
                    <a:pt x="178" y="191"/>
                    <a:pt x="176" y="191"/>
                  </a:cubicBezTo>
                  <a:cubicBezTo>
                    <a:pt x="176" y="187"/>
                    <a:pt x="174" y="185"/>
                    <a:pt x="172" y="182"/>
                  </a:cubicBezTo>
                  <a:cubicBezTo>
                    <a:pt x="171" y="181"/>
                    <a:pt x="171" y="179"/>
                    <a:pt x="169" y="180"/>
                  </a:cubicBezTo>
                  <a:cubicBezTo>
                    <a:pt x="170" y="168"/>
                    <a:pt x="169" y="162"/>
                    <a:pt x="169" y="148"/>
                  </a:cubicBezTo>
                  <a:cubicBezTo>
                    <a:pt x="169" y="147"/>
                    <a:pt x="168" y="147"/>
                    <a:pt x="168" y="146"/>
                  </a:cubicBezTo>
                  <a:cubicBezTo>
                    <a:pt x="167" y="146"/>
                    <a:pt x="167" y="145"/>
                    <a:pt x="166" y="144"/>
                  </a:cubicBezTo>
                  <a:cubicBezTo>
                    <a:pt x="166" y="144"/>
                    <a:pt x="165" y="143"/>
                    <a:pt x="164" y="143"/>
                  </a:cubicBezTo>
                  <a:cubicBezTo>
                    <a:pt x="164" y="139"/>
                    <a:pt x="160" y="136"/>
                    <a:pt x="157" y="133"/>
                  </a:cubicBezTo>
                  <a:cubicBezTo>
                    <a:pt x="156" y="132"/>
                    <a:pt x="156" y="132"/>
                    <a:pt x="156" y="131"/>
                  </a:cubicBezTo>
                  <a:cubicBezTo>
                    <a:pt x="156" y="132"/>
                    <a:pt x="158" y="132"/>
                    <a:pt x="159" y="131"/>
                  </a:cubicBezTo>
                  <a:cubicBezTo>
                    <a:pt x="160" y="131"/>
                    <a:pt x="160" y="133"/>
                    <a:pt x="162" y="133"/>
                  </a:cubicBezTo>
                  <a:cubicBezTo>
                    <a:pt x="163" y="134"/>
                    <a:pt x="163" y="135"/>
                    <a:pt x="163" y="137"/>
                  </a:cubicBezTo>
                  <a:cubicBezTo>
                    <a:pt x="168" y="136"/>
                    <a:pt x="169" y="139"/>
                    <a:pt x="172" y="140"/>
                  </a:cubicBezTo>
                  <a:cubicBezTo>
                    <a:pt x="171" y="144"/>
                    <a:pt x="173" y="145"/>
                    <a:pt x="175" y="146"/>
                  </a:cubicBezTo>
                  <a:cubicBezTo>
                    <a:pt x="176" y="146"/>
                    <a:pt x="176" y="144"/>
                    <a:pt x="176" y="143"/>
                  </a:cubicBezTo>
                  <a:cubicBezTo>
                    <a:pt x="176" y="142"/>
                    <a:pt x="174" y="142"/>
                    <a:pt x="174" y="141"/>
                  </a:cubicBezTo>
                  <a:cubicBezTo>
                    <a:pt x="173" y="140"/>
                    <a:pt x="173" y="139"/>
                    <a:pt x="173" y="138"/>
                  </a:cubicBezTo>
                  <a:cubicBezTo>
                    <a:pt x="173" y="137"/>
                    <a:pt x="172" y="137"/>
                    <a:pt x="172" y="137"/>
                  </a:cubicBezTo>
                  <a:cubicBezTo>
                    <a:pt x="172" y="136"/>
                    <a:pt x="173" y="135"/>
                    <a:pt x="173" y="136"/>
                  </a:cubicBezTo>
                  <a:cubicBezTo>
                    <a:pt x="172" y="133"/>
                    <a:pt x="169" y="134"/>
                    <a:pt x="170" y="132"/>
                  </a:cubicBezTo>
                  <a:cubicBezTo>
                    <a:pt x="165" y="132"/>
                    <a:pt x="165" y="129"/>
                    <a:pt x="160" y="129"/>
                  </a:cubicBezTo>
                  <a:cubicBezTo>
                    <a:pt x="162" y="126"/>
                    <a:pt x="157" y="128"/>
                    <a:pt x="159" y="125"/>
                  </a:cubicBezTo>
                  <a:cubicBezTo>
                    <a:pt x="158" y="124"/>
                    <a:pt x="156" y="125"/>
                    <a:pt x="155" y="123"/>
                  </a:cubicBezTo>
                  <a:cubicBezTo>
                    <a:pt x="155" y="122"/>
                    <a:pt x="156" y="122"/>
                    <a:pt x="157" y="122"/>
                  </a:cubicBezTo>
                  <a:cubicBezTo>
                    <a:pt x="158" y="120"/>
                    <a:pt x="153" y="121"/>
                    <a:pt x="154" y="121"/>
                  </a:cubicBezTo>
                  <a:cubicBezTo>
                    <a:pt x="153" y="121"/>
                    <a:pt x="154" y="120"/>
                    <a:pt x="153" y="119"/>
                  </a:cubicBezTo>
                  <a:cubicBezTo>
                    <a:pt x="153" y="119"/>
                    <a:pt x="151" y="120"/>
                    <a:pt x="151" y="119"/>
                  </a:cubicBezTo>
                  <a:cubicBezTo>
                    <a:pt x="151" y="119"/>
                    <a:pt x="152" y="118"/>
                    <a:pt x="152" y="117"/>
                  </a:cubicBezTo>
                  <a:cubicBezTo>
                    <a:pt x="151" y="116"/>
                    <a:pt x="151" y="118"/>
                    <a:pt x="149" y="117"/>
                  </a:cubicBezTo>
                  <a:cubicBezTo>
                    <a:pt x="147" y="116"/>
                    <a:pt x="148" y="114"/>
                    <a:pt x="147" y="113"/>
                  </a:cubicBezTo>
                  <a:cubicBezTo>
                    <a:pt x="146" y="112"/>
                    <a:pt x="146" y="112"/>
                    <a:pt x="144" y="112"/>
                  </a:cubicBezTo>
                  <a:cubicBezTo>
                    <a:pt x="148" y="106"/>
                    <a:pt x="137" y="110"/>
                    <a:pt x="138" y="104"/>
                  </a:cubicBezTo>
                  <a:cubicBezTo>
                    <a:pt x="140" y="104"/>
                    <a:pt x="140" y="104"/>
                    <a:pt x="140" y="104"/>
                  </a:cubicBezTo>
                  <a:cubicBezTo>
                    <a:pt x="141" y="102"/>
                    <a:pt x="136" y="105"/>
                    <a:pt x="138" y="101"/>
                  </a:cubicBezTo>
                  <a:cubicBezTo>
                    <a:pt x="132" y="101"/>
                    <a:pt x="132" y="101"/>
                    <a:pt x="132" y="101"/>
                  </a:cubicBezTo>
                  <a:cubicBezTo>
                    <a:pt x="134" y="100"/>
                    <a:pt x="131" y="99"/>
                    <a:pt x="133" y="98"/>
                  </a:cubicBezTo>
                  <a:cubicBezTo>
                    <a:pt x="133" y="97"/>
                    <a:pt x="130" y="97"/>
                    <a:pt x="131" y="97"/>
                  </a:cubicBezTo>
                  <a:cubicBezTo>
                    <a:pt x="129" y="96"/>
                    <a:pt x="131" y="95"/>
                    <a:pt x="129" y="93"/>
                  </a:cubicBezTo>
                  <a:cubicBezTo>
                    <a:pt x="123" y="93"/>
                    <a:pt x="123" y="93"/>
                    <a:pt x="123" y="93"/>
                  </a:cubicBezTo>
                  <a:cubicBezTo>
                    <a:pt x="124" y="91"/>
                    <a:pt x="125" y="90"/>
                    <a:pt x="125" y="89"/>
                  </a:cubicBezTo>
                  <a:cubicBezTo>
                    <a:pt x="124" y="87"/>
                    <a:pt x="122" y="88"/>
                    <a:pt x="124" y="86"/>
                  </a:cubicBezTo>
                  <a:cubicBezTo>
                    <a:pt x="121" y="86"/>
                    <a:pt x="119" y="88"/>
                    <a:pt x="115" y="87"/>
                  </a:cubicBezTo>
                  <a:cubicBezTo>
                    <a:pt x="115" y="84"/>
                    <a:pt x="112" y="83"/>
                    <a:pt x="110" y="82"/>
                  </a:cubicBezTo>
                  <a:cubicBezTo>
                    <a:pt x="109" y="82"/>
                    <a:pt x="108" y="82"/>
                    <a:pt x="107" y="81"/>
                  </a:cubicBezTo>
                  <a:cubicBezTo>
                    <a:pt x="107" y="81"/>
                    <a:pt x="107" y="80"/>
                    <a:pt x="107" y="79"/>
                  </a:cubicBezTo>
                  <a:cubicBezTo>
                    <a:pt x="107" y="79"/>
                    <a:pt x="105" y="80"/>
                    <a:pt x="105" y="78"/>
                  </a:cubicBezTo>
                  <a:cubicBezTo>
                    <a:pt x="102" y="77"/>
                    <a:pt x="95" y="80"/>
                    <a:pt x="94" y="78"/>
                  </a:cubicBezTo>
                  <a:cubicBezTo>
                    <a:pt x="94" y="78"/>
                    <a:pt x="94" y="77"/>
                    <a:pt x="94" y="77"/>
                  </a:cubicBezTo>
                  <a:cubicBezTo>
                    <a:pt x="93" y="77"/>
                    <a:pt x="92" y="78"/>
                    <a:pt x="92" y="78"/>
                  </a:cubicBezTo>
                  <a:cubicBezTo>
                    <a:pt x="90" y="78"/>
                    <a:pt x="91" y="75"/>
                    <a:pt x="87" y="76"/>
                  </a:cubicBezTo>
                  <a:cubicBezTo>
                    <a:pt x="87" y="74"/>
                    <a:pt x="83" y="75"/>
                    <a:pt x="85" y="73"/>
                  </a:cubicBezTo>
                  <a:cubicBezTo>
                    <a:pt x="84" y="73"/>
                    <a:pt x="84" y="74"/>
                    <a:pt x="83" y="74"/>
                  </a:cubicBezTo>
                  <a:cubicBezTo>
                    <a:pt x="83" y="74"/>
                    <a:pt x="82" y="73"/>
                    <a:pt x="82" y="73"/>
                  </a:cubicBezTo>
                  <a:cubicBezTo>
                    <a:pt x="80" y="73"/>
                    <a:pt x="79" y="75"/>
                    <a:pt x="77" y="74"/>
                  </a:cubicBezTo>
                  <a:cubicBezTo>
                    <a:pt x="75" y="73"/>
                    <a:pt x="77" y="77"/>
                    <a:pt x="76" y="78"/>
                  </a:cubicBezTo>
                  <a:cubicBezTo>
                    <a:pt x="76" y="78"/>
                    <a:pt x="75" y="77"/>
                    <a:pt x="74" y="77"/>
                  </a:cubicBezTo>
                  <a:cubicBezTo>
                    <a:pt x="72" y="78"/>
                    <a:pt x="73" y="79"/>
                    <a:pt x="73" y="79"/>
                  </a:cubicBezTo>
                  <a:cubicBezTo>
                    <a:pt x="72" y="80"/>
                    <a:pt x="68" y="79"/>
                    <a:pt x="67" y="80"/>
                  </a:cubicBezTo>
                  <a:cubicBezTo>
                    <a:pt x="66" y="81"/>
                    <a:pt x="66" y="82"/>
                    <a:pt x="65" y="82"/>
                  </a:cubicBezTo>
                  <a:cubicBezTo>
                    <a:pt x="63" y="82"/>
                    <a:pt x="63" y="81"/>
                    <a:pt x="61" y="81"/>
                  </a:cubicBezTo>
                  <a:cubicBezTo>
                    <a:pt x="63" y="80"/>
                    <a:pt x="65" y="79"/>
                    <a:pt x="64" y="75"/>
                  </a:cubicBezTo>
                  <a:cubicBezTo>
                    <a:pt x="66" y="76"/>
                    <a:pt x="66" y="75"/>
                    <a:pt x="66" y="74"/>
                  </a:cubicBezTo>
                  <a:cubicBezTo>
                    <a:pt x="66" y="72"/>
                    <a:pt x="64" y="73"/>
                    <a:pt x="63" y="73"/>
                  </a:cubicBezTo>
                  <a:cubicBezTo>
                    <a:pt x="62" y="74"/>
                    <a:pt x="62" y="75"/>
                    <a:pt x="60" y="76"/>
                  </a:cubicBezTo>
                  <a:cubicBezTo>
                    <a:pt x="60" y="77"/>
                    <a:pt x="59" y="78"/>
                    <a:pt x="58" y="78"/>
                  </a:cubicBezTo>
                  <a:cubicBezTo>
                    <a:pt x="57" y="78"/>
                    <a:pt x="57" y="81"/>
                    <a:pt x="55" y="80"/>
                  </a:cubicBezTo>
                  <a:cubicBezTo>
                    <a:pt x="56" y="82"/>
                    <a:pt x="55" y="82"/>
                    <a:pt x="54" y="82"/>
                  </a:cubicBezTo>
                  <a:cubicBezTo>
                    <a:pt x="54" y="86"/>
                    <a:pt x="54" y="86"/>
                    <a:pt x="54" y="86"/>
                  </a:cubicBezTo>
                  <a:cubicBezTo>
                    <a:pt x="51" y="87"/>
                    <a:pt x="50" y="90"/>
                    <a:pt x="48" y="92"/>
                  </a:cubicBezTo>
                  <a:cubicBezTo>
                    <a:pt x="47" y="92"/>
                    <a:pt x="46" y="91"/>
                    <a:pt x="46" y="92"/>
                  </a:cubicBezTo>
                  <a:cubicBezTo>
                    <a:pt x="46" y="92"/>
                    <a:pt x="46" y="93"/>
                    <a:pt x="46" y="94"/>
                  </a:cubicBezTo>
                  <a:cubicBezTo>
                    <a:pt x="46" y="94"/>
                    <a:pt x="42" y="94"/>
                    <a:pt x="43" y="95"/>
                  </a:cubicBezTo>
                  <a:cubicBezTo>
                    <a:pt x="45" y="96"/>
                    <a:pt x="41" y="96"/>
                    <a:pt x="39" y="97"/>
                  </a:cubicBezTo>
                  <a:cubicBezTo>
                    <a:pt x="39" y="98"/>
                    <a:pt x="38" y="101"/>
                    <a:pt x="37" y="100"/>
                  </a:cubicBezTo>
                  <a:cubicBezTo>
                    <a:pt x="36" y="99"/>
                    <a:pt x="37" y="100"/>
                    <a:pt x="36" y="101"/>
                  </a:cubicBezTo>
                  <a:cubicBezTo>
                    <a:pt x="33" y="101"/>
                    <a:pt x="33" y="101"/>
                    <a:pt x="33" y="101"/>
                  </a:cubicBezTo>
                  <a:cubicBezTo>
                    <a:pt x="31" y="102"/>
                    <a:pt x="34" y="103"/>
                    <a:pt x="30" y="103"/>
                  </a:cubicBezTo>
                  <a:cubicBezTo>
                    <a:pt x="28" y="103"/>
                    <a:pt x="26" y="103"/>
                    <a:pt x="24" y="104"/>
                  </a:cubicBezTo>
                  <a:cubicBezTo>
                    <a:pt x="23" y="105"/>
                    <a:pt x="22" y="107"/>
                    <a:pt x="20" y="106"/>
                  </a:cubicBezTo>
                  <a:cubicBezTo>
                    <a:pt x="20" y="103"/>
                    <a:pt x="23" y="104"/>
                    <a:pt x="25" y="103"/>
                  </a:cubicBezTo>
                  <a:cubicBezTo>
                    <a:pt x="26" y="103"/>
                    <a:pt x="26" y="103"/>
                    <a:pt x="26" y="102"/>
                  </a:cubicBezTo>
                  <a:cubicBezTo>
                    <a:pt x="26" y="101"/>
                    <a:pt x="28" y="101"/>
                    <a:pt x="30" y="101"/>
                  </a:cubicBezTo>
                  <a:cubicBezTo>
                    <a:pt x="31" y="101"/>
                    <a:pt x="30" y="99"/>
                    <a:pt x="31" y="98"/>
                  </a:cubicBezTo>
                  <a:cubicBezTo>
                    <a:pt x="31" y="98"/>
                    <a:pt x="32" y="100"/>
                    <a:pt x="34" y="97"/>
                  </a:cubicBezTo>
                  <a:cubicBezTo>
                    <a:pt x="34" y="97"/>
                    <a:pt x="34" y="98"/>
                    <a:pt x="34" y="96"/>
                  </a:cubicBezTo>
                  <a:cubicBezTo>
                    <a:pt x="35" y="95"/>
                    <a:pt x="37" y="96"/>
                    <a:pt x="38" y="95"/>
                  </a:cubicBezTo>
                  <a:cubicBezTo>
                    <a:pt x="38" y="90"/>
                    <a:pt x="38" y="90"/>
                    <a:pt x="38" y="90"/>
                  </a:cubicBezTo>
                  <a:cubicBezTo>
                    <a:pt x="41" y="93"/>
                    <a:pt x="39" y="87"/>
                    <a:pt x="42" y="88"/>
                  </a:cubicBezTo>
                  <a:cubicBezTo>
                    <a:pt x="42" y="86"/>
                    <a:pt x="38" y="88"/>
                    <a:pt x="39" y="85"/>
                  </a:cubicBezTo>
                  <a:cubicBezTo>
                    <a:pt x="38" y="87"/>
                    <a:pt x="32" y="85"/>
                    <a:pt x="32" y="87"/>
                  </a:cubicBezTo>
                  <a:cubicBezTo>
                    <a:pt x="30" y="87"/>
                    <a:pt x="31" y="85"/>
                    <a:pt x="31" y="85"/>
                  </a:cubicBezTo>
                  <a:cubicBezTo>
                    <a:pt x="29" y="84"/>
                    <a:pt x="27" y="86"/>
                    <a:pt x="25" y="85"/>
                  </a:cubicBezTo>
                  <a:cubicBezTo>
                    <a:pt x="26" y="83"/>
                    <a:pt x="23" y="84"/>
                    <a:pt x="23" y="83"/>
                  </a:cubicBezTo>
                  <a:cubicBezTo>
                    <a:pt x="23" y="82"/>
                    <a:pt x="24" y="82"/>
                    <a:pt x="24" y="82"/>
                  </a:cubicBezTo>
                  <a:cubicBezTo>
                    <a:pt x="22" y="80"/>
                    <a:pt x="21" y="80"/>
                    <a:pt x="19" y="77"/>
                  </a:cubicBezTo>
                  <a:cubicBezTo>
                    <a:pt x="18" y="79"/>
                    <a:pt x="15" y="78"/>
                    <a:pt x="13" y="78"/>
                  </a:cubicBezTo>
                  <a:cubicBezTo>
                    <a:pt x="12" y="77"/>
                    <a:pt x="13" y="77"/>
                    <a:pt x="13" y="76"/>
                  </a:cubicBezTo>
                  <a:cubicBezTo>
                    <a:pt x="13" y="75"/>
                    <a:pt x="10" y="75"/>
                    <a:pt x="11" y="72"/>
                  </a:cubicBezTo>
                  <a:cubicBezTo>
                    <a:pt x="10" y="71"/>
                    <a:pt x="9" y="69"/>
                    <a:pt x="9" y="71"/>
                  </a:cubicBezTo>
                  <a:cubicBezTo>
                    <a:pt x="6" y="71"/>
                    <a:pt x="8" y="68"/>
                    <a:pt x="9" y="67"/>
                  </a:cubicBezTo>
                  <a:cubicBezTo>
                    <a:pt x="9" y="66"/>
                    <a:pt x="8" y="65"/>
                    <a:pt x="9" y="65"/>
                  </a:cubicBezTo>
                  <a:cubicBezTo>
                    <a:pt x="9" y="65"/>
                    <a:pt x="10" y="65"/>
                    <a:pt x="11" y="65"/>
                  </a:cubicBezTo>
                  <a:cubicBezTo>
                    <a:pt x="11" y="64"/>
                    <a:pt x="11" y="63"/>
                    <a:pt x="12" y="62"/>
                  </a:cubicBezTo>
                  <a:cubicBezTo>
                    <a:pt x="14" y="62"/>
                    <a:pt x="17" y="61"/>
                    <a:pt x="19" y="60"/>
                  </a:cubicBezTo>
                  <a:cubicBezTo>
                    <a:pt x="20" y="59"/>
                    <a:pt x="21" y="60"/>
                    <a:pt x="23" y="59"/>
                  </a:cubicBezTo>
                  <a:cubicBezTo>
                    <a:pt x="25" y="59"/>
                    <a:pt x="21" y="57"/>
                    <a:pt x="27" y="57"/>
                  </a:cubicBezTo>
                  <a:cubicBezTo>
                    <a:pt x="26" y="55"/>
                    <a:pt x="26" y="53"/>
                    <a:pt x="25" y="50"/>
                  </a:cubicBezTo>
                  <a:cubicBezTo>
                    <a:pt x="23" y="48"/>
                    <a:pt x="18" y="53"/>
                    <a:pt x="15" y="51"/>
                  </a:cubicBezTo>
                  <a:cubicBezTo>
                    <a:pt x="14" y="49"/>
                    <a:pt x="15" y="52"/>
                    <a:pt x="12" y="52"/>
                  </a:cubicBezTo>
                  <a:cubicBezTo>
                    <a:pt x="11" y="50"/>
                    <a:pt x="7" y="51"/>
                    <a:pt x="5" y="50"/>
                  </a:cubicBezTo>
                  <a:cubicBezTo>
                    <a:pt x="5" y="50"/>
                    <a:pt x="7" y="48"/>
                    <a:pt x="5" y="48"/>
                  </a:cubicBezTo>
                  <a:cubicBezTo>
                    <a:pt x="3" y="48"/>
                    <a:pt x="1" y="47"/>
                    <a:pt x="1" y="44"/>
                  </a:cubicBezTo>
                  <a:cubicBezTo>
                    <a:pt x="7" y="45"/>
                    <a:pt x="0" y="41"/>
                    <a:pt x="7" y="42"/>
                  </a:cubicBezTo>
                  <a:cubicBezTo>
                    <a:pt x="8" y="42"/>
                    <a:pt x="7" y="41"/>
                    <a:pt x="7" y="41"/>
                  </a:cubicBezTo>
                  <a:cubicBezTo>
                    <a:pt x="7" y="39"/>
                    <a:pt x="9" y="41"/>
                    <a:pt x="9" y="41"/>
                  </a:cubicBezTo>
                  <a:cubicBezTo>
                    <a:pt x="10" y="41"/>
                    <a:pt x="11" y="40"/>
                    <a:pt x="13" y="40"/>
                  </a:cubicBezTo>
                  <a:cubicBezTo>
                    <a:pt x="13" y="40"/>
                    <a:pt x="14" y="42"/>
                    <a:pt x="14" y="42"/>
                  </a:cubicBezTo>
                  <a:cubicBezTo>
                    <a:pt x="17" y="43"/>
                    <a:pt x="19" y="41"/>
                    <a:pt x="21" y="42"/>
                  </a:cubicBezTo>
                  <a:cubicBezTo>
                    <a:pt x="23" y="42"/>
                    <a:pt x="22" y="43"/>
                    <a:pt x="24" y="42"/>
                  </a:cubicBezTo>
                  <a:cubicBezTo>
                    <a:pt x="25" y="42"/>
                    <a:pt x="24" y="41"/>
                    <a:pt x="24" y="40"/>
                  </a:cubicBezTo>
                  <a:cubicBezTo>
                    <a:pt x="25" y="40"/>
                    <a:pt x="26" y="40"/>
                    <a:pt x="26" y="39"/>
                  </a:cubicBezTo>
                  <a:cubicBezTo>
                    <a:pt x="26" y="37"/>
                    <a:pt x="22" y="40"/>
                    <a:pt x="23" y="36"/>
                  </a:cubicBezTo>
                  <a:cubicBezTo>
                    <a:pt x="20" y="36"/>
                    <a:pt x="18" y="35"/>
                    <a:pt x="15" y="34"/>
                  </a:cubicBezTo>
                  <a:cubicBezTo>
                    <a:pt x="16" y="33"/>
                    <a:pt x="17" y="33"/>
                    <a:pt x="14" y="32"/>
                  </a:cubicBezTo>
                  <a:cubicBezTo>
                    <a:pt x="14" y="31"/>
                    <a:pt x="14" y="31"/>
                    <a:pt x="13" y="31"/>
                  </a:cubicBezTo>
                  <a:cubicBezTo>
                    <a:pt x="13" y="30"/>
                    <a:pt x="11" y="30"/>
                    <a:pt x="10" y="30"/>
                  </a:cubicBezTo>
                  <a:cubicBezTo>
                    <a:pt x="10" y="30"/>
                    <a:pt x="12" y="26"/>
                    <a:pt x="10" y="27"/>
                  </a:cubicBezTo>
                  <a:cubicBezTo>
                    <a:pt x="9" y="27"/>
                    <a:pt x="10" y="28"/>
                    <a:pt x="9" y="28"/>
                  </a:cubicBezTo>
                  <a:cubicBezTo>
                    <a:pt x="8" y="28"/>
                    <a:pt x="7" y="26"/>
                    <a:pt x="6" y="27"/>
                  </a:cubicBezTo>
                  <a:cubicBezTo>
                    <a:pt x="8" y="24"/>
                    <a:pt x="12" y="23"/>
                    <a:pt x="15" y="22"/>
                  </a:cubicBezTo>
                  <a:cubicBezTo>
                    <a:pt x="14" y="19"/>
                    <a:pt x="18" y="19"/>
                    <a:pt x="19" y="17"/>
                  </a:cubicBezTo>
                  <a:cubicBezTo>
                    <a:pt x="20" y="16"/>
                    <a:pt x="19" y="14"/>
                    <a:pt x="20" y="13"/>
                  </a:cubicBezTo>
                  <a:cubicBezTo>
                    <a:pt x="22" y="16"/>
                    <a:pt x="23" y="14"/>
                    <a:pt x="27" y="14"/>
                  </a:cubicBezTo>
                  <a:cubicBezTo>
                    <a:pt x="29" y="12"/>
                    <a:pt x="32" y="10"/>
                    <a:pt x="37" y="11"/>
                  </a:cubicBezTo>
                  <a:cubicBezTo>
                    <a:pt x="38" y="11"/>
                    <a:pt x="38" y="9"/>
                    <a:pt x="38" y="9"/>
                  </a:cubicBezTo>
                  <a:cubicBezTo>
                    <a:pt x="40" y="8"/>
                    <a:pt x="44" y="9"/>
                    <a:pt x="44" y="7"/>
                  </a:cubicBezTo>
                  <a:cubicBezTo>
                    <a:pt x="45" y="7"/>
                    <a:pt x="45" y="8"/>
                    <a:pt x="46" y="9"/>
                  </a:cubicBezTo>
                  <a:cubicBezTo>
                    <a:pt x="47" y="9"/>
                    <a:pt x="49" y="8"/>
                    <a:pt x="49" y="11"/>
                  </a:cubicBezTo>
                  <a:cubicBezTo>
                    <a:pt x="61" y="11"/>
                    <a:pt x="61" y="11"/>
                    <a:pt x="61" y="11"/>
                  </a:cubicBezTo>
                  <a:cubicBezTo>
                    <a:pt x="57" y="15"/>
                    <a:pt x="68" y="9"/>
                    <a:pt x="64" y="13"/>
                  </a:cubicBezTo>
                  <a:cubicBezTo>
                    <a:pt x="66" y="14"/>
                    <a:pt x="68" y="13"/>
                    <a:pt x="68" y="12"/>
                  </a:cubicBezTo>
                  <a:cubicBezTo>
                    <a:pt x="70" y="14"/>
                    <a:pt x="74" y="13"/>
                    <a:pt x="76" y="13"/>
                  </a:cubicBezTo>
                  <a:cubicBezTo>
                    <a:pt x="77" y="14"/>
                    <a:pt x="77" y="14"/>
                    <a:pt x="77" y="14"/>
                  </a:cubicBezTo>
                  <a:cubicBezTo>
                    <a:pt x="78" y="14"/>
                    <a:pt x="78" y="15"/>
                    <a:pt x="79" y="15"/>
                  </a:cubicBezTo>
                  <a:cubicBezTo>
                    <a:pt x="82" y="16"/>
                    <a:pt x="83" y="14"/>
                    <a:pt x="84" y="15"/>
                  </a:cubicBezTo>
                  <a:cubicBezTo>
                    <a:pt x="85" y="16"/>
                    <a:pt x="95" y="15"/>
                    <a:pt x="97" y="16"/>
                  </a:cubicBezTo>
                  <a:cubicBezTo>
                    <a:pt x="98" y="17"/>
                    <a:pt x="103" y="18"/>
                    <a:pt x="107" y="18"/>
                  </a:cubicBezTo>
                  <a:cubicBezTo>
                    <a:pt x="108" y="19"/>
                    <a:pt x="110" y="20"/>
                    <a:pt x="110" y="22"/>
                  </a:cubicBezTo>
                  <a:cubicBezTo>
                    <a:pt x="113" y="22"/>
                    <a:pt x="114" y="24"/>
                    <a:pt x="118" y="23"/>
                  </a:cubicBezTo>
                  <a:cubicBezTo>
                    <a:pt x="118" y="26"/>
                    <a:pt x="122" y="25"/>
                    <a:pt x="125" y="25"/>
                  </a:cubicBezTo>
                  <a:cubicBezTo>
                    <a:pt x="125" y="24"/>
                    <a:pt x="124" y="24"/>
                    <a:pt x="123" y="24"/>
                  </a:cubicBezTo>
                  <a:cubicBezTo>
                    <a:pt x="125" y="22"/>
                    <a:pt x="127" y="20"/>
                    <a:pt x="131" y="19"/>
                  </a:cubicBezTo>
                  <a:cubicBezTo>
                    <a:pt x="131" y="21"/>
                    <a:pt x="132" y="21"/>
                    <a:pt x="132" y="20"/>
                  </a:cubicBezTo>
                  <a:cubicBezTo>
                    <a:pt x="133" y="20"/>
                    <a:pt x="132" y="22"/>
                    <a:pt x="134" y="22"/>
                  </a:cubicBezTo>
                  <a:cubicBezTo>
                    <a:pt x="136" y="22"/>
                    <a:pt x="136" y="21"/>
                    <a:pt x="136" y="19"/>
                  </a:cubicBezTo>
                  <a:cubicBezTo>
                    <a:pt x="138" y="19"/>
                    <a:pt x="138" y="20"/>
                    <a:pt x="139" y="20"/>
                  </a:cubicBezTo>
                  <a:cubicBezTo>
                    <a:pt x="141" y="19"/>
                    <a:pt x="139" y="18"/>
                    <a:pt x="141" y="16"/>
                  </a:cubicBezTo>
                  <a:cubicBezTo>
                    <a:pt x="143" y="16"/>
                    <a:pt x="144" y="18"/>
                    <a:pt x="144" y="16"/>
                  </a:cubicBezTo>
                  <a:cubicBezTo>
                    <a:pt x="146" y="17"/>
                    <a:pt x="145" y="19"/>
                    <a:pt x="143" y="18"/>
                  </a:cubicBezTo>
                  <a:cubicBezTo>
                    <a:pt x="145" y="21"/>
                    <a:pt x="151" y="16"/>
                    <a:pt x="153" y="19"/>
                  </a:cubicBezTo>
                  <a:cubicBezTo>
                    <a:pt x="156" y="19"/>
                    <a:pt x="150" y="16"/>
                    <a:pt x="154" y="16"/>
                  </a:cubicBezTo>
                  <a:cubicBezTo>
                    <a:pt x="154" y="15"/>
                    <a:pt x="155" y="14"/>
                    <a:pt x="157" y="14"/>
                  </a:cubicBezTo>
                  <a:cubicBezTo>
                    <a:pt x="157" y="17"/>
                    <a:pt x="157" y="17"/>
                    <a:pt x="157" y="17"/>
                  </a:cubicBezTo>
                  <a:cubicBezTo>
                    <a:pt x="159" y="15"/>
                    <a:pt x="159" y="19"/>
                    <a:pt x="161" y="19"/>
                  </a:cubicBezTo>
                  <a:cubicBezTo>
                    <a:pt x="164" y="19"/>
                    <a:pt x="166" y="19"/>
                    <a:pt x="167" y="17"/>
                  </a:cubicBezTo>
                  <a:cubicBezTo>
                    <a:pt x="169" y="18"/>
                    <a:pt x="171" y="18"/>
                    <a:pt x="170" y="21"/>
                  </a:cubicBezTo>
                  <a:cubicBezTo>
                    <a:pt x="172" y="20"/>
                    <a:pt x="174" y="20"/>
                    <a:pt x="175" y="17"/>
                  </a:cubicBezTo>
                  <a:cubicBezTo>
                    <a:pt x="177" y="19"/>
                    <a:pt x="178" y="17"/>
                    <a:pt x="181" y="19"/>
                  </a:cubicBezTo>
                  <a:cubicBezTo>
                    <a:pt x="187" y="19"/>
                    <a:pt x="187" y="19"/>
                    <a:pt x="187" y="19"/>
                  </a:cubicBezTo>
                  <a:cubicBezTo>
                    <a:pt x="187" y="19"/>
                    <a:pt x="186" y="21"/>
                    <a:pt x="186" y="21"/>
                  </a:cubicBezTo>
                  <a:cubicBezTo>
                    <a:pt x="186" y="21"/>
                    <a:pt x="189" y="22"/>
                    <a:pt x="188" y="22"/>
                  </a:cubicBezTo>
                  <a:cubicBezTo>
                    <a:pt x="189" y="22"/>
                    <a:pt x="190" y="21"/>
                    <a:pt x="191" y="21"/>
                  </a:cubicBezTo>
                  <a:cubicBezTo>
                    <a:pt x="191" y="21"/>
                    <a:pt x="191" y="23"/>
                    <a:pt x="191" y="23"/>
                  </a:cubicBezTo>
                  <a:cubicBezTo>
                    <a:pt x="194" y="25"/>
                    <a:pt x="198" y="22"/>
                    <a:pt x="201" y="23"/>
                  </a:cubicBezTo>
                  <a:cubicBezTo>
                    <a:pt x="201" y="24"/>
                    <a:pt x="202" y="24"/>
                    <a:pt x="203" y="24"/>
                  </a:cubicBezTo>
                  <a:cubicBezTo>
                    <a:pt x="202" y="27"/>
                    <a:pt x="207" y="25"/>
                    <a:pt x="206" y="27"/>
                  </a:cubicBezTo>
                  <a:cubicBezTo>
                    <a:pt x="207" y="29"/>
                    <a:pt x="204" y="28"/>
                    <a:pt x="204" y="30"/>
                  </a:cubicBezTo>
                  <a:cubicBezTo>
                    <a:pt x="204" y="31"/>
                    <a:pt x="205" y="31"/>
                    <a:pt x="205" y="33"/>
                  </a:cubicBezTo>
                  <a:cubicBezTo>
                    <a:pt x="216" y="32"/>
                    <a:pt x="224" y="31"/>
                    <a:pt x="232" y="34"/>
                  </a:cubicBezTo>
                  <a:cubicBezTo>
                    <a:pt x="232" y="35"/>
                    <a:pt x="231" y="36"/>
                    <a:pt x="231" y="37"/>
                  </a:cubicBezTo>
                  <a:cubicBezTo>
                    <a:pt x="233" y="37"/>
                    <a:pt x="233" y="36"/>
                    <a:pt x="235" y="36"/>
                  </a:cubicBezTo>
                  <a:cubicBezTo>
                    <a:pt x="234" y="33"/>
                    <a:pt x="235" y="34"/>
                    <a:pt x="234" y="31"/>
                  </a:cubicBezTo>
                  <a:cubicBezTo>
                    <a:pt x="235" y="29"/>
                    <a:pt x="242" y="29"/>
                    <a:pt x="240" y="28"/>
                  </a:cubicBezTo>
                  <a:cubicBezTo>
                    <a:pt x="240" y="26"/>
                    <a:pt x="241" y="28"/>
                    <a:pt x="243" y="28"/>
                  </a:cubicBezTo>
                  <a:cubicBezTo>
                    <a:pt x="243" y="29"/>
                    <a:pt x="244" y="28"/>
                    <a:pt x="244" y="30"/>
                  </a:cubicBezTo>
                  <a:cubicBezTo>
                    <a:pt x="248" y="30"/>
                    <a:pt x="251" y="29"/>
                    <a:pt x="254" y="30"/>
                  </a:cubicBezTo>
                  <a:cubicBezTo>
                    <a:pt x="254" y="30"/>
                    <a:pt x="254" y="31"/>
                    <a:pt x="255" y="31"/>
                  </a:cubicBezTo>
                  <a:cubicBezTo>
                    <a:pt x="256" y="31"/>
                    <a:pt x="256" y="32"/>
                    <a:pt x="257" y="32"/>
                  </a:cubicBezTo>
                  <a:cubicBezTo>
                    <a:pt x="260" y="32"/>
                    <a:pt x="263" y="30"/>
                    <a:pt x="268" y="31"/>
                  </a:cubicBezTo>
                  <a:cubicBezTo>
                    <a:pt x="271" y="29"/>
                    <a:pt x="270" y="27"/>
                    <a:pt x="271" y="25"/>
                  </a:cubicBezTo>
                  <a:cubicBezTo>
                    <a:pt x="271" y="22"/>
                    <a:pt x="268" y="23"/>
                    <a:pt x="267" y="22"/>
                  </a:cubicBezTo>
                  <a:cubicBezTo>
                    <a:pt x="268" y="17"/>
                    <a:pt x="276" y="20"/>
                    <a:pt x="279" y="21"/>
                  </a:cubicBezTo>
                  <a:cubicBezTo>
                    <a:pt x="278" y="22"/>
                    <a:pt x="278" y="23"/>
                    <a:pt x="276" y="23"/>
                  </a:cubicBezTo>
                  <a:cubicBezTo>
                    <a:pt x="278" y="25"/>
                    <a:pt x="276" y="26"/>
                    <a:pt x="275" y="27"/>
                  </a:cubicBezTo>
                  <a:cubicBezTo>
                    <a:pt x="275" y="29"/>
                    <a:pt x="276" y="29"/>
                    <a:pt x="278" y="29"/>
                  </a:cubicBezTo>
                  <a:cubicBezTo>
                    <a:pt x="276" y="32"/>
                    <a:pt x="279" y="32"/>
                    <a:pt x="277" y="34"/>
                  </a:cubicBezTo>
                  <a:cubicBezTo>
                    <a:pt x="280" y="36"/>
                    <a:pt x="282" y="30"/>
                    <a:pt x="281" y="31"/>
                  </a:cubicBezTo>
                  <a:cubicBezTo>
                    <a:pt x="281" y="30"/>
                    <a:pt x="284" y="33"/>
                    <a:pt x="283" y="29"/>
                  </a:cubicBezTo>
                  <a:cubicBezTo>
                    <a:pt x="287" y="29"/>
                    <a:pt x="286" y="25"/>
                    <a:pt x="288" y="24"/>
                  </a:cubicBezTo>
                  <a:cubicBezTo>
                    <a:pt x="287" y="21"/>
                    <a:pt x="286" y="19"/>
                    <a:pt x="282" y="19"/>
                  </a:cubicBezTo>
                  <a:cubicBezTo>
                    <a:pt x="284" y="18"/>
                    <a:pt x="280" y="15"/>
                    <a:pt x="277" y="14"/>
                  </a:cubicBezTo>
                  <a:cubicBezTo>
                    <a:pt x="277" y="13"/>
                    <a:pt x="277" y="12"/>
                    <a:pt x="276" y="12"/>
                  </a:cubicBezTo>
                  <a:cubicBezTo>
                    <a:pt x="276" y="10"/>
                    <a:pt x="279" y="9"/>
                    <a:pt x="279" y="7"/>
                  </a:cubicBezTo>
                  <a:cubicBezTo>
                    <a:pt x="279" y="6"/>
                    <a:pt x="281" y="5"/>
                    <a:pt x="281" y="5"/>
                  </a:cubicBezTo>
                  <a:cubicBezTo>
                    <a:pt x="278" y="2"/>
                    <a:pt x="284" y="5"/>
                    <a:pt x="282" y="3"/>
                  </a:cubicBezTo>
                  <a:cubicBezTo>
                    <a:pt x="282" y="0"/>
                    <a:pt x="284" y="4"/>
                    <a:pt x="285" y="4"/>
                  </a:cubicBezTo>
                  <a:cubicBezTo>
                    <a:pt x="286" y="4"/>
                    <a:pt x="288" y="3"/>
                    <a:pt x="288" y="4"/>
                  </a:cubicBezTo>
                  <a:cubicBezTo>
                    <a:pt x="289" y="4"/>
                    <a:pt x="287" y="5"/>
                    <a:pt x="287" y="6"/>
                  </a:cubicBezTo>
                  <a:cubicBezTo>
                    <a:pt x="288" y="6"/>
                    <a:pt x="290" y="5"/>
                    <a:pt x="290" y="6"/>
                  </a:cubicBezTo>
                  <a:cubicBezTo>
                    <a:pt x="291" y="6"/>
                    <a:pt x="290" y="8"/>
                    <a:pt x="290" y="9"/>
                  </a:cubicBezTo>
                  <a:cubicBezTo>
                    <a:pt x="290" y="9"/>
                    <a:pt x="292" y="8"/>
                    <a:pt x="292" y="9"/>
                  </a:cubicBezTo>
                  <a:cubicBezTo>
                    <a:pt x="293" y="11"/>
                    <a:pt x="291" y="10"/>
                    <a:pt x="292" y="12"/>
                  </a:cubicBezTo>
                  <a:cubicBezTo>
                    <a:pt x="293" y="13"/>
                    <a:pt x="293" y="13"/>
                    <a:pt x="293" y="14"/>
                  </a:cubicBezTo>
                  <a:cubicBezTo>
                    <a:pt x="293" y="14"/>
                    <a:pt x="292" y="15"/>
                    <a:pt x="292" y="15"/>
                  </a:cubicBezTo>
                  <a:cubicBezTo>
                    <a:pt x="292" y="17"/>
                    <a:pt x="292" y="17"/>
                    <a:pt x="291" y="18"/>
                  </a:cubicBezTo>
                  <a:cubicBezTo>
                    <a:pt x="291" y="20"/>
                    <a:pt x="297" y="20"/>
                    <a:pt x="296" y="17"/>
                  </a:cubicBezTo>
                  <a:cubicBezTo>
                    <a:pt x="298" y="17"/>
                    <a:pt x="297" y="20"/>
                    <a:pt x="300" y="19"/>
                  </a:cubicBezTo>
                  <a:cubicBezTo>
                    <a:pt x="298" y="21"/>
                    <a:pt x="300" y="21"/>
                    <a:pt x="300" y="24"/>
                  </a:cubicBezTo>
                  <a:cubicBezTo>
                    <a:pt x="304" y="24"/>
                    <a:pt x="303" y="21"/>
                    <a:pt x="307" y="23"/>
                  </a:cubicBezTo>
                  <a:cubicBezTo>
                    <a:pt x="307" y="23"/>
                    <a:pt x="307" y="23"/>
                    <a:pt x="307" y="22"/>
                  </a:cubicBezTo>
                  <a:cubicBezTo>
                    <a:pt x="310" y="23"/>
                    <a:pt x="306" y="23"/>
                    <a:pt x="308" y="25"/>
                  </a:cubicBezTo>
                  <a:cubicBezTo>
                    <a:pt x="308" y="25"/>
                    <a:pt x="310" y="26"/>
                    <a:pt x="310" y="26"/>
                  </a:cubicBezTo>
                  <a:cubicBezTo>
                    <a:pt x="310" y="27"/>
                    <a:pt x="307" y="29"/>
                    <a:pt x="308" y="32"/>
                  </a:cubicBezTo>
                  <a:moveTo>
                    <a:pt x="195" y="42"/>
                  </a:moveTo>
                  <a:cubicBezTo>
                    <a:pt x="194" y="40"/>
                    <a:pt x="196" y="40"/>
                    <a:pt x="195" y="39"/>
                  </a:cubicBezTo>
                  <a:cubicBezTo>
                    <a:pt x="195" y="40"/>
                    <a:pt x="195" y="40"/>
                    <a:pt x="194" y="40"/>
                  </a:cubicBezTo>
                  <a:cubicBezTo>
                    <a:pt x="194" y="39"/>
                    <a:pt x="194" y="37"/>
                    <a:pt x="193" y="37"/>
                  </a:cubicBezTo>
                  <a:cubicBezTo>
                    <a:pt x="192" y="39"/>
                    <a:pt x="187" y="42"/>
                    <a:pt x="185" y="39"/>
                  </a:cubicBezTo>
                  <a:cubicBezTo>
                    <a:pt x="185" y="37"/>
                    <a:pt x="190" y="40"/>
                    <a:pt x="188" y="36"/>
                  </a:cubicBezTo>
                  <a:cubicBezTo>
                    <a:pt x="187" y="36"/>
                    <a:pt x="186" y="36"/>
                    <a:pt x="186" y="35"/>
                  </a:cubicBezTo>
                  <a:cubicBezTo>
                    <a:pt x="185" y="35"/>
                    <a:pt x="184" y="37"/>
                    <a:pt x="182" y="37"/>
                  </a:cubicBezTo>
                  <a:cubicBezTo>
                    <a:pt x="181" y="38"/>
                    <a:pt x="178" y="38"/>
                    <a:pt x="176" y="38"/>
                  </a:cubicBezTo>
                  <a:cubicBezTo>
                    <a:pt x="176" y="38"/>
                    <a:pt x="175" y="39"/>
                    <a:pt x="175" y="39"/>
                  </a:cubicBezTo>
                  <a:cubicBezTo>
                    <a:pt x="172" y="40"/>
                    <a:pt x="168" y="40"/>
                    <a:pt x="165" y="40"/>
                  </a:cubicBezTo>
                  <a:cubicBezTo>
                    <a:pt x="166" y="42"/>
                    <a:pt x="164" y="43"/>
                    <a:pt x="165" y="43"/>
                  </a:cubicBezTo>
                  <a:cubicBezTo>
                    <a:pt x="165" y="42"/>
                    <a:pt x="166" y="42"/>
                    <a:pt x="166" y="44"/>
                  </a:cubicBezTo>
                  <a:cubicBezTo>
                    <a:pt x="170" y="45"/>
                    <a:pt x="176" y="40"/>
                    <a:pt x="178" y="44"/>
                  </a:cubicBezTo>
                  <a:cubicBezTo>
                    <a:pt x="175" y="42"/>
                    <a:pt x="177" y="44"/>
                    <a:pt x="175" y="45"/>
                  </a:cubicBezTo>
                  <a:cubicBezTo>
                    <a:pt x="173" y="45"/>
                    <a:pt x="172" y="46"/>
                    <a:pt x="171" y="47"/>
                  </a:cubicBezTo>
                  <a:cubicBezTo>
                    <a:pt x="176" y="48"/>
                    <a:pt x="179" y="46"/>
                    <a:pt x="183" y="46"/>
                  </a:cubicBezTo>
                  <a:cubicBezTo>
                    <a:pt x="184" y="47"/>
                    <a:pt x="183" y="49"/>
                    <a:pt x="184" y="49"/>
                  </a:cubicBezTo>
                  <a:cubicBezTo>
                    <a:pt x="184" y="48"/>
                    <a:pt x="186" y="48"/>
                    <a:pt x="187" y="48"/>
                  </a:cubicBezTo>
                  <a:cubicBezTo>
                    <a:pt x="187" y="46"/>
                    <a:pt x="188" y="45"/>
                    <a:pt x="189" y="44"/>
                  </a:cubicBezTo>
                  <a:cubicBezTo>
                    <a:pt x="191" y="42"/>
                    <a:pt x="190" y="44"/>
                    <a:pt x="193" y="44"/>
                  </a:cubicBezTo>
                  <a:cubicBezTo>
                    <a:pt x="193" y="43"/>
                    <a:pt x="193" y="42"/>
                    <a:pt x="195" y="42"/>
                  </a:cubicBezTo>
                  <a:moveTo>
                    <a:pt x="202" y="75"/>
                  </a:moveTo>
                  <a:cubicBezTo>
                    <a:pt x="202" y="72"/>
                    <a:pt x="205" y="73"/>
                    <a:pt x="206" y="72"/>
                  </a:cubicBezTo>
                  <a:cubicBezTo>
                    <a:pt x="206" y="71"/>
                    <a:pt x="208" y="72"/>
                    <a:pt x="208" y="72"/>
                  </a:cubicBezTo>
                  <a:cubicBezTo>
                    <a:pt x="210" y="71"/>
                    <a:pt x="212" y="71"/>
                    <a:pt x="213" y="71"/>
                  </a:cubicBezTo>
                  <a:cubicBezTo>
                    <a:pt x="213" y="71"/>
                    <a:pt x="214" y="69"/>
                    <a:pt x="214" y="69"/>
                  </a:cubicBezTo>
                  <a:cubicBezTo>
                    <a:pt x="216" y="67"/>
                    <a:pt x="218" y="70"/>
                    <a:pt x="219" y="68"/>
                  </a:cubicBezTo>
                  <a:cubicBezTo>
                    <a:pt x="218" y="68"/>
                    <a:pt x="218" y="67"/>
                    <a:pt x="219" y="67"/>
                  </a:cubicBezTo>
                  <a:cubicBezTo>
                    <a:pt x="221" y="67"/>
                    <a:pt x="221" y="66"/>
                    <a:pt x="222" y="67"/>
                  </a:cubicBezTo>
                  <a:cubicBezTo>
                    <a:pt x="222" y="68"/>
                    <a:pt x="223" y="66"/>
                    <a:pt x="223" y="66"/>
                  </a:cubicBezTo>
                  <a:cubicBezTo>
                    <a:pt x="221" y="67"/>
                    <a:pt x="223" y="64"/>
                    <a:pt x="224" y="66"/>
                  </a:cubicBezTo>
                  <a:cubicBezTo>
                    <a:pt x="225" y="64"/>
                    <a:pt x="226" y="64"/>
                    <a:pt x="226" y="61"/>
                  </a:cubicBezTo>
                  <a:cubicBezTo>
                    <a:pt x="223" y="61"/>
                    <a:pt x="222" y="63"/>
                    <a:pt x="219" y="62"/>
                  </a:cubicBezTo>
                  <a:cubicBezTo>
                    <a:pt x="219" y="64"/>
                    <a:pt x="218" y="64"/>
                    <a:pt x="217" y="65"/>
                  </a:cubicBezTo>
                  <a:cubicBezTo>
                    <a:pt x="214" y="67"/>
                    <a:pt x="214" y="65"/>
                    <a:pt x="212" y="65"/>
                  </a:cubicBezTo>
                  <a:cubicBezTo>
                    <a:pt x="211" y="65"/>
                    <a:pt x="212" y="66"/>
                    <a:pt x="210" y="66"/>
                  </a:cubicBezTo>
                  <a:cubicBezTo>
                    <a:pt x="209" y="66"/>
                    <a:pt x="208" y="64"/>
                    <a:pt x="206" y="65"/>
                  </a:cubicBezTo>
                  <a:cubicBezTo>
                    <a:pt x="206" y="64"/>
                    <a:pt x="206" y="63"/>
                    <a:pt x="205" y="63"/>
                  </a:cubicBezTo>
                  <a:cubicBezTo>
                    <a:pt x="205" y="64"/>
                    <a:pt x="205" y="65"/>
                    <a:pt x="204" y="66"/>
                  </a:cubicBezTo>
                  <a:cubicBezTo>
                    <a:pt x="204" y="67"/>
                    <a:pt x="206" y="67"/>
                    <a:pt x="206" y="68"/>
                  </a:cubicBezTo>
                  <a:cubicBezTo>
                    <a:pt x="203" y="67"/>
                    <a:pt x="203" y="69"/>
                    <a:pt x="202" y="70"/>
                  </a:cubicBezTo>
                  <a:cubicBezTo>
                    <a:pt x="201" y="71"/>
                    <a:pt x="199" y="70"/>
                    <a:pt x="199" y="72"/>
                  </a:cubicBezTo>
                  <a:cubicBezTo>
                    <a:pt x="199" y="74"/>
                    <a:pt x="194" y="71"/>
                    <a:pt x="196" y="75"/>
                  </a:cubicBezTo>
                  <a:lnTo>
                    <a:pt x="202" y="75"/>
                  </a:lnTo>
                  <a:close/>
                  <a:moveTo>
                    <a:pt x="271" y="112"/>
                  </a:moveTo>
                  <a:cubicBezTo>
                    <a:pt x="270" y="112"/>
                    <a:pt x="271" y="113"/>
                    <a:pt x="270" y="113"/>
                  </a:cubicBezTo>
                  <a:cubicBezTo>
                    <a:pt x="270" y="113"/>
                    <a:pt x="268" y="113"/>
                    <a:pt x="267" y="114"/>
                  </a:cubicBezTo>
                  <a:cubicBezTo>
                    <a:pt x="267" y="115"/>
                    <a:pt x="268" y="117"/>
                    <a:pt x="266" y="117"/>
                  </a:cubicBezTo>
                  <a:cubicBezTo>
                    <a:pt x="266" y="116"/>
                    <a:pt x="267" y="115"/>
                    <a:pt x="265" y="115"/>
                  </a:cubicBezTo>
                  <a:cubicBezTo>
                    <a:pt x="265" y="118"/>
                    <a:pt x="265" y="118"/>
                    <a:pt x="265" y="118"/>
                  </a:cubicBezTo>
                  <a:cubicBezTo>
                    <a:pt x="270" y="118"/>
                    <a:pt x="270" y="118"/>
                    <a:pt x="270" y="118"/>
                  </a:cubicBezTo>
                  <a:cubicBezTo>
                    <a:pt x="269" y="120"/>
                    <a:pt x="272" y="121"/>
                    <a:pt x="272" y="122"/>
                  </a:cubicBezTo>
                  <a:cubicBezTo>
                    <a:pt x="273" y="125"/>
                    <a:pt x="274" y="124"/>
                    <a:pt x="275" y="126"/>
                  </a:cubicBezTo>
                  <a:cubicBezTo>
                    <a:pt x="274" y="126"/>
                    <a:pt x="273" y="126"/>
                    <a:pt x="273" y="128"/>
                  </a:cubicBezTo>
                  <a:cubicBezTo>
                    <a:pt x="273" y="129"/>
                    <a:pt x="274" y="129"/>
                    <a:pt x="274" y="131"/>
                  </a:cubicBezTo>
                  <a:cubicBezTo>
                    <a:pt x="278" y="131"/>
                    <a:pt x="278" y="131"/>
                    <a:pt x="278" y="131"/>
                  </a:cubicBezTo>
                  <a:cubicBezTo>
                    <a:pt x="279" y="130"/>
                    <a:pt x="279" y="127"/>
                    <a:pt x="279" y="125"/>
                  </a:cubicBezTo>
                  <a:cubicBezTo>
                    <a:pt x="278" y="125"/>
                    <a:pt x="277" y="124"/>
                    <a:pt x="276" y="123"/>
                  </a:cubicBezTo>
                  <a:cubicBezTo>
                    <a:pt x="278" y="118"/>
                    <a:pt x="276" y="121"/>
                    <a:pt x="275" y="119"/>
                  </a:cubicBezTo>
                  <a:cubicBezTo>
                    <a:pt x="274" y="118"/>
                    <a:pt x="274" y="114"/>
                    <a:pt x="273" y="112"/>
                  </a:cubicBezTo>
                  <a:cubicBezTo>
                    <a:pt x="272" y="112"/>
                    <a:pt x="272" y="112"/>
                    <a:pt x="271" y="112"/>
                  </a:cubicBezTo>
                  <a:moveTo>
                    <a:pt x="308" y="141"/>
                  </a:moveTo>
                  <a:cubicBezTo>
                    <a:pt x="305" y="140"/>
                    <a:pt x="306" y="143"/>
                    <a:pt x="305" y="143"/>
                  </a:cubicBezTo>
                  <a:cubicBezTo>
                    <a:pt x="304" y="143"/>
                    <a:pt x="304" y="142"/>
                    <a:pt x="303" y="142"/>
                  </a:cubicBezTo>
                  <a:cubicBezTo>
                    <a:pt x="303" y="146"/>
                    <a:pt x="299" y="144"/>
                    <a:pt x="298" y="145"/>
                  </a:cubicBezTo>
                  <a:cubicBezTo>
                    <a:pt x="297" y="146"/>
                    <a:pt x="298" y="146"/>
                    <a:pt x="297" y="147"/>
                  </a:cubicBezTo>
                  <a:cubicBezTo>
                    <a:pt x="296" y="147"/>
                    <a:pt x="295" y="147"/>
                    <a:pt x="295" y="148"/>
                  </a:cubicBezTo>
                  <a:cubicBezTo>
                    <a:pt x="297" y="148"/>
                    <a:pt x="295" y="149"/>
                    <a:pt x="295" y="151"/>
                  </a:cubicBezTo>
                  <a:cubicBezTo>
                    <a:pt x="297" y="153"/>
                    <a:pt x="297" y="149"/>
                    <a:pt x="299" y="149"/>
                  </a:cubicBezTo>
                  <a:cubicBezTo>
                    <a:pt x="301" y="148"/>
                    <a:pt x="303" y="149"/>
                    <a:pt x="305" y="149"/>
                  </a:cubicBezTo>
                  <a:cubicBezTo>
                    <a:pt x="306" y="149"/>
                    <a:pt x="306" y="148"/>
                    <a:pt x="307" y="148"/>
                  </a:cubicBezTo>
                  <a:cubicBezTo>
                    <a:pt x="310" y="148"/>
                    <a:pt x="312" y="149"/>
                    <a:pt x="313" y="150"/>
                  </a:cubicBezTo>
                  <a:cubicBezTo>
                    <a:pt x="312" y="150"/>
                    <a:pt x="311" y="150"/>
                    <a:pt x="311" y="151"/>
                  </a:cubicBezTo>
                  <a:cubicBezTo>
                    <a:pt x="312" y="150"/>
                    <a:pt x="312" y="152"/>
                    <a:pt x="312" y="152"/>
                  </a:cubicBezTo>
                  <a:cubicBezTo>
                    <a:pt x="313" y="152"/>
                    <a:pt x="313" y="151"/>
                    <a:pt x="313" y="151"/>
                  </a:cubicBezTo>
                  <a:cubicBezTo>
                    <a:pt x="317" y="151"/>
                    <a:pt x="315" y="151"/>
                    <a:pt x="318" y="150"/>
                  </a:cubicBezTo>
                  <a:cubicBezTo>
                    <a:pt x="321" y="148"/>
                    <a:pt x="323" y="151"/>
                    <a:pt x="325" y="149"/>
                  </a:cubicBezTo>
                  <a:cubicBezTo>
                    <a:pt x="322" y="149"/>
                    <a:pt x="325" y="145"/>
                    <a:pt x="323" y="147"/>
                  </a:cubicBezTo>
                  <a:cubicBezTo>
                    <a:pt x="321" y="149"/>
                    <a:pt x="321" y="143"/>
                    <a:pt x="321" y="143"/>
                  </a:cubicBezTo>
                  <a:cubicBezTo>
                    <a:pt x="320" y="143"/>
                    <a:pt x="318" y="143"/>
                    <a:pt x="319" y="141"/>
                  </a:cubicBezTo>
                  <a:cubicBezTo>
                    <a:pt x="314" y="141"/>
                    <a:pt x="314" y="141"/>
                    <a:pt x="314" y="141"/>
                  </a:cubicBezTo>
                  <a:cubicBezTo>
                    <a:pt x="315" y="140"/>
                    <a:pt x="315" y="140"/>
                    <a:pt x="314" y="138"/>
                  </a:cubicBezTo>
                  <a:cubicBezTo>
                    <a:pt x="311" y="140"/>
                    <a:pt x="312" y="139"/>
                    <a:pt x="308" y="138"/>
                  </a:cubicBezTo>
                  <a:cubicBezTo>
                    <a:pt x="308" y="140"/>
                    <a:pt x="307" y="140"/>
                    <a:pt x="308" y="141"/>
                  </a:cubicBezTo>
                  <a:moveTo>
                    <a:pt x="334" y="165"/>
                  </a:moveTo>
                  <a:cubicBezTo>
                    <a:pt x="334" y="165"/>
                    <a:pt x="333" y="165"/>
                    <a:pt x="333" y="164"/>
                  </a:cubicBezTo>
                  <a:cubicBezTo>
                    <a:pt x="337" y="165"/>
                    <a:pt x="333" y="158"/>
                    <a:pt x="337" y="159"/>
                  </a:cubicBezTo>
                  <a:cubicBezTo>
                    <a:pt x="339" y="161"/>
                    <a:pt x="340" y="158"/>
                    <a:pt x="343" y="159"/>
                  </a:cubicBezTo>
                  <a:cubicBezTo>
                    <a:pt x="341" y="153"/>
                    <a:pt x="334" y="152"/>
                    <a:pt x="328" y="153"/>
                  </a:cubicBezTo>
                  <a:cubicBezTo>
                    <a:pt x="328" y="153"/>
                    <a:pt x="327" y="152"/>
                    <a:pt x="328" y="151"/>
                  </a:cubicBezTo>
                  <a:cubicBezTo>
                    <a:pt x="325" y="150"/>
                    <a:pt x="325" y="153"/>
                    <a:pt x="323" y="153"/>
                  </a:cubicBezTo>
                  <a:cubicBezTo>
                    <a:pt x="322" y="153"/>
                    <a:pt x="321" y="151"/>
                    <a:pt x="320" y="152"/>
                  </a:cubicBezTo>
                  <a:cubicBezTo>
                    <a:pt x="319" y="152"/>
                    <a:pt x="318" y="153"/>
                    <a:pt x="317" y="154"/>
                  </a:cubicBezTo>
                  <a:cubicBezTo>
                    <a:pt x="316" y="154"/>
                    <a:pt x="315" y="154"/>
                    <a:pt x="313" y="155"/>
                  </a:cubicBezTo>
                  <a:cubicBezTo>
                    <a:pt x="313" y="156"/>
                    <a:pt x="312" y="157"/>
                    <a:pt x="311" y="158"/>
                  </a:cubicBezTo>
                  <a:cubicBezTo>
                    <a:pt x="312" y="165"/>
                    <a:pt x="310" y="166"/>
                    <a:pt x="310" y="174"/>
                  </a:cubicBezTo>
                  <a:cubicBezTo>
                    <a:pt x="314" y="175"/>
                    <a:pt x="312" y="171"/>
                    <a:pt x="315" y="172"/>
                  </a:cubicBezTo>
                  <a:cubicBezTo>
                    <a:pt x="315" y="170"/>
                    <a:pt x="315" y="169"/>
                    <a:pt x="316" y="168"/>
                  </a:cubicBezTo>
                  <a:cubicBezTo>
                    <a:pt x="318" y="166"/>
                    <a:pt x="316" y="163"/>
                    <a:pt x="317" y="160"/>
                  </a:cubicBezTo>
                  <a:cubicBezTo>
                    <a:pt x="317" y="160"/>
                    <a:pt x="319" y="159"/>
                    <a:pt x="319" y="159"/>
                  </a:cubicBezTo>
                  <a:cubicBezTo>
                    <a:pt x="319" y="158"/>
                    <a:pt x="319" y="156"/>
                    <a:pt x="320" y="156"/>
                  </a:cubicBezTo>
                  <a:cubicBezTo>
                    <a:pt x="322" y="156"/>
                    <a:pt x="323" y="155"/>
                    <a:pt x="324" y="155"/>
                  </a:cubicBezTo>
                  <a:cubicBezTo>
                    <a:pt x="322" y="158"/>
                    <a:pt x="327" y="155"/>
                    <a:pt x="327" y="158"/>
                  </a:cubicBezTo>
                  <a:cubicBezTo>
                    <a:pt x="327" y="161"/>
                    <a:pt x="327" y="159"/>
                    <a:pt x="327" y="162"/>
                  </a:cubicBezTo>
                  <a:cubicBezTo>
                    <a:pt x="327" y="163"/>
                    <a:pt x="328" y="162"/>
                    <a:pt x="328" y="163"/>
                  </a:cubicBezTo>
                  <a:cubicBezTo>
                    <a:pt x="328" y="164"/>
                    <a:pt x="327" y="163"/>
                    <a:pt x="327" y="164"/>
                  </a:cubicBezTo>
                  <a:cubicBezTo>
                    <a:pt x="330" y="163"/>
                    <a:pt x="333" y="167"/>
                    <a:pt x="334" y="165"/>
                  </a:cubicBezTo>
                  <a:moveTo>
                    <a:pt x="351" y="161"/>
                  </a:moveTo>
                  <a:cubicBezTo>
                    <a:pt x="351" y="161"/>
                    <a:pt x="351" y="163"/>
                    <a:pt x="351" y="163"/>
                  </a:cubicBezTo>
                  <a:cubicBezTo>
                    <a:pt x="350" y="165"/>
                    <a:pt x="346" y="161"/>
                    <a:pt x="344" y="162"/>
                  </a:cubicBezTo>
                  <a:cubicBezTo>
                    <a:pt x="344" y="164"/>
                    <a:pt x="342" y="164"/>
                    <a:pt x="342" y="165"/>
                  </a:cubicBezTo>
                  <a:cubicBezTo>
                    <a:pt x="344" y="168"/>
                    <a:pt x="345" y="166"/>
                    <a:pt x="348" y="166"/>
                  </a:cubicBezTo>
                  <a:cubicBezTo>
                    <a:pt x="350" y="166"/>
                    <a:pt x="353" y="167"/>
                    <a:pt x="354" y="165"/>
                  </a:cubicBezTo>
                  <a:cubicBezTo>
                    <a:pt x="354" y="165"/>
                    <a:pt x="353" y="164"/>
                    <a:pt x="354" y="164"/>
                  </a:cubicBezTo>
                  <a:cubicBezTo>
                    <a:pt x="355" y="164"/>
                    <a:pt x="356" y="164"/>
                    <a:pt x="356" y="163"/>
                  </a:cubicBezTo>
                  <a:cubicBezTo>
                    <a:pt x="354" y="163"/>
                    <a:pt x="353" y="161"/>
                    <a:pt x="351" y="161"/>
                  </a:cubicBezTo>
                  <a:moveTo>
                    <a:pt x="338" y="169"/>
                  </a:moveTo>
                  <a:cubicBezTo>
                    <a:pt x="338" y="169"/>
                    <a:pt x="337" y="167"/>
                    <a:pt x="336" y="168"/>
                  </a:cubicBezTo>
                  <a:cubicBezTo>
                    <a:pt x="336" y="168"/>
                    <a:pt x="336" y="170"/>
                    <a:pt x="336" y="170"/>
                  </a:cubicBezTo>
                  <a:cubicBezTo>
                    <a:pt x="331" y="170"/>
                    <a:pt x="331" y="170"/>
                    <a:pt x="331" y="170"/>
                  </a:cubicBezTo>
                  <a:cubicBezTo>
                    <a:pt x="333" y="173"/>
                    <a:pt x="328" y="171"/>
                    <a:pt x="328" y="173"/>
                  </a:cubicBezTo>
                  <a:cubicBezTo>
                    <a:pt x="331" y="173"/>
                    <a:pt x="331" y="173"/>
                    <a:pt x="331" y="173"/>
                  </a:cubicBezTo>
                  <a:cubicBezTo>
                    <a:pt x="331" y="174"/>
                    <a:pt x="331" y="174"/>
                    <a:pt x="330" y="175"/>
                  </a:cubicBezTo>
                  <a:cubicBezTo>
                    <a:pt x="333" y="175"/>
                    <a:pt x="332" y="173"/>
                    <a:pt x="334" y="173"/>
                  </a:cubicBezTo>
                  <a:cubicBezTo>
                    <a:pt x="335" y="174"/>
                    <a:pt x="337" y="174"/>
                    <a:pt x="339" y="174"/>
                  </a:cubicBezTo>
                  <a:cubicBezTo>
                    <a:pt x="339" y="170"/>
                    <a:pt x="345" y="173"/>
                    <a:pt x="344" y="168"/>
                  </a:cubicBezTo>
                  <a:cubicBezTo>
                    <a:pt x="341" y="167"/>
                    <a:pt x="339" y="169"/>
                    <a:pt x="338" y="169"/>
                  </a:cubicBezTo>
                </a:path>
              </a:pathLst>
            </a:cu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sp>
          <p:nvSpPr>
            <p:cNvPr id="10" name="Freeform 13"/>
            <p:cNvSpPr>
              <a:spLocks/>
            </p:cNvSpPr>
            <p:nvPr/>
          </p:nvSpPr>
          <p:spPr bwMode="auto">
            <a:xfrm>
              <a:off x="6230938" y="3154363"/>
              <a:ext cx="166688" cy="196850"/>
            </a:xfrm>
            <a:custGeom>
              <a:avLst/>
              <a:gdLst>
                <a:gd name="T0" fmla="*/ 30 w 38"/>
                <a:gd name="T1" fmla="*/ 3 h 45"/>
                <a:gd name="T2" fmla="*/ 34 w 38"/>
                <a:gd name="T3" fmla="*/ 5 h 45"/>
                <a:gd name="T4" fmla="*/ 38 w 38"/>
                <a:gd name="T5" fmla="*/ 8 h 45"/>
                <a:gd name="T6" fmla="*/ 34 w 38"/>
                <a:gd name="T7" fmla="*/ 12 h 45"/>
                <a:gd name="T8" fmla="*/ 33 w 38"/>
                <a:gd name="T9" fmla="*/ 18 h 45"/>
                <a:gd name="T10" fmla="*/ 35 w 38"/>
                <a:gd name="T11" fmla="*/ 20 h 45"/>
                <a:gd name="T12" fmla="*/ 35 w 38"/>
                <a:gd name="T13" fmla="*/ 23 h 45"/>
                <a:gd name="T14" fmla="*/ 37 w 38"/>
                <a:gd name="T15" fmla="*/ 25 h 45"/>
                <a:gd name="T16" fmla="*/ 32 w 38"/>
                <a:gd name="T17" fmla="*/ 28 h 45"/>
                <a:gd name="T18" fmla="*/ 31 w 38"/>
                <a:gd name="T19" fmla="*/ 32 h 45"/>
                <a:gd name="T20" fmla="*/ 31 w 38"/>
                <a:gd name="T21" fmla="*/ 34 h 45"/>
                <a:gd name="T22" fmla="*/ 29 w 38"/>
                <a:gd name="T23" fmla="*/ 34 h 45"/>
                <a:gd name="T24" fmla="*/ 27 w 38"/>
                <a:gd name="T25" fmla="*/ 38 h 45"/>
                <a:gd name="T26" fmla="*/ 27 w 38"/>
                <a:gd name="T27" fmla="*/ 44 h 45"/>
                <a:gd name="T28" fmla="*/ 17 w 38"/>
                <a:gd name="T29" fmla="*/ 41 h 45"/>
                <a:gd name="T30" fmla="*/ 16 w 38"/>
                <a:gd name="T31" fmla="*/ 43 h 45"/>
                <a:gd name="T32" fmla="*/ 13 w 38"/>
                <a:gd name="T33" fmla="*/ 41 h 45"/>
                <a:gd name="T34" fmla="*/ 8 w 38"/>
                <a:gd name="T35" fmla="*/ 41 h 45"/>
                <a:gd name="T36" fmla="*/ 6 w 38"/>
                <a:gd name="T37" fmla="*/ 40 h 45"/>
                <a:gd name="T38" fmla="*/ 2 w 38"/>
                <a:gd name="T39" fmla="*/ 34 h 45"/>
                <a:gd name="T40" fmla="*/ 3 w 38"/>
                <a:gd name="T41" fmla="*/ 31 h 45"/>
                <a:gd name="T42" fmla="*/ 2 w 38"/>
                <a:gd name="T43" fmla="*/ 31 h 45"/>
                <a:gd name="T44" fmla="*/ 1 w 38"/>
                <a:gd name="T45" fmla="*/ 23 h 45"/>
                <a:gd name="T46" fmla="*/ 10 w 38"/>
                <a:gd name="T47" fmla="*/ 22 h 45"/>
                <a:gd name="T48" fmla="*/ 10 w 38"/>
                <a:gd name="T49" fmla="*/ 19 h 45"/>
                <a:gd name="T50" fmla="*/ 17 w 38"/>
                <a:gd name="T51" fmla="*/ 14 h 45"/>
                <a:gd name="T52" fmla="*/ 23 w 38"/>
                <a:gd name="T53" fmla="*/ 12 h 45"/>
                <a:gd name="T54" fmla="*/ 24 w 38"/>
                <a:gd name="T55" fmla="*/ 10 h 45"/>
                <a:gd name="T56" fmla="*/ 26 w 38"/>
                <a:gd name="T57" fmla="*/ 10 h 45"/>
                <a:gd name="T58" fmla="*/ 27 w 38"/>
                <a:gd name="T59" fmla="*/ 8 h 45"/>
                <a:gd name="T60" fmla="*/ 31 w 38"/>
                <a:gd name="T61" fmla="*/ 3 h 45"/>
                <a:gd name="T62" fmla="*/ 30 w 38"/>
                <a:gd name="T63" fmla="*/ 3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l="0" t="0" r="r" b="b"/>
              <a:pathLst>
                <a:path w="38" h="45">
                  <a:moveTo>
                    <a:pt x="30" y="3"/>
                  </a:moveTo>
                  <a:cubicBezTo>
                    <a:pt x="31" y="0"/>
                    <a:pt x="32" y="5"/>
                    <a:pt x="34" y="5"/>
                  </a:cubicBezTo>
                  <a:cubicBezTo>
                    <a:pt x="35" y="6"/>
                    <a:pt x="36" y="7"/>
                    <a:pt x="38" y="8"/>
                  </a:cubicBezTo>
                  <a:cubicBezTo>
                    <a:pt x="37" y="10"/>
                    <a:pt x="37" y="13"/>
                    <a:pt x="34" y="12"/>
                  </a:cubicBezTo>
                  <a:cubicBezTo>
                    <a:pt x="34" y="14"/>
                    <a:pt x="35" y="18"/>
                    <a:pt x="33" y="18"/>
                  </a:cubicBezTo>
                  <a:cubicBezTo>
                    <a:pt x="33" y="19"/>
                    <a:pt x="35" y="19"/>
                    <a:pt x="35" y="20"/>
                  </a:cubicBezTo>
                  <a:cubicBezTo>
                    <a:pt x="35" y="21"/>
                    <a:pt x="35" y="22"/>
                    <a:pt x="35" y="23"/>
                  </a:cubicBezTo>
                  <a:cubicBezTo>
                    <a:pt x="36" y="24"/>
                    <a:pt x="37" y="24"/>
                    <a:pt x="37" y="25"/>
                  </a:cubicBezTo>
                  <a:cubicBezTo>
                    <a:pt x="37" y="27"/>
                    <a:pt x="34" y="29"/>
                    <a:pt x="32" y="28"/>
                  </a:cubicBezTo>
                  <a:cubicBezTo>
                    <a:pt x="33" y="30"/>
                    <a:pt x="34" y="30"/>
                    <a:pt x="31" y="32"/>
                  </a:cubicBezTo>
                  <a:cubicBezTo>
                    <a:pt x="31" y="33"/>
                    <a:pt x="32" y="34"/>
                    <a:pt x="31" y="34"/>
                  </a:cubicBezTo>
                  <a:cubicBezTo>
                    <a:pt x="31" y="35"/>
                    <a:pt x="30" y="34"/>
                    <a:pt x="29" y="34"/>
                  </a:cubicBezTo>
                  <a:cubicBezTo>
                    <a:pt x="28" y="36"/>
                    <a:pt x="29" y="39"/>
                    <a:pt x="27" y="38"/>
                  </a:cubicBezTo>
                  <a:cubicBezTo>
                    <a:pt x="28" y="40"/>
                    <a:pt x="26" y="41"/>
                    <a:pt x="27" y="44"/>
                  </a:cubicBezTo>
                  <a:cubicBezTo>
                    <a:pt x="22" y="45"/>
                    <a:pt x="20" y="42"/>
                    <a:pt x="17" y="41"/>
                  </a:cubicBezTo>
                  <a:cubicBezTo>
                    <a:pt x="16" y="41"/>
                    <a:pt x="16" y="42"/>
                    <a:pt x="16" y="43"/>
                  </a:cubicBezTo>
                  <a:cubicBezTo>
                    <a:pt x="14" y="44"/>
                    <a:pt x="14" y="41"/>
                    <a:pt x="13" y="41"/>
                  </a:cubicBezTo>
                  <a:cubicBezTo>
                    <a:pt x="12" y="41"/>
                    <a:pt x="10" y="42"/>
                    <a:pt x="8" y="41"/>
                  </a:cubicBezTo>
                  <a:cubicBezTo>
                    <a:pt x="8" y="41"/>
                    <a:pt x="9" y="38"/>
                    <a:pt x="6" y="40"/>
                  </a:cubicBezTo>
                  <a:cubicBezTo>
                    <a:pt x="5" y="38"/>
                    <a:pt x="5" y="35"/>
                    <a:pt x="2" y="34"/>
                  </a:cubicBezTo>
                  <a:cubicBezTo>
                    <a:pt x="2" y="33"/>
                    <a:pt x="3" y="32"/>
                    <a:pt x="3" y="31"/>
                  </a:cubicBezTo>
                  <a:cubicBezTo>
                    <a:pt x="3" y="29"/>
                    <a:pt x="1" y="30"/>
                    <a:pt x="2" y="31"/>
                  </a:cubicBezTo>
                  <a:cubicBezTo>
                    <a:pt x="0" y="29"/>
                    <a:pt x="1" y="26"/>
                    <a:pt x="1" y="23"/>
                  </a:cubicBezTo>
                  <a:cubicBezTo>
                    <a:pt x="4" y="23"/>
                    <a:pt x="8" y="23"/>
                    <a:pt x="10" y="22"/>
                  </a:cubicBezTo>
                  <a:cubicBezTo>
                    <a:pt x="10" y="20"/>
                    <a:pt x="12" y="19"/>
                    <a:pt x="10" y="19"/>
                  </a:cubicBezTo>
                  <a:cubicBezTo>
                    <a:pt x="11" y="18"/>
                    <a:pt x="19" y="16"/>
                    <a:pt x="17" y="14"/>
                  </a:cubicBezTo>
                  <a:cubicBezTo>
                    <a:pt x="18" y="13"/>
                    <a:pt x="20" y="12"/>
                    <a:pt x="23" y="12"/>
                  </a:cubicBezTo>
                  <a:cubicBezTo>
                    <a:pt x="24" y="12"/>
                    <a:pt x="23" y="10"/>
                    <a:pt x="24" y="10"/>
                  </a:cubicBezTo>
                  <a:cubicBezTo>
                    <a:pt x="24" y="9"/>
                    <a:pt x="25" y="10"/>
                    <a:pt x="26" y="10"/>
                  </a:cubicBezTo>
                  <a:cubicBezTo>
                    <a:pt x="26" y="9"/>
                    <a:pt x="26" y="7"/>
                    <a:pt x="27" y="8"/>
                  </a:cubicBezTo>
                  <a:cubicBezTo>
                    <a:pt x="26" y="3"/>
                    <a:pt x="30" y="5"/>
                    <a:pt x="31" y="3"/>
                  </a:cubicBezTo>
                  <a:lnTo>
                    <a:pt x="30" y="3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1" name="Freeform 14"/>
            <p:cNvSpPr>
              <a:spLocks/>
            </p:cNvSpPr>
            <p:nvPr/>
          </p:nvSpPr>
          <p:spPr bwMode="auto">
            <a:xfrm>
              <a:off x="5113338" y="3482975"/>
              <a:ext cx="127000" cy="236537"/>
            </a:xfrm>
            <a:custGeom>
              <a:avLst/>
              <a:gdLst>
                <a:gd name="T0" fmla="*/ 22 w 29"/>
                <a:gd name="T1" fmla="*/ 0 h 54"/>
                <a:gd name="T2" fmla="*/ 26 w 29"/>
                <a:gd name="T3" fmla="*/ 1 h 54"/>
                <a:gd name="T4" fmla="*/ 24 w 29"/>
                <a:gd name="T5" fmla="*/ 19 h 54"/>
                <a:gd name="T6" fmla="*/ 22 w 29"/>
                <a:gd name="T7" fmla="*/ 30 h 54"/>
                <a:gd name="T8" fmla="*/ 19 w 29"/>
                <a:gd name="T9" fmla="*/ 35 h 54"/>
                <a:gd name="T10" fmla="*/ 18 w 29"/>
                <a:gd name="T11" fmla="*/ 40 h 54"/>
                <a:gd name="T12" fmla="*/ 18 w 29"/>
                <a:gd name="T13" fmla="*/ 42 h 54"/>
                <a:gd name="T14" fmla="*/ 16 w 29"/>
                <a:gd name="T15" fmla="*/ 43 h 54"/>
                <a:gd name="T16" fmla="*/ 15 w 29"/>
                <a:gd name="T17" fmla="*/ 49 h 54"/>
                <a:gd name="T18" fmla="*/ 14 w 29"/>
                <a:gd name="T19" fmla="*/ 50 h 54"/>
                <a:gd name="T20" fmla="*/ 13 w 29"/>
                <a:gd name="T21" fmla="*/ 53 h 54"/>
                <a:gd name="T22" fmla="*/ 4 w 29"/>
                <a:gd name="T23" fmla="*/ 54 h 54"/>
                <a:gd name="T24" fmla="*/ 3 w 29"/>
                <a:gd name="T25" fmla="*/ 49 h 54"/>
                <a:gd name="T26" fmla="*/ 2 w 29"/>
                <a:gd name="T27" fmla="*/ 47 h 54"/>
                <a:gd name="T28" fmla="*/ 0 w 29"/>
                <a:gd name="T29" fmla="*/ 46 h 54"/>
                <a:gd name="T30" fmla="*/ 0 w 29"/>
                <a:gd name="T31" fmla="*/ 42 h 54"/>
                <a:gd name="T32" fmla="*/ 1 w 29"/>
                <a:gd name="T33" fmla="*/ 41 h 54"/>
                <a:gd name="T34" fmla="*/ 0 w 29"/>
                <a:gd name="T35" fmla="*/ 40 h 54"/>
                <a:gd name="T36" fmla="*/ 2 w 29"/>
                <a:gd name="T37" fmla="*/ 37 h 54"/>
                <a:gd name="T38" fmla="*/ 2 w 29"/>
                <a:gd name="T39" fmla="*/ 35 h 54"/>
                <a:gd name="T40" fmla="*/ 4 w 29"/>
                <a:gd name="T41" fmla="*/ 34 h 54"/>
                <a:gd name="T42" fmla="*/ 6 w 29"/>
                <a:gd name="T43" fmla="*/ 29 h 54"/>
                <a:gd name="T44" fmla="*/ 4 w 29"/>
                <a:gd name="T45" fmla="*/ 26 h 54"/>
                <a:gd name="T46" fmla="*/ 4 w 29"/>
                <a:gd name="T47" fmla="*/ 20 h 54"/>
                <a:gd name="T48" fmla="*/ 6 w 29"/>
                <a:gd name="T49" fmla="*/ 19 h 54"/>
                <a:gd name="T50" fmla="*/ 9 w 29"/>
                <a:gd name="T51" fmla="*/ 17 h 54"/>
                <a:gd name="T52" fmla="*/ 13 w 29"/>
                <a:gd name="T53" fmla="*/ 13 h 54"/>
                <a:gd name="T54" fmla="*/ 16 w 29"/>
                <a:gd name="T55" fmla="*/ 14 h 54"/>
                <a:gd name="T56" fmla="*/ 17 w 29"/>
                <a:gd name="T57" fmla="*/ 8 h 54"/>
                <a:gd name="T58" fmla="*/ 20 w 29"/>
                <a:gd name="T59" fmla="*/ 7 h 54"/>
                <a:gd name="T60" fmla="*/ 22 w 29"/>
                <a:gd name="T61" fmla="*/ 0 h 5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29" h="54">
                  <a:moveTo>
                    <a:pt x="22" y="0"/>
                  </a:moveTo>
                  <a:cubicBezTo>
                    <a:pt x="23" y="1"/>
                    <a:pt x="24" y="1"/>
                    <a:pt x="26" y="1"/>
                  </a:cubicBezTo>
                  <a:cubicBezTo>
                    <a:pt x="24" y="6"/>
                    <a:pt x="29" y="15"/>
                    <a:pt x="24" y="19"/>
                  </a:cubicBezTo>
                  <a:cubicBezTo>
                    <a:pt x="24" y="23"/>
                    <a:pt x="23" y="26"/>
                    <a:pt x="22" y="30"/>
                  </a:cubicBezTo>
                  <a:cubicBezTo>
                    <a:pt x="21" y="32"/>
                    <a:pt x="21" y="34"/>
                    <a:pt x="19" y="35"/>
                  </a:cubicBezTo>
                  <a:cubicBezTo>
                    <a:pt x="20" y="37"/>
                    <a:pt x="18" y="39"/>
                    <a:pt x="18" y="40"/>
                  </a:cubicBezTo>
                  <a:cubicBezTo>
                    <a:pt x="18" y="41"/>
                    <a:pt x="18" y="42"/>
                    <a:pt x="18" y="42"/>
                  </a:cubicBezTo>
                  <a:cubicBezTo>
                    <a:pt x="18" y="43"/>
                    <a:pt x="16" y="43"/>
                    <a:pt x="16" y="43"/>
                  </a:cubicBezTo>
                  <a:cubicBezTo>
                    <a:pt x="16" y="45"/>
                    <a:pt x="16" y="47"/>
                    <a:pt x="15" y="49"/>
                  </a:cubicBezTo>
                  <a:cubicBezTo>
                    <a:pt x="15" y="49"/>
                    <a:pt x="14" y="49"/>
                    <a:pt x="14" y="50"/>
                  </a:cubicBezTo>
                  <a:cubicBezTo>
                    <a:pt x="14" y="51"/>
                    <a:pt x="13" y="52"/>
                    <a:pt x="13" y="53"/>
                  </a:cubicBezTo>
                  <a:cubicBezTo>
                    <a:pt x="11" y="54"/>
                    <a:pt x="7" y="54"/>
                    <a:pt x="4" y="54"/>
                  </a:cubicBezTo>
                  <a:cubicBezTo>
                    <a:pt x="4" y="52"/>
                    <a:pt x="2" y="52"/>
                    <a:pt x="3" y="49"/>
                  </a:cubicBezTo>
                  <a:cubicBezTo>
                    <a:pt x="2" y="49"/>
                    <a:pt x="2" y="48"/>
                    <a:pt x="2" y="47"/>
                  </a:cubicBezTo>
                  <a:cubicBezTo>
                    <a:pt x="1" y="47"/>
                    <a:pt x="0" y="47"/>
                    <a:pt x="0" y="46"/>
                  </a:cubicBezTo>
                  <a:cubicBezTo>
                    <a:pt x="0" y="45"/>
                    <a:pt x="0" y="44"/>
                    <a:pt x="0" y="42"/>
                  </a:cubicBezTo>
                  <a:cubicBezTo>
                    <a:pt x="0" y="41"/>
                    <a:pt x="1" y="42"/>
                    <a:pt x="1" y="41"/>
                  </a:cubicBezTo>
                  <a:cubicBezTo>
                    <a:pt x="1" y="41"/>
                    <a:pt x="0" y="40"/>
                    <a:pt x="0" y="40"/>
                  </a:cubicBezTo>
                  <a:cubicBezTo>
                    <a:pt x="0" y="39"/>
                    <a:pt x="1" y="38"/>
                    <a:pt x="2" y="37"/>
                  </a:cubicBezTo>
                  <a:cubicBezTo>
                    <a:pt x="2" y="36"/>
                    <a:pt x="2" y="35"/>
                    <a:pt x="2" y="35"/>
                  </a:cubicBezTo>
                  <a:cubicBezTo>
                    <a:pt x="2" y="35"/>
                    <a:pt x="4" y="34"/>
                    <a:pt x="4" y="34"/>
                  </a:cubicBezTo>
                  <a:cubicBezTo>
                    <a:pt x="4" y="32"/>
                    <a:pt x="3" y="26"/>
                    <a:pt x="6" y="29"/>
                  </a:cubicBezTo>
                  <a:cubicBezTo>
                    <a:pt x="6" y="27"/>
                    <a:pt x="4" y="28"/>
                    <a:pt x="4" y="26"/>
                  </a:cubicBezTo>
                  <a:cubicBezTo>
                    <a:pt x="4" y="20"/>
                    <a:pt x="4" y="20"/>
                    <a:pt x="4" y="20"/>
                  </a:cubicBezTo>
                  <a:cubicBezTo>
                    <a:pt x="5" y="21"/>
                    <a:pt x="6" y="20"/>
                    <a:pt x="6" y="19"/>
                  </a:cubicBezTo>
                  <a:cubicBezTo>
                    <a:pt x="8" y="19"/>
                    <a:pt x="8" y="17"/>
                    <a:pt x="9" y="17"/>
                  </a:cubicBezTo>
                  <a:cubicBezTo>
                    <a:pt x="10" y="16"/>
                    <a:pt x="14" y="17"/>
                    <a:pt x="13" y="13"/>
                  </a:cubicBezTo>
                  <a:cubicBezTo>
                    <a:pt x="15" y="13"/>
                    <a:pt x="15" y="14"/>
                    <a:pt x="16" y="14"/>
                  </a:cubicBezTo>
                  <a:cubicBezTo>
                    <a:pt x="15" y="11"/>
                    <a:pt x="17" y="10"/>
                    <a:pt x="17" y="8"/>
                  </a:cubicBezTo>
                  <a:cubicBezTo>
                    <a:pt x="20" y="10"/>
                    <a:pt x="19" y="2"/>
                    <a:pt x="20" y="7"/>
                  </a:cubicBezTo>
                  <a:cubicBezTo>
                    <a:pt x="23" y="6"/>
                    <a:pt x="20" y="2"/>
                    <a:pt x="22" y="0"/>
                  </a:cubicBezTo>
                </a:path>
              </a:pathLst>
            </a:custGeom>
            <a:solidFill>
              <a:srgbClr val="729A95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2" name="Freeform 15"/>
            <p:cNvSpPr>
              <a:spLocks/>
            </p:cNvSpPr>
            <p:nvPr/>
          </p:nvSpPr>
          <p:spPr bwMode="auto">
            <a:xfrm>
              <a:off x="6300788" y="3475038"/>
              <a:ext cx="693738" cy="503237"/>
            </a:xfrm>
            <a:custGeom>
              <a:avLst/>
              <a:gdLst>
                <a:gd name="T0" fmla="*/ 92 w 158"/>
                <a:gd name="T1" fmla="*/ 9 h 115"/>
                <a:gd name="T2" fmla="*/ 88 w 158"/>
                <a:gd name="T3" fmla="*/ 11 h 115"/>
                <a:gd name="T4" fmla="*/ 93 w 158"/>
                <a:gd name="T5" fmla="*/ 17 h 115"/>
                <a:gd name="T6" fmla="*/ 106 w 158"/>
                <a:gd name="T7" fmla="*/ 24 h 115"/>
                <a:gd name="T8" fmla="*/ 110 w 158"/>
                <a:gd name="T9" fmla="*/ 19 h 115"/>
                <a:gd name="T10" fmla="*/ 111 w 158"/>
                <a:gd name="T11" fmla="*/ 15 h 115"/>
                <a:gd name="T12" fmla="*/ 112 w 158"/>
                <a:gd name="T13" fmla="*/ 6 h 115"/>
                <a:gd name="T14" fmla="*/ 115 w 158"/>
                <a:gd name="T15" fmla="*/ 1 h 115"/>
                <a:gd name="T16" fmla="*/ 117 w 158"/>
                <a:gd name="T17" fmla="*/ 5 h 115"/>
                <a:gd name="T18" fmla="*/ 122 w 158"/>
                <a:gd name="T19" fmla="*/ 15 h 115"/>
                <a:gd name="T20" fmla="*/ 127 w 158"/>
                <a:gd name="T21" fmla="*/ 21 h 115"/>
                <a:gd name="T22" fmla="*/ 132 w 158"/>
                <a:gd name="T23" fmla="*/ 28 h 115"/>
                <a:gd name="T24" fmla="*/ 135 w 158"/>
                <a:gd name="T25" fmla="*/ 36 h 115"/>
                <a:gd name="T26" fmla="*/ 137 w 158"/>
                <a:gd name="T27" fmla="*/ 38 h 115"/>
                <a:gd name="T28" fmla="*/ 143 w 158"/>
                <a:gd name="T29" fmla="*/ 42 h 115"/>
                <a:gd name="T30" fmla="*/ 148 w 158"/>
                <a:gd name="T31" fmla="*/ 51 h 115"/>
                <a:gd name="T32" fmla="*/ 150 w 158"/>
                <a:gd name="T33" fmla="*/ 53 h 115"/>
                <a:gd name="T34" fmla="*/ 156 w 158"/>
                <a:gd name="T35" fmla="*/ 57 h 115"/>
                <a:gd name="T36" fmla="*/ 158 w 158"/>
                <a:gd name="T37" fmla="*/ 73 h 115"/>
                <a:gd name="T38" fmla="*/ 155 w 158"/>
                <a:gd name="T39" fmla="*/ 81 h 115"/>
                <a:gd name="T40" fmla="*/ 155 w 158"/>
                <a:gd name="T41" fmla="*/ 84 h 115"/>
                <a:gd name="T42" fmla="*/ 153 w 158"/>
                <a:gd name="T43" fmla="*/ 89 h 115"/>
                <a:gd name="T44" fmla="*/ 147 w 158"/>
                <a:gd name="T45" fmla="*/ 94 h 115"/>
                <a:gd name="T46" fmla="*/ 142 w 158"/>
                <a:gd name="T47" fmla="*/ 108 h 115"/>
                <a:gd name="T48" fmla="*/ 134 w 158"/>
                <a:gd name="T49" fmla="*/ 112 h 115"/>
                <a:gd name="T50" fmla="*/ 130 w 158"/>
                <a:gd name="T51" fmla="*/ 115 h 115"/>
                <a:gd name="T52" fmla="*/ 122 w 158"/>
                <a:gd name="T53" fmla="*/ 113 h 115"/>
                <a:gd name="T54" fmla="*/ 105 w 158"/>
                <a:gd name="T55" fmla="*/ 110 h 115"/>
                <a:gd name="T56" fmla="*/ 104 w 158"/>
                <a:gd name="T57" fmla="*/ 104 h 115"/>
                <a:gd name="T58" fmla="*/ 103 w 158"/>
                <a:gd name="T59" fmla="*/ 102 h 115"/>
                <a:gd name="T60" fmla="*/ 95 w 158"/>
                <a:gd name="T61" fmla="*/ 96 h 115"/>
                <a:gd name="T62" fmla="*/ 92 w 158"/>
                <a:gd name="T63" fmla="*/ 91 h 115"/>
                <a:gd name="T64" fmla="*/ 84 w 158"/>
                <a:gd name="T65" fmla="*/ 88 h 115"/>
                <a:gd name="T66" fmla="*/ 80 w 158"/>
                <a:gd name="T67" fmla="*/ 86 h 115"/>
                <a:gd name="T68" fmla="*/ 62 w 158"/>
                <a:gd name="T69" fmla="*/ 83 h 115"/>
                <a:gd name="T70" fmla="*/ 53 w 158"/>
                <a:gd name="T71" fmla="*/ 85 h 115"/>
                <a:gd name="T72" fmla="*/ 49 w 158"/>
                <a:gd name="T73" fmla="*/ 87 h 115"/>
                <a:gd name="T74" fmla="*/ 46 w 158"/>
                <a:gd name="T75" fmla="*/ 90 h 115"/>
                <a:gd name="T76" fmla="*/ 44 w 158"/>
                <a:gd name="T77" fmla="*/ 90 h 115"/>
                <a:gd name="T78" fmla="*/ 27 w 158"/>
                <a:gd name="T79" fmla="*/ 93 h 115"/>
                <a:gd name="T80" fmla="*/ 24 w 158"/>
                <a:gd name="T81" fmla="*/ 95 h 115"/>
                <a:gd name="T82" fmla="*/ 8 w 158"/>
                <a:gd name="T83" fmla="*/ 98 h 115"/>
                <a:gd name="T84" fmla="*/ 10 w 158"/>
                <a:gd name="T85" fmla="*/ 87 h 115"/>
                <a:gd name="T86" fmla="*/ 8 w 158"/>
                <a:gd name="T87" fmla="*/ 82 h 115"/>
                <a:gd name="T88" fmla="*/ 8 w 158"/>
                <a:gd name="T89" fmla="*/ 78 h 115"/>
                <a:gd name="T90" fmla="*/ 5 w 158"/>
                <a:gd name="T91" fmla="*/ 72 h 115"/>
                <a:gd name="T92" fmla="*/ 4 w 158"/>
                <a:gd name="T93" fmla="*/ 67 h 115"/>
                <a:gd name="T94" fmla="*/ 2 w 158"/>
                <a:gd name="T95" fmla="*/ 62 h 115"/>
                <a:gd name="T96" fmla="*/ 3 w 158"/>
                <a:gd name="T97" fmla="*/ 57 h 115"/>
                <a:gd name="T98" fmla="*/ 3 w 158"/>
                <a:gd name="T99" fmla="*/ 44 h 115"/>
                <a:gd name="T100" fmla="*/ 13 w 158"/>
                <a:gd name="T101" fmla="*/ 38 h 115"/>
                <a:gd name="T102" fmla="*/ 26 w 158"/>
                <a:gd name="T103" fmla="*/ 35 h 115"/>
                <a:gd name="T104" fmla="*/ 32 w 158"/>
                <a:gd name="T105" fmla="*/ 32 h 115"/>
                <a:gd name="T106" fmla="*/ 35 w 158"/>
                <a:gd name="T107" fmla="*/ 21 h 115"/>
                <a:gd name="T108" fmla="*/ 44 w 158"/>
                <a:gd name="T109" fmla="*/ 21 h 115"/>
                <a:gd name="T110" fmla="*/ 46 w 158"/>
                <a:gd name="T111" fmla="*/ 15 h 115"/>
                <a:gd name="T112" fmla="*/ 53 w 158"/>
                <a:gd name="T113" fmla="*/ 10 h 115"/>
                <a:gd name="T114" fmla="*/ 59 w 158"/>
                <a:gd name="T115" fmla="*/ 13 h 115"/>
                <a:gd name="T116" fmla="*/ 61 w 158"/>
                <a:gd name="T117" fmla="*/ 14 h 115"/>
                <a:gd name="T118" fmla="*/ 63 w 158"/>
                <a:gd name="T119" fmla="*/ 12 h 115"/>
                <a:gd name="T120" fmla="*/ 70 w 158"/>
                <a:gd name="T121" fmla="*/ 6 h 115"/>
                <a:gd name="T122" fmla="*/ 74 w 158"/>
                <a:gd name="T123" fmla="*/ 4 h 1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158" h="115">
                  <a:moveTo>
                    <a:pt x="92" y="4"/>
                  </a:moveTo>
                  <a:cubicBezTo>
                    <a:pt x="92" y="9"/>
                    <a:pt x="92" y="9"/>
                    <a:pt x="92" y="9"/>
                  </a:cubicBezTo>
                  <a:cubicBezTo>
                    <a:pt x="89" y="9"/>
                    <a:pt x="89" y="9"/>
                    <a:pt x="89" y="9"/>
                  </a:cubicBezTo>
                  <a:cubicBezTo>
                    <a:pt x="90" y="10"/>
                    <a:pt x="90" y="11"/>
                    <a:pt x="88" y="11"/>
                  </a:cubicBezTo>
                  <a:cubicBezTo>
                    <a:pt x="89" y="13"/>
                    <a:pt x="88" y="12"/>
                    <a:pt x="88" y="15"/>
                  </a:cubicBezTo>
                  <a:cubicBezTo>
                    <a:pt x="89" y="16"/>
                    <a:pt x="90" y="17"/>
                    <a:pt x="93" y="17"/>
                  </a:cubicBezTo>
                  <a:cubicBezTo>
                    <a:pt x="93" y="21"/>
                    <a:pt x="99" y="19"/>
                    <a:pt x="99" y="23"/>
                  </a:cubicBezTo>
                  <a:cubicBezTo>
                    <a:pt x="102" y="23"/>
                    <a:pt x="105" y="23"/>
                    <a:pt x="106" y="24"/>
                  </a:cubicBezTo>
                  <a:cubicBezTo>
                    <a:pt x="108" y="24"/>
                    <a:pt x="106" y="20"/>
                    <a:pt x="110" y="21"/>
                  </a:cubicBezTo>
                  <a:cubicBezTo>
                    <a:pt x="109" y="21"/>
                    <a:pt x="108" y="19"/>
                    <a:pt x="110" y="19"/>
                  </a:cubicBezTo>
                  <a:cubicBezTo>
                    <a:pt x="111" y="19"/>
                    <a:pt x="110" y="17"/>
                    <a:pt x="110" y="16"/>
                  </a:cubicBezTo>
                  <a:cubicBezTo>
                    <a:pt x="110" y="16"/>
                    <a:pt x="111" y="15"/>
                    <a:pt x="111" y="15"/>
                  </a:cubicBezTo>
                  <a:cubicBezTo>
                    <a:pt x="111" y="14"/>
                    <a:pt x="112" y="13"/>
                    <a:pt x="112" y="11"/>
                  </a:cubicBezTo>
                  <a:cubicBezTo>
                    <a:pt x="111" y="10"/>
                    <a:pt x="111" y="9"/>
                    <a:pt x="112" y="6"/>
                  </a:cubicBezTo>
                  <a:cubicBezTo>
                    <a:pt x="112" y="6"/>
                    <a:pt x="113" y="6"/>
                    <a:pt x="114" y="6"/>
                  </a:cubicBezTo>
                  <a:cubicBezTo>
                    <a:pt x="115" y="5"/>
                    <a:pt x="114" y="2"/>
                    <a:pt x="115" y="1"/>
                  </a:cubicBezTo>
                  <a:cubicBezTo>
                    <a:pt x="117" y="1"/>
                    <a:pt x="115" y="4"/>
                    <a:pt x="116" y="5"/>
                  </a:cubicBezTo>
                  <a:cubicBezTo>
                    <a:pt x="117" y="5"/>
                    <a:pt x="117" y="5"/>
                    <a:pt x="117" y="5"/>
                  </a:cubicBezTo>
                  <a:cubicBezTo>
                    <a:pt x="118" y="7"/>
                    <a:pt x="119" y="9"/>
                    <a:pt x="119" y="10"/>
                  </a:cubicBezTo>
                  <a:cubicBezTo>
                    <a:pt x="120" y="12"/>
                    <a:pt x="122" y="13"/>
                    <a:pt x="122" y="15"/>
                  </a:cubicBezTo>
                  <a:cubicBezTo>
                    <a:pt x="125" y="12"/>
                    <a:pt x="123" y="16"/>
                    <a:pt x="126" y="16"/>
                  </a:cubicBezTo>
                  <a:cubicBezTo>
                    <a:pt x="126" y="18"/>
                    <a:pt x="126" y="20"/>
                    <a:pt x="127" y="21"/>
                  </a:cubicBezTo>
                  <a:cubicBezTo>
                    <a:pt x="128" y="23"/>
                    <a:pt x="127" y="25"/>
                    <a:pt x="128" y="28"/>
                  </a:cubicBezTo>
                  <a:cubicBezTo>
                    <a:pt x="130" y="25"/>
                    <a:pt x="128" y="28"/>
                    <a:pt x="132" y="28"/>
                  </a:cubicBezTo>
                  <a:cubicBezTo>
                    <a:pt x="132" y="30"/>
                    <a:pt x="131" y="30"/>
                    <a:pt x="131" y="31"/>
                  </a:cubicBezTo>
                  <a:cubicBezTo>
                    <a:pt x="132" y="32"/>
                    <a:pt x="135" y="32"/>
                    <a:pt x="135" y="36"/>
                  </a:cubicBezTo>
                  <a:cubicBezTo>
                    <a:pt x="135" y="36"/>
                    <a:pt x="137" y="35"/>
                    <a:pt x="137" y="36"/>
                  </a:cubicBezTo>
                  <a:cubicBezTo>
                    <a:pt x="138" y="36"/>
                    <a:pt x="137" y="37"/>
                    <a:pt x="137" y="38"/>
                  </a:cubicBezTo>
                  <a:cubicBezTo>
                    <a:pt x="138" y="38"/>
                    <a:pt x="139" y="37"/>
                    <a:pt x="139" y="38"/>
                  </a:cubicBezTo>
                  <a:cubicBezTo>
                    <a:pt x="141" y="39"/>
                    <a:pt x="140" y="42"/>
                    <a:pt x="143" y="42"/>
                  </a:cubicBezTo>
                  <a:cubicBezTo>
                    <a:pt x="143" y="44"/>
                    <a:pt x="145" y="47"/>
                    <a:pt x="146" y="48"/>
                  </a:cubicBezTo>
                  <a:cubicBezTo>
                    <a:pt x="147" y="49"/>
                    <a:pt x="147" y="50"/>
                    <a:pt x="148" y="51"/>
                  </a:cubicBezTo>
                  <a:cubicBezTo>
                    <a:pt x="148" y="51"/>
                    <a:pt x="150" y="51"/>
                    <a:pt x="150" y="51"/>
                  </a:cubicBezTo>
                  <a:cubicBezTo>
                    <a:pt x="150" y="51"/>
                    <a:pt x="150" y="53"/>
                    <a:pt x="150" y="53"/>
                  </a:cubicBezTo>
                  <a:cubicBezTo>
                    <a:pt x="151" y="54"/>
                    <a:pt x="152" y="53"/>
                    <a:pt x="152" y="53"/>
                  </a:cubicBezTo>
                  <a:cubicBezTo>
                    <a:pt x="154" y="55"/>
                    <a:pt x="152" y="57"/>
                    <a:pt x="156" y="57"/>
                  </a:cubicBezTo>
                  <a:cubicBezTo>
                    <a:pt x="154" y="59"/>
                    <a:pt x="156" y="63"/>
                    <a:pt x="157" y="67"/>
                  </a:cubicBezTo>
                  <a:cubicBezTo>
                    <a:pt x="157" y="69"/>
                    <a:pt x="156" y="72"/>
                    <a:pt x="158" y="73"/>
                  </a:cubicBezTo>
                  <a:cubicBezTo>
                    <a:pt x="156" y="74"/>
                    <a:pt x="156" y="76"/>
                    <a:pt x="156" y="80"/>
                  </a:cubicBezTo>
                  <a:cubicBezTo>
                    <a:pt x="156" y="79"/>
                    <a:pt x="154" y="80"/>
                    <a:pt x="155" y="81"/>
                  </a:cubicBezTo>
                  <a:cubicBezTo>
                    <a:pt x="155" y="81"/>
                    <a:pt x="156" y="81"/>
                    <a:pt x="156" y="81"/>
                  </a:cubicBezTo>
                  <a:cubicBezTo>
                    <a:pt x="156" y="81"/>
                    <a:pt x="155" y="83"/>
                    <a:pt x="155" y="84"/>
                  </a:cubicBezTo>
                  <a:cubicBezTo>
                    <a:pt x="155" y="84"/>
                    <a:pt x="153" y="84"/>
                    <a:pt x="153" y="84"/>
                  </a:cubicBezTo>
                  <a:cubicBezTo>
                    <a:pt x="152" y="86"/>
                    <a:pt x="155" y="87"/>
                    <a:pt x="153" y="89"/>
                  </a:cubicBezTo>
                  <a:cubicBezTo>
                    <a:pt x="151" y="89"/>
                    <a:pt x="152" y="92"/>
                    <a:pt x="149" y="91"/>
                  </a:cubicBezTo>
                  <a:cubicBezTo>
                    <a:pt x="149" y="93"/>
                    <a:pt x="149" y="94"/>
                    <a:pt x="147" y="94"/>
                  </a:cubicBezTo>
                  <a:cubicBezTo>
                    <a:pt x="148" y="98"/>
                    <a:pt x="146" y="99"/>
                    <a:pt x="146" y="103"/>
                  </a:cubicBezTo>
                  <a:cubicBezTo>
                    <a:pt x="142" y="102"/>
                    <a:pt x="143" y="106"/>
                    <a:pt x="142" y="108"/>
                  </a:cubicBezTo>
                  <a:cubicBezTo>
                    <a:pt x="141" y="108"/>
                    <a:pt x="139" y="108"/>
                    <a:pt x="139" y="109"/>
                  </a:cubicBezTo>
                  <a:cubicBezTo>
                    <a:pt x="139" y="111"/>
                    <a:pt x="136" y="111"/>
                    <a:pt x="134" y="112"/>
                  </a:cubicBezTo>
                  <a:cubicBezTo>
                    <a:pt x="133" y="112"/>
                    <a:pt x="132" y="114"/>
                    <a:pt x="132" y="114"/>
                  </a:cubicBezTo>
                  <a:cubicBezTo>
                    <a:pt x="131" y="114"/>
                    <a:pt x="130" y="114"/>
                    <a:pt x="130" y="115"/>
                  </a:cubicBezTo>
                  <a:cubicBezTo>
                    <a:pt x="128" y="114"/>
                    <a:pt x="127" y="112"/>
                    <a:pt x="124" y="111"/>
                  </a:cubicBezTo>
                  <a:cubicBezTo>
                    <a:pt x="122" y="110"/>
                    <a:pt x="123" y="113"/>
                    <a:pt x="122" y="113"/>
                  </a:cubicBezTo>
                  <a:cubicBezTo>
                    <a:pt x="120" y="114"/>
                    <a:pt x="117" y="113"/>
                    <a:pt x="116" y="115"/>
                  </a:cubicBezTo>
                  <a:cubicBezTo>
                    <a:pt x="112" y="113"/>
                    <a:pt x="110" y="111"/>
                    <a:pt x="105" y="110"/>
                  </a:cubicBezTo>
                  <a:cubicBezTo>
                    <a:pt x="106" y="109"/>
                    <a:pt x="106" y="108"/>
                    <a:pt x="105" y="105"/>
                  </a:cubicBezTo>
                  <a:cubicBezTo>
                    <a:pt x="105" y="105"/>
                    <a:pt x="104" y="106"/>
                    <a:pt x="104" y="104"/>
                  </a:cubicBezTo>
                  <a:cubicBezTo>
                    <a:pt x="104" y="104"/>
                    <a:pt x="104" y="104"/>
                    <a:pt x="104" y="104"/>
                  </a:cubicBezTo>
                  <a:cubicBezTo>
                    <a:pt x="104" y="103"/>
                    <a:pt x="101" y="102"/>
                    <a:pt x="103" y="102"/>
                  </a:cubicBezTo>
                  <a:cubicBezTo>
                    <a:pt x="103" y="101"/>
                    <a:pt x="99" y="99"/>
                    <a:pt x="98" y="101"/>
                  </a:cubicBezTo>
                  <a:cubicBezTo>
                    <a:pt x="97" y="100"/>
                    <a:pt x="97" y="97"/>
                    <a:pt x="95" y="96"/>
                  </a:cubicBezTo>
                  <a:cubicBezTo>
                    <a:pt x="95" y="94"/>
                    <a:pt x="96" y="93"/>
                    <a:pt x="96" y="92"/>
                  </a:cubicBezTo>
                  <a:cubicBezTo>
                    <a:pt x="96" y="91"/>
                    <a:pt x="95" y="92"/>
                    <a:pt x="92" y="91"/>
                  </a:cubicBezTo>
                  <a:cubicBezTo>
                    <a:pt x="90" y="92"/>
                    <a:pt x="90" y="96"/>
                    <a:pt x="86" y="95"/>
                  </a:cubicBezTo>
                  <a:cubicBezTo>
                    <a:pt x="87" y="91"/>
                    <a:pt x="83" y="92"/>
                    <a:pt x="84" y="88"/>
                  </a:cubicBezTo>
                  <a:cubicBezTo>
                    <a:pt x="82" y="88"/>
                    <a:pt x="81" y="87"/>
                    <a:pt x="78" y="87"/>
                  </a:cubicBezTo>
                  <a:cubicBezTo>
                    <a:pt x="78" y="86"/>
                    <a:pt x="79" y="87"/>
                    <a:pt x="80" y="86"/>
                  </a:cubicBezTo>
                  <a:cubicBezTo>
                    <a:pt x="78" y="83"/>
                    <a:pt x="75" y="86"/>
                    <a:pt x="71" y="85"/>
                  </a:cubicBezTo>
                  <a:cubicBezTo>
                    <a:pt x="68" y="85"/>
                    <a:pt x="65" y="84"/>
                    <a:pt x="62" y="83"/>
                  </a:cubicBezTo>
                  <a:cubicBezTo>
                    <a:pt x="60" y="83"/>
                    <a:pt x="57" y="83"/>
                    <a:pt x="56" y="85"/>
                  </a:cubicBezTo>
                  <a:cubicBezTo>
                    <a:pt x="55" y="86"/>
                    <a:pt x="54" y="85"/>
                    <a:pt x="53" y="85"/>
                  </a:cubicBezTo>
                  <a:cubicBezTo>
                    <a:pt x="52" y="86"/>
                    <a:pt x="52" y="86"/>
                    <a:pt x="52" y="86"/>
                  </a:cubicBezTo>
                  <a:cubicBezTo>
                    <a:pt x="50" y="87"/>
                    <a:pt x="51" y="85"/>
                    <a:pt x="49" y="87"/>
                  </a:cubicBezTo>
                  <a:cubicBezTo>
                    <a:pt x="48" y="88"/>
                    <a:pt x="48" y="88"/>
                    <a:pt x="48" y="89"/>
                  </a:cubicBezTo>
                  <a:cubicBezTo>
                    <a:pt x="46" y="88"/>
                    <a:pt x="46" y="86"/>
                    <a:pt x="46" y="90"/>
                  </a:cubicBezTo>
                  <a:cubicBezTo>
                    <a:pt x="45" y="90"/>
                    <a:pt x="45" y="89"/>
                    <a:pt x="44" y="89"/>
                  </a:cubicBezTo>
                  <a:cubicBezTo>
                    <a:pt x="43" y="89"/>
                    <a:pt x="44" y="90"/>
                    <a:pt x="44" y="90"/>
                  </a:cubicBezTo>
                  <a:cubicBezTo>
                    <a:pt x="43" y="92"/>
                    <a:pt x="40" y="91"/>
                    <a:pt x="39" y="94"/>
                  </a:cubicBezTo>
                  <a:cubicBezTo>
                    <a:pt x="37" y="92"/>
                    <a:pt x="31" y="93"/>
                    <a:pt x="27" y="93"/>
                  </a:cubicBezTo>
                  <a:cubicBezTo>
                    <a:pt x="26" y="93"/>
                    <a:pt x="26" y="95"/>
                    <a:pt x="26" y="95"/>
                  </a:cubicBezTo>
                  <a:cubicBezTo>
                    <a:pt x="25" y="95"/>
                    <a:pt x="24" y="95"/>
                    <a:pt x="24" y="95"/>
                  </a:cubicBezTo>
                  <a:cubicBezTo>
                    <a:pt x="23" y="95"/>
                    <a:pt x="22" y="96"/>
                    <a:pt x="21" y="96"/>
                  </a:cubicBezTo>
                  <a:cubicBezTo>
                    <a:pt x="18" y="97"/>
                    <a:pt x="13" y="99"/>
                    <a:pt x="8" y="98"/>
                  </a:cubicBezTo>
                  <a:cubicBezTo>
                    <a:pt x="8" y="95"/>
                    <a:pt x="8" y="92"/>
                    <a:pt x="11" y="92"/>
                  </a:cubicBezTo>
                  <a:cubicBezTo>
                    <a:pt x="10" y="91"/>
                    <a:pt x="12" y="87"/>
                    <a:pt x="10" y="87"/>
                  </a:cubicBezTo>
                  <a:cubicBezTo>
                    <a:pt x="7" y="87"/>
                    <a:pt x="11" y="86"/>
                    <a:pt x="10" y="84"/>
                  </a:cubicBezTo>
                  <a:cubicBezTo>
                    <a:pt x="8" y="81"/>
                    <a:pt x="9" y="85"/>
                    <a:pt x="8" y="82"/>
                  </a:cubicBezTo>
                  <a:cubicBezTo>
                    <a:pt x="8" y="81"/>
                    <a:pt x="8" y="80"/>
                    <a:pt x="8" y="80"/>
                  </a:cubicBezTo>
                  <a:cubicBezTo>
                    <a:pt x="6" y="79"/>
                    <a:pt x="8" y="79"/>
                    <a:pt x="8" y="78"/>
                  </a:cubicBezTo>
                  <a:cubicBezTo>
                    <a:pt x="7" y="76"/>
                    <a:pt x="5" y="74"/>
                    <a:pt x="7" y="73"/>
                  </a:cubicBezTo>
                  <a:cubicBezTo>
                    <a:pt x="7" y="72"/>
                    <a:pt x="5" y="73"/>
                    <a:pt x="5" y="72"/>
                  </a:cubicBezTo>
                  <a:cubicBezTo>
                    <a:pt x="5" y="72"/>
                    <a:pt x="5" y="71"/>
                    <a:pt x="5" y="70"/>
                  </a:cubicBezTo>
                  <a:cubicBezTo>
                    <a:pt x="5" y="70"/>
                    <a:pt x="4" y="67"/>
                    <a:pt x="4" y="67"/>
                  </a:cubicBezTo>
                  <a:cubicBezTo>
                    <a:pt x="3" y="66"/>
                    <a:pt x="4" y="67"/>
                    <a:pt x="4" y="65"/>
                  </a:cubicBezTo>
                  <a:cubicBezTo>
                    <a:pt x="3" y="64"/>
                    <a:pt x="1" y="63"/>
                    <a:pt x="2" y="62"/>
                  </a:cubicBezTo>
                  <a:cubicBezTo>
                    <a:pt x="5" y="62"/>
                    <a:pt x="3" y="58"/>
                    <a:pt x="5" y="58"/>
                  </a:cubicBezTo>
                  <a:cubicBezTo>
                    <a:pt x="5" y="57"/>
                    <a:pt x="3" y="57"/>
                    <a:pt x="3" y="57"/>
                  </a:cubicBezTo>
                  <a:cubicBezTo>
                    <a:pt x="2" y="56"/>
                    <a:pt x="4" y="53"/>
                    <a:pt x="1" y="54"/>
                  </a:cubicBezTo>
                  <a:cubicBezTo>
                    <a:pt x="0" y="49"/>
                    <a:pt x="2" y="48"/>
                    <a:pt x="3" y="44"/>
                  </a:cubicBezTo>
                  <a:cubicBezTo>
                    <a:pt x="4" y="46"/>
                    <a:pt x="8" y="45"/>
                    <a:pt x="8" y="42"/>
                  </a:cubicBezTo>
                  <a:cubicBezTo>
                    <a:pt x="8" y="41"/>
                    <a:pt x="14" y="42"/>
                    <a:pt x="13" y="38"/>
                  </a:cubicBezTo>
                  <a:cubicBezTo>
                    <a:pt x="19" y="38"/>
                    <a:pt x="21" y="36"/>
                    <a:pt x="26" y="36"/>
                  </a:cubicBezTo>
                  <a:cubicBezTo>
                    <a:pt x="27" y="36"/>
                    <a:pt x="26" y="35"/>
                    <a:pt x="26" y="35"/>
                  </a:cubicBezTo>
                  <a:cubicBezTo>
                    <a:pt x="28" y="33"/>
                    <a:pt x="31" y="34"/>
                    <a:pt x="31" y="31"/>
                  </a:cubicBezTo>
                  <a:cubicBezTo>
                    <a:pt x="31" y="31"/>
                    <a:pt x="32" y="32"/>
                    <a:pt x="32" y="32"/>
                  </a:cubicBezTo>
                  <a:cubicBezTo>
                    <a:pt x="35" y="32"/>
                    <a:pt x="32" y="28"/>
                    <a:pt x="35" y="29"/>
                  </a:cubicBezTo>
                  <a:cubicBezTo>
                    <a:pt x="35" y="25"/>
                    <a:pt x="35" y="26"/>
                    <a:pt x="35" y="21"/>
                  </a:cubicBezTo>
                  <a:cubicBezTo>
                    <a:pt x="38" y="22"/>
                    <a:pt x="39" y="23"/>
                    <a:pt x="41" y="23"/>
                  </a:cubicBezTo>
                  <a:cubicBezTo>
                    <a:pt x="42" y="23"/>
                    <a:pt x="42" y="21"/>
                    <a:pt x="44" y="21"/>
                  </a:cubicBezTo>
                  <a:cubicBezTo>
                    <a:pt x="43" y="19"/>
                    <a:pt x="46" y="18"/>
                    <a:pt x="44" y="18"/>
                  </a:cubicBezTo>
                  <a:cubicBezTo>
                    <a:pt x="45" y="17"/>
                    <a:pt x="46" y="17"/>
                    <a:pt x="46" y="15"/>
                  </a:cubicBezTo>
                  <a:cubicBezTo>
                    <a:pt x="49" y="15"/>
                    <a:pt x="47" y="11"/>
                    <a:pt x="51" y="13"/>
                  </a:cubicBezTo>
                  <a:cubicBezTo>
                    <a:pt x="52" y="12"/>
                    <a:pt x="53" y="11"/>
                    <a:pt x="53" y="10"/>
                  </a:cubicBezTo>
                  <a:cubicBezTo>
                    <a:pt x="55" y="11"/>
                    <a:pt x="56" y="11"/>
                    <a:pt x="58" y="11"/>
                  </a:cubicBezTo>
                  <a:cubicBezTo>
                    <a:pt x="56" y="13"/>
                    <a:pt x="59" y="12"/>
                    <a:pt x="59" y="13"/>
                  </a:cubicBezTo>
                  <a:cubicBezTo>
                    <a:pt x="59" y="13"/>
                    <a:pt x="59" y="14"/>
                    <a:pt x="59" y="14"/>
                  </a:cubicBezTo>
                  <a:cubicBezTo>
                    <a:pt x="60" y="14"/>
                    <a:pt x="61" y="14"/>
                    <a:pt x="61" y="14"/>
                  </a:cubicBezTo>
                  <a:cubicBezTo>
                    <a:pt x="61" y="14"/>
                    <a:pt x="62" y="17"/>
                    <a:pt x="65" y="16"/>
                  </a:cubicBezTo>
                  <a:cubicBezTo>
                    <a:pt x="66" y="16"/>
                    <a:pt x="65" y="11"/>
                    <a:pt x="63" y="12"/>
                  </a:cubicBezTo>
                  <a:cubicBezTo>
                    <a:pt x="64" y="11"/>
                    <a:pt x="65" y="10"/>
                    <a:pt x="66" y="10"/>
                  </a:cubicBezTo>
                  <a:cubicBezTo>
                    <a:pt x="66" y="8"/>
                    <a:pt x="67" y="6"/>
                    <a:pt x="70" y="6"/>
                  </a:cubicBezTo>
                  <a:cubicBezTo>
                    <a:pt x="70" y="4"/>
                    <a:pt x="70" y="3"/>
                    <a:pt x="73" y="3"/>
                  </a:cubicBezTo>
                  <a:cubicBezTo>
                    <a:pt x="71" y="6"/>
                    <a:pt x="72" y="4"/>
                    <a:pt x="74" y="4"/>
                  </a:cubicBezTo>
                  <a:cubicBezTo>
                    <a:pt x="79" y="0"/>
                    <a:pt x="86" y="4"/>
                    <a:pt x="92" y="4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sp>
        <p:nvSpPr>
          <p:cNvPr id="13" name="椭圆 12"/>
          <p:cNvSpPr/>
          <p:nvPr/>
        </p:nvSpPr>
        <p:spPr>
          <a:xfrm flipH="1">
            <a:off x="3567683" y="2730223"/>
            <a:ext cx="159196" cy="15919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4" name="椭圆 13"/>
          <p:cNvSpPr/>
          <p:nvPr/>
        </p:nvSpPr>
        <p:spPr>
          <a:xfrm>
            <a:off x="8819133" y="4539972"/>
            <a:ext cx="95696" cy="9569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5" name="椭圆 14"/>
          <p:cNvSpPr/>
          <p:nvPr/>
        </p:nvSpPr>
        <p:spPr>
          <a:xfrm>
            <a:off x="5056758" y="4143098"/>
            <a:ext cx="102046" cy="10204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6" name="椭圆 15"/>
          <p:cNvSpPr/>
          <p:nvPr/>
        </p:nvSpPr>
        <p:spPr>
          <a:xfrm>
            <a:off x="4553838" y="4684118"/>
            <a:ext cx="102046" cy="10204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7" name="椭圆 16"/>
          <p:cNvSpPr/>
          <p:nvPr/>
        </p:nvSpPr>
        <p:spPr>
          <a:xfrm>
            <a:off x="8109838" y="3350617"/>
            <a:ext cx="102046" cy="10204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8" name="椭圆 17"/>
          <p:cNvSpPr/>
          <p:nvPr/>
        </p:nvSpPr>
        <p:spPr>
          <a:xfrm>
            <a:off x="3918838" y="3071218"/>
            <a:ext cx="102046" cy="10204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9" name="组合 18"/>
          <p:cNvGrpSpPr/>
          <p:nvPr/>
        </p:nvGrpSpPr>
        <p:grpSpPr>
          <a:xfrm>
            <a:off x="2429905" y="2890645"/>
            <a:ext cx="991626" cy="704766"/>
            <a:chOff x="1094591" y="2644188"/>
            <a:chExt cx="991626" cy="704766"/>
          </a:xfrm>
        </p:grpSpPr>
        <p:sp>
          <p:nvSpPr>
            <p:cNvPr id="20" name="TextBox 19"/>
            <p:cNvSpPr txBox="1"/>
            <p:nvPr/>
          </p:nvSpPr>
          <p:spPr bwMode="auto">
            <a:xfrm>
              <a:off x="1094591" y="2644188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  <p:sp>
          <p:nvSpPr>
            <p:cNvPr id="21" name="TextBox 20"/>
            <p:cNvSpPr txBox="1"/>
            <p:nvPr/>
          </p:nvSpPr>
          <p:spPr bwMode="auto">
            <a:xfrm>
              <a:off x="1094591" y="2869613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  <p:sp>
          <p:nvSpPr>
            <p:cNvPr id="22" name="TextBox 21"/>
            <p:cNvSpPr txBox="1"/>
            <p:nvPr/>
          </p:nvSpPr>
          <p:spPr bwMode="auto">
            <a:xfrm>
              <a:off x="1094591" y="3095038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3442277" y="4282202"/>
            <a:ext cx="991626" cy="704766"/>
            <a:chOff x="1094591" y="2644188"/>
            <a:chExt cx="991626" cy="704766"/>
          </a:xfrm>
        </p:grpSpPr>
        <p:sp>
          <p:nvSpPr>
            <p:cNvPr id="24" name="TextBox 23"/>
            <p:cNvSpPr txBox="1"/>
            <p:nvPr/>
          </p:nvSpPr>
          <p:spPr bwMode="auto">
            <a:xfrm>
              <a:off x="1094591" y="2644188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  <p:sp>
          <p:nvSpPr>
            <p:cNvPr id="25" name="TextBox 24"/>
            <p:cNvSpPr txBox="1"/>
            <p:nvPr/>
          </p:nvSpPr>
          <p:spPr bwMode="auto">
            <a:xfrm>
              <a:off x="1094591" y="2869613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  <p:sp>
          <p:nvSpPr>
            <p:cNvPr id="26" name="TextBox 25"/>
            <p:cNvSpPr txBox="1"/>
            <p:nvPr/>
          </p:nvSpPr>
          <p:spPr bwMode="auto">
            <a:xfrm>
              <a:off x="1094591" y="3095038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8716405" y="2992246"/>
            <a:ext cx="991626" cy="704766"/>
            <a:chOff x="1094591" y="2644188"/>
            <a:chExt cx="991626" cy="704766"/>
          </a:xfrm>
        </p:grpSpPr>
        <p:sp>
          <p:nvSpPr>
            <p:cNvPr id="28" name="TextBox 27"/>
            <p:cNvSpPr txBox="1"/>
            <p:nvPr/>
          </p:nvSpPr>
          <p:spPr bwMode="auto">
            <a:xfrm>
              <a:off x="1094591" y="2644188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  <p:sp>
          <p:nvSpPr>
            <p:cNvPr id="29" name="TextBox 28"/>
            <p:cNvSpPr txBox="1"/>
            <p:nvPr/>
          </p:nvSpPr>
          <p:spPr bwMode="auto">
            <a:xfrm>
              <a:off x="1094591" y="2869613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  <p:sp>
          <p:nvSpPr>
            <p:cNvPr id="30" name="TextBox 29"/>
            <p:cNvSpPr txBox="1"/>
            <p:nvPr/>
          </p:nvSpPr>
          <p:spPr bwMode="auto">
            <a:xfrm>
              <a:off x="1094591" y="3095038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7163376" y="4313046"/>
            <a:ext cx="991626" cy="479341"/>
            <a:chOff x="1094591" y="2644188"/>
            <a:chExt cx="991626" cy="479341"/>
          </a:xfrm>
        </p:grpSpPr>
        <p:sp>
          <p:nvSpPr>
            <p:cNvPr id="32" name="TextBox 31"/>
            <p:cNvSpPr txBox="1"/>
            <p:nvPr/>
          </p:nvSpPr>
          <p:spPr bwMode="auto">
            <a:xfrm>
              <a:off x="1094591" y="2644188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  <p:sp>
          <p:nvSpPr>
            <p:cNvPr id="33" name="TextBox 32"/>
            <p:cNvSpPr txBox="1"/>
            <p:nvPr/>
          </p:nvSpPr>
          <p:spPr bwMode="auto">
            <a:xfrm>
              <a:off x="1094591" y="2869613"/>
              <a:ext cx="991626" cy="253916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lang="zh-CN" altLang="en-US" sz="105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</p:grpSp>
      <p:grpSp>
        <p:nvGrpSpPr>
          <p:cNvPr id="34" name="组合 33"/>
          <p:cNvGrpSpPr/>
          <p:nvPr/>
        </p:nvGrpSpPr>
        <p:grpSpPr>
          <a:xfrm>
            <a:off x="5012308" y="2053948"/>
            <a:ext cx="444946" cy="444946"/>
            <a:chOff x="3488308" y="1428304"/>
            <a:chExt cx="444946" cy="444946"/>
          </a:xfrm>
        </p:grpSpPr>
        <p:sp>
          <p:nvSpPr>
            <p:cNvPr id="35" name="椭圆 34"/>
            <p:cNvSpPr/>
            <p:nvPr/>
          </p:nvSpPr>
          <p:spPr>
            <a:xfrm flipH="1">
              <a:off x="3488308" y="1428304"/>
              <a:ext cx="444946" cy="444946"/>
            </a:xfrm>
            <a:prstGeom prst="ellipse">
              <a:avLst/>
            </a:prstGeom>
            <a:solidFill>
              <a:schemeClr val="accent3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6" name="椭圆 35"/>
            <p:cNvSpPr/>
            <p:nvPr/>
          </p:nvSpPr>
          <p:spPr>
            <a:xfrm flipH="1">
              <a:off x="3631183" y="1571179"/>
              <a:ext cx="159196" cy="159196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7" name="组合 36"/>
          <p:cNvGrpSpPr/>
          <p:nvPr/>
        </p:nvGrpSpPr>
        <p:grpSpPr>
          <a:xfrm>
            <a:off x="8259014" y="2714348"/>
            <a:ext cx="444946" cy="444946"/>
            <a:chOff x="6735014" y="2088704"/>
            <a:chExt cx="444946" cy="444946"/>
          </a:xfrm>
        </p:grpSpPr>
        <p:sp>
          <p:nvSpPr>
            <p:cNvPr id="38" name="椭圆 37"/>
            <p:cNvSpPr/>
            <p:nvPr/>
          </p:nvSpPr>
          <p:spPr>
            <a:xfrm flipH="1">
              <a:off x="6735014" y="2088704"/>
              <a:ext cx="444946" cy="444946"/>
            </a:xfrm>
            <a:prstGeom prst="ellipse">
              <a:avLst/>
            </a:prstGeom>
            <a:solidFill>
              <a:srgbClr val="E1DAA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9" name="椭圆 38"/>
            <p:cNvSpPr/>
            <p:nvPr/>
          </p:nvSpPr>
          <p:spPr>
            <a:xfrm flipH="1">
              <a:off x="6861443" y="2215133"/>
              <a:ext cx="192088" cy="192088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23" presetClass="entr" presetSubtype="36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6" presetID="23" presetClass="entr" presetSubtype="36" fill="hold" grpId="0" nodeType="withEffect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3" presetClass="entr" presetSubtype="36" fill="hold" grpId="0" nodeType="withEffect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23" presetClass="entr" presetSubtype="36" fill="hold" grpId="0" nodeType="withEffect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4" presetID="23" presetClass="entr" presetSubtype="36" fill="hold" grpId="0" nodeType="withEffect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0" presetID="23" presetClass="entr" presetSubtype="36" fill="hold" grpId="0" nodeType="withEffect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6" presetID="23" presetClass="entr" presetSubtype="36" fill="hold" nodeType="withEffect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2" presetID="23" presetClass="entr" presetSubtype="36" fill="hold" nodeType="withEffect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8" presetID="18" presetClass="entr" presetSubtype="12" fill="hold" nodeType="withEffect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Left)">
                                      <p:cBhvr>
                                        <p:cTn id="60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18" presetClass="entr" presetSubtype="12" fill="hold" nodeType="withEffect">
                                  <p:stCondLst>
                                    <p:cond delay="210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Left)">
                                      <p:cBhvr>
                                        <p:cTn id="63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4" presetID="18" presetClass="entr" presetSubtype="12" fill="hold" nodeType="withEffect">
                                  <p:stCondLst>
                                    <p:cond delay="230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Left)">
                                      <p:cBhvr>
                                        <p:cTn id="66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7" presetID="18" presetClass="entr" presetSubtype="6" fill="hold" nodeType="withEffect">
                                  <p:stCondLst>
                                    <p:cond delay="240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Right)">
                                      <p:cBhvr>
                                        <p:cTn id="69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0" animBg="1"/>
      <p:bldP spid="14" grpId="0" animBg="1"/>
      <p:bldP spid="15" grpId="0" animBg="1"/>
      <p:bldP spid="16" grpId="0" animBg="1"/>
      <p:bldP spid="17" grpId="0" animBg="1"/>
      <p:bldP spid="18" grpId="0" animBg="1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矩形 1"/>
          <p:cNvSpPr/>
          <p:nvPr/>
        </p:nvSpPr>
        <p:spPr>
          <a:xfrm>
            <a:off x="5057676" y="2011177"/>
            <a:ext cx="2236510" cy="3877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defTabSz="185738">
              <a:lnSpc>
                <a:spcPct val="120000"/>
              </a:lnSpc>
            </a:pPr>
            <a:r>
              <a:rPr lang="zh-CN" altLang="en-US" sz="1600" kern="0" dirty="0">
                <a:latin typeface="微软雅黑" pitchFamily="34" charset="-122"/>
                <a:ea typeface="微软雅黑" pitchFamily="34" charset="-122"/>
              </a:rPr>
              <a:t>Click here to add text</a:t>
            </a:r>
          </a:p>
        </p:txBody>
      </p:sp>
      <p:grpSp>
        <p:nvGrpSpPr>
          <p:cNvPr id="3" name="组合 2"/>
          <p:cNvGrpSpPr/>
          <p:nvPr/>
        </p:nvGrpSpPr>
        <p:grpSpPr>
          <a:xfrm>
            <a:off x="2741616" y="2551352"/>
            <a:ext cx="6708775" cy="426455"/>
            <a:chOff x="1217613" y="1889708"/>
            <a:chExt cx="6708775" cy="426455"/>
          </a:xfrm>
        </p:grpSpPr>
        <p:sp>
          <p:nvSpPr>
            <p:cNvPr id="4" name="Rectangle 6"/>
            <p:cNvSpPr>
              <a:spLocks noChangeArrowheads="1"/>
            </p:cNvSpPr>
            <p:nvPr/>
          </p:nvSpPr>
          <p:spPr bwMode="auto">
            <a:xfrm>
              <a:off x="1217613" y="2184400"/>
              <a:ext cx="6708775" cy="131763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" name="Freeform 67"/>
            <p:cNvSpPr>
              <a:spLocks/>
            </p:cNvSpPr>
            <p:nvPr/>
          </p:nvSpPr>
          <p:spPr bwMode="auto">
            <a:xfrm>
              <a:off x="1217613" y="2184400"/>
              <a:ext cx="4491038" cy="131763"/>
            </a:xfrm>
            <a:custGeom>
              <a:avLst/>
              <a:gdLst>
                <a:gd name="T0" fmla="*/ 480 w 480"/>
                <a:gd name="T1" fmla="*/ 7 h 14"/>
                <a:gd name="T2" fmla="*/ 474 w 480"/>
                <a:gd name="T3" fmla="*/ 14 h 14"/>
                <a:gd name="T4" fmla="*/ 7 w 480"/>
                <a:gd name="T5" fmla="*/ 14 h 14"/>
                <a:gd name="T6" fmla="*/ 0 w 480"/>
                <a:gd name="T7" fmla="*/ 7 h 14"/>
                <a:gd name="T8" fmla="*/ 7 w 480"/>
                <a:gd name="T9" fmla="*/ 0 h 14"/>
                <a:gd name="T10" fmla="*/ 474 w 480"/>
                <a:gd name="T11" fmla="*/ 0 h 14"/>
                <a:gd name="T12" fmla="*/ 480 w 480"/>
                <a:gd name="T13" fmla="*/ 7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80" h="14">
                  <a:moveTo>
                    <a:pt x="480" y="7"/>
                  </a:moveTo>
                  <a:cubicBezTo>
                    <a:pt x="480" y="11"/>
                    <a:pt x="477" y="14"/>
                    <a:pt x="474" y="14"/>
                  </a:cubicBezTo>
                  <a:cubicBezTo>
                    <a:pt x="7" y="14"/>
                    <a:pt x="7" y="14"/>
                    <a:pt x="7" y="14"/>
                  </a:cubicBezTo>
                  <a:cubicBezTo>
                    <a:pt x="3" y="14"/>
                    <a:pt x="0" y="11"/>
                    <a:pt x="0" y="7"/>
                  </a:cubicBezTo>
                  <a:cubicBezTo>
                    <a:pt x="0" y="3"/>
                    <a:pt x="3" y="0"/>
                    <a:pt x="7" y="0"/>
                  </a:cubicBezTo>
                  <a:cubicBezTo>
                    <a:pt x="474" y="0"/>
                    <a:pt x="474" y="0"/>
                    <a:pt x="474" y="0"/>
                  </a:cubicBezTo>
                  <a:cubicBezTo>
                    <a:pt x="477" y="0"/>
                    <a:pt x="480" y="3"/>
                    <a:pt x="480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6" name="矩形 5"/>
            <p:cNvSpPr/>
            <p:nvPr/>
          </p:nvSpPr>
          <p:spPr>
            <a:xfrm>
              <a:off x="1217613" y="1889708"/>
              <a:ext cx="1580882" cy="27699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altLang="zh-CN" sz="12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粗宋简体" pitchFamily="65" charset="-122"/>
                  <a:ea typeface="方正粗宋简体" pitchFamily="65" charset="-122"/>
                </a:rPr>
                <a:t>POWER POINT 01</a:t>
              </a:r>
              <a:endParaRPr lang="zh-CN" altLang="en-US" sz="1200" dirty="0">
                <a:solidFill>
                  <a:schemeClr val="tx1">
                    <a:lumMod val="50000"/>
                    <a:lumOff val="50000"/>
                  </a:schemeClr>
                </a:solidFill>
              </a:endParaRPr>
            </a:p>
          </p:txBody>
        </p:sp>
      </p:grpSp>
      <p:grpSp>
        <p:nvGrpSpPr>
          <p:cNvPr id="7" name="组合 6"/>
          <p:cNvGrpSpPr/>
          <p:nvPr/>
        </p:nvGrpSpPr>
        <p:grpSpPr>
          <a:xfrm>
            <a:off x="2741616" y="3009596"/>
            <a:ext cx="6708775" cy="407949"/>
            <a:chOff x="1217613" y="2347952"/>
            <a:chExt cx="6708775" cy="407949"/>
          </a:xfrm>
        </p:grpSpPr>
        <p:sp>
          <p:nvSpPr>
            <p:cNvPr id="8" name="Rectangle 68"/>
            <p:cNvSpPr>
              <a:spLocks noChangeArrowheads="1"/>
            </p:cNvSpPr>
            <p:nvPr/>
          </p:nvSpPr>
          <p:spPr bwMode="auto">
            <a:xfrm>
              <a:off x="1217613" y="2624138"/>
              <a:ext cx="6708775" cy="131763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" name="Freeform 69"/>
            <p:cNvSpPr>
              <a:spLocks/>
            </p:cNvSpPr>
            <p:nvPr/>
          </p:nvSpPr>
          <p:spPr bwMode="auto">
            <a:xfrm>
              <a:off x="1217613" y="2624138"/>
              <a:ext cx="4116388" cy="131763"/>
            </a:xfrm>
            <a:custGeom>
              <a:avLst/>
              <a:gdLst>
                <a:gd name="T0" fmla="*/ 440 w 440"/>
                <a:gd name="T1" fmla="*/ 7 h 14"/>
                <a:gd name="T2" fmla="*/ 434 w 440"/>
                <a:gd name="T3" fmla="*/ 14 h 14"/>
                <a:gd name="T4" fmla="*/ 6 w 440"/>
                <a:gd name="T5" fmla="*/ 14 h 14"/>
                <a:gd name="T6" fmla="*/ 0 w 440"/>
                <a:gd name="T7" fmla="*/ 7 h 14"/>
                <a:gd name="T8" fmla="*/ 6 w 440"/>
                <a:gd name="T9" fmla="*/ 0 h 14"/>
                <a:gd name="T10" fmla="*/ 434 w 440"/>
                <a:gd name="T11" fmla="*/ 0 h 14"/>
                <a:gd name="T12" fmla="*/ 440 w 440"/>
                <a:gd name="T13" fmla="*/ 7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40" h="14">
                  <a:moveTo>
                    <a:pt x="440" y="7"/>
                  </a:moveTo>
                  <a:cubicBezTo>
                    <a:pt x="440" y="11"/>
                    <a:pt x="438" y="14"/>
                    <a:pt x="434" y="14"/>
                  </a:cubicBezTo>
                  <a:cubicBezTo>
                    <a:pt x="6" y="14"/>
                    <a:pt x="6" y="14"/>
                    <a:pt x="6" y="14"/>
                  </a:cubicBezTo>
                  <a:cubicBezTo>
                    <a:pt x="3" y="14"/>
                    <a:pt x="0" y="11"/>
                    <a:pt x="0" y="7"/>
                  </a:cubicBezTo>
                  <a:cubicBezTo>
                    <a:pt x="0" y="3"/>
                    <a:pt x="3" y="0"/>
                    <a:pt x="6" y="0"/>
                  </a:cubicBezTo>
                  <a:cubicBezTo>
                    <a:pt x="434" y="0"/>
                    <a:pt x="434" y="0"/>
                    <a:pt x="434" y="0"/>
                  </a:cubicBezTo>
                  <a:cubicBezTo>
                    <a:pt x="438" y="0"/>
                    <a:pt x="440" y="3"/>
                    <a:pt x="440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10" name="矩形 9"/>
            <p:cNvSpPr/>
            <p:nvPr/>
          </p:nvSpPr>
          <p:spPr>
            <a:xfrm>
              <a:off x="1217613" y="2347952"/>
              <a:ext cx="1580882" cy="27699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altLang="zh-CN" sz="12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粗宋简体" pitchFamily="65" charset="-122"/>
                  <a:ea typeface="方正粗宋简体" pitchFamily="65" charset="-122"/>
                </a:rPr>
                <a:t>POWER POINT 02</a:t>
              </a:r>
              <a:endParaRPr lang="zh-CN" altLang="en-US" sz="12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粗宋简体" pitchFamily="65" charset="-122"/>
                <a:ea typeface="方正粗宋简体" pitchFamily="65" charset="-122"/>
              </a:endParaRPr>
            </a:p>
          </p:txBody>
        </p:sp>
      </p:grpSp>
      <p:grpSp>
        <p:nvGrpSpPr>
          <p:cNvPr id="11" name="组合 10"/>
          <p:cNvGrpSpPr/>
          <p:nvPr/>
        </p:nvGrpSpPr>
        <p:grpSpPr>
          <a:xfrm>
            <a:off x="2741616" y="3441396"/>
            <a:ext cx="6708775" cy="406361"/>
            <a:chOff x="1217613" y="2779752"/>
            <a:chExt cx="6708775" cy="406361"/>
          </a:xfrm>
        </p:grpSpPr>
        <p:sp>
          <p:nvSpPr>
            <p:cNvPr id="12" name="Rectangle 70"/>
            <p:cNvSpPr>
              <a:spLocks noChangeArrowheads="1"/>
            </p:cNvSpPr>
            <p:nvPr/>
          </p:nvSpPr>
          <p:spPr bwMode="auto">
            <a:xfrm>
              <a:off x="1217613" y="3054350"/>
              <a:ext cx="6708775" cy="131763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3" name="Freeform 71"/>
            <p:cNvSpPr>
              <a:spLocks/>
            </p:cNvSpPr>
            <p:nvPr/>
          </p:nvSpPr>
          <p:spPr bwMode="auto">
            <a:xfrm>
              <a:off x="1217613" y="3054350"/>
              <a:ext cx="2386013" cy="131763"/>
            </a:xfrm>
            <a:custGeom>
              <a:avLst/>
              <a:gdLst>
                <a:gd name="T0" fmla="*/ 255 w 255"/>
                <a:gd name="T1" fmla="*/ 7 h 14"/>
                <a:gd name="T2" fmla="*/ 252 w 255"/>
                <a:gd name="T3" fmla="*/ 14 h 14"/>
                <a:gd name="T4" fmla="*/ 4 w 255"/>
                <a:gd name="T5" fmla="*/ 14 h 14"/>
                <a:gd name="T6" fmla="*/ 0 w 255"/>
                <a:gd name="T7" fmla="*/ 7 h 14"/>
                <a:gd name="T8" fmla="*/ 4 w 255"/>
                <a:gd name="T9" fmla="*/ 0 h 14"/>
                <a:gd name="T10" fmla="*/ 252 w 255"/>
                <a:gd name="T11" fmla="*/ 0 h 14"/>
                <a:gd name="T12" fmla="*/ 255 w 255"/>
                <a:gd name="T13" fmla="*/ 7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55" h="14">
                  <a:moveTo>
                    <a:pt x="255" y="7"/>
                  </a:moveTo>
                  <a:cubicBezTo>
                    <a:pt x="255" y="11"/>
                    <a:pt x="254" y="14"/>
                    <a:pt x="252" y="14"/>
                  </a:cubicBezTo>
                  <a:cubicBezTo>
                    <a:pt x="4" y="14"/>
                    <a:pt x="4" y="14"/>
                    <a:pt x="4" y="14"/>
                  </a:cubicBezTo>
                  <a:cubicBezTo>
                    <a:pt x="2" y="14"/>
                    <a:pt x="0" y="11"/>
                    <a:pt x="0" y="7"/>
                  </a:cubicBezTo>
                  <a:cubicBezTo>
                    <a:pt x="0" y="3"/>
                    <a:pt x="2" y="0"/>
                    <a:pt x="4" y="0"/>
                  </a:cubicBezTo>
                  <a:cubicBezTo>
                    <a:pt x="252" y="0"/>
                    <a:pt x="252" y="0"/>
                    <a:pt x="252" y="0"/>
                  </a:cubicBezTo>
                  <a:cubicBezTo>
                    <a:pt x="254" y="0"/>
                    <a:pt x="255" y="3"/>
                    <a:pt x="255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14" name="矩形 13"/>
            <p:cNvSpPr/>
            <p:nvPr/>
          </p:nvSpPr>
          <p:spPr>
            <a:xfrm>
              <a:off x="1217613" y="2779752"/>
              <a:ext cx="1580882" cy="27699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altLang="zh-CN" sz="12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粗宋简体" pitchFamily="65" charset="-122"/>
                  <a:ea typeface="方正粗宋简体" pitchFamily="65" charset="-122"/>
                </a:rPr>
                <a:t>POWER POINT 03</a:t>
              </a:r>
              <a:endParaRPr lang="zh-CN" altLang="en-US" sz="12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粗宋简体" pitchFamily="65" charset="-122"/>
                <a:ea typeface="方正粗宋简体" pitchFamily="65" charset="-122"/>
              </a:endParaRP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2741616" y="3860496"/>
            <a:ext cx="6708775" cy="425411"/>
            <a:chOff x="1217613" y="3198852"/>
            <a:chExt cx="6708775" cy="425411"/>
          </a:xfrm>
        </p:grpSpPr>
        <p:sp>
          <p:nvSpPr>
            <p:cNvPr id="16" name="Rectangle 72"/>
            <p:cNvSpPr>
              <a:spLocks noChangeArrowheads="1"/>
            </p:cNvSpPr>
            <p:nvPr/>
          </p:nvSpPr>
          <p:spPr bwMode="auto">
            <a:xfrm>
              <a:off x="1217613" y="3494088"/>
              <a:ext cx="6708775" cy="130175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7" name="Freeform 73"/>
            <p:cNvSpPr>
              <a:spLocks/>
            </p:cNvSpPr>
            <p:nvPr/>
          </p:nvSpPr>
          <p:spPr bwMode="auto">
            <a:xfrm>
              <a:off x="1217613" y="3494088"/>
              <a:ext cx="5156200" cy="130175"/>
            </a:xfrm>
            <a:custGeom>
              <a:avLst/>
              <a:gdLst>
                <a:gd name="T0" fmla="*/ 551 w 551"/>
                <a:gd name="T1" fmla="*/ 7 h 14"/>
                <a:gd name="T2" fmla="*/ 544 w 551"/>
                <a:gd name="T3" fmla="*/ 14 h 14"/>
                <a:gd name="T4" fmla="*/ 8 w 551"/>
                <a:gd name="T5" fmla="*/ 14 h 14"/>
                <a:gd name="T6" fmla="*/ 0 w 551"/>
                <a:gd name="T7" fmla="*/ 7 h 14"/>
                <a:gd name="T8" fmla="*/ 8 w 551"/>
                <a:gd name="T9" fmla="*/ 0 h 14"/>
                <a:gd name="T10" fmla="*/ 544 w 551"/>
                <a:gd name="T11" fmla="*/ 0 h 14"/>
                <a:gd name="T12" fmla="*/ 551 w 551"/>
                <a:gd name="T13" fmla="*/ 7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551" h="14">
                  <a:moveTo>
                    <a:pt x="551" y="7"/>
                  </a:moveTo>
                  <a:cubicBezTo>
                    <a:pt x="551" y="11"/>
                    <a:pt x="548" y="14"/>
                    <a:pt x="544" y="14"/>
                  </a:cubicBezTo>
                  <a:cubicBezTo>
                    <a:pt x="8" y="14"/>
                    <a:pt x="8" y="14"/>
                    <a:pt x="8" y="14"/>
                  </a:cubicBezTo>
                  <a:cubicBezTo>
                    <a:pt x="3" y="14"/>
                    <a:pt x="0" y="11"/>
                    <a:pt x="0" y="7"/>
                  </a:cubicBezTo>
                  <a:cubicBezTo>
                    <a:pt x="0" y="3"/>
                    <a:pt x="3" y="0"/>
                    <a:pt x="8" y="0"/>
                  </a:cubicBezTo>
                  <a:cubicBezTo>
                    <a:pt x="544" y="0"/>
                    <a:pt x="544" y="0"/>
                    <a:pt x="544" y="0"/>
                  </a:cubicBezTo>
                  <a:cubicBezTo>
                    <a:pt x="548" y="0"/>
                    <a:pt x="551" y="3"/>
                    <a:pt x="551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18" name="矩形 17"/>
            <p:cNvSpPr/>
            <p:nvPr/>
          </p:nvSpPr>
          <p:spPr>
            <a:xfrm>
              <a:off x="1217613" y="3198852"/>
              <a:ext cx="1580882" cy="27699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altLang="zh-CN" sz="12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粗宋简体" pitchFamily="65" charset="-122"/>
                  <a:ea typeface="方正粗宋简体" pitchFamily="65" charset="-122"/>
                </a:rPr>
                <a:t>POWER POINT 04</a:t>
              </a:r>
              <a:endParaRPr lang="zh-CN" altLang="en-US" sz="12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粗宋简体" pitchFamily="65" charset="-122"/>
                <a:ea typeface="方正粗宋简体" pitchFamily="65" charset="-122"/>
              </a:endParaRPr>
            </a:p>
          </p:txBody>
        </p:sp>
      </p:grpSp>
      <p:grpSp>
        <p:nvGrpSpPr>
          <p:cNvPr id="19" name="组合 18"/>
          <p:cNvGrpSpPr/>
          <p:nvPr/>
        </p:nvGrpSpPr>
        <p:grpSpPr>
          <a:xfrm>
            <a:off x="2741616" y="4317695"/>
            <a:ext cx="6708775" cy="407948"/>
            <a:chOff x="1217613" y="3656052"/>
            <a:chExt cx="6708775" cy="407948"/>
          </a:xfrm>
        </p:grpSpPr>
        <p:sp>
          <p:nvSpPr>
            <p:cNvPr id="20" name="Rectangle 74"/>
            <p:cNvSpPr>
              <a:spLocks noChangeArrowheads="1"/>
            </p:cNvSpPr>
            <p:nvPr/>
          </p:nvSpPr>
          <p:spPr bwMode="auto">
            <a:xfrm>
              <a:off x="1217613" y="3933825"/>
              <a:ext cx="6708775" cy="130175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1" name="Freeform 75"/>
            <p:cNvSpPr>
              <a:spLocks/>
            </p:cNvSpPr>
            <p:nvPr/>
          </p:nvSpPr>
          <p:spPr bwMode="auto">
            <a:xfrm>
              <a:off x="1217613" y="3933825"/>
              <a:ext cx="3116263" cy="130175"/>
            </a:xfrm>
            <a:custGeom>
              <a:avLst/>
              <a:gdLst>
                <a:gd name="T0" fmla="*/ 333 w 333"/>
                <a:gd name="T1" fmla="*/ 7 h 14"/>
                <a:gd name="T2" fmla="*/ 328 w 333"/>
                <a:gd name="T3" fmla="*/ 14 h 14"/>
                <a:gd name="T4" fmla="*/ 5 w 333"/>
                <a:gd name="T5" fmla="*/ 14 h 14"/>
                <a:gd name="T6" fmla="*/ 0 w 333"/>
                <a:gd name="T7" fmla="*/ 7 h 14"/>
                <a:gd name="T8" fmla="*/ 5 w 333"/>
                <a:gd name="T9" fmla="*/ 0 h 14"/>
                <a:gd name="T10" fmla="*/ 328 w 333"/>
                <a:gd name="T11" fmla="*/ 0 h 14"/>
                <a:gd name="T12" fmla="*/ 333 w 333"/>
                <a:gd name="T13" fmla="*/ 7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3" h="14">
                  <a:moveTo>
                    <a:pt x="333" y="7"/>
                  </a:moveTo>
                  <a:cubicBezTo>
                    <a:pt x="333" y="11"/>
                    <a:pt x="331" y="14"/>
                    <a:pt x="328" y="14"/>
                  </a:cubicBezTo>
                  <a:cubicBezTo>
                    <a:pt x="5" y="14"/>
                    <a:pt x="5" y="14"/>
                    <a:pt x="5" y="14"/>
                  </a:cubicBezTo>
                  <a:cubicBezTo>
                    <a:pt x="2" y="14"/>
                    <a:pt x="0" y="11"/>
                    <a:pt x="0" y="7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328" y="0"/>
                    <a:pt x="328" y="0"/>
                    <a:pt x="328" y="0"/>
                  </a:cubicBezTo>
                  <a:cubicBezTo>
                    <a:pt x="331" y="0"/>
                    <a:pt x="333" y="3"/>
                    <a:pt x="333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2" name="矩形 21"/>
            <p:cNvSpPr/>
            <p:nvPr/>
          </p:nvSpPr>
          <p:spPr>
            <a:xfrm>
              <a:off x="1217613" y="3656052"/>
              <a:ext cx="1580882" cy="27699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altLang="zh-CN" sz="12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粗宋简体" pitchFamily="65" charset="-122"/>
                  <a:ea typeface="方正粗宋简体" pitchFamily="65" charset="-122"/>
                </a:rPr>
                <a:t>POWER POINT 05</a:t>
              </a:r>
              <a:endParaRPr lang="zh-CN" altLang="en-US" sz="12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粗宋简体" pitchFamily="65" charset="-122"/>
                <a:ea typeface="方正粗宋简体" pitchFamily="65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8" presetClass="entr" presetSubtype="0" ac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8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" presetID="3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75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75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31" presetClass="entr" presetSubtype="0" fill="hold" nodeType="withEffect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0" dur="75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75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75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75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31" presetClass="entr" presetSubtype="0" fill="hold" nodeType="withEffect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7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7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7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7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31" presetClass="entr" presetSubtype="0" fill="hold" nodeType="withEffect">
                                  <p:stCondLst>
                                    <p:cond delay="170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75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31" presetClass="entr" presetSubtype="0" fill="hold" nodeType="withEffect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7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7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7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1" dur="75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3865563" y="1937421"/>
            <a:ext cx="5491162" cy="2747963"/>
            <a:chOff x="1757363" y="1276350"/>
            <a:chExt cx="5491162" cy="2747963"/>
          </a:xfrm>
          <a:solidFill>
            <a:srgbClr val="F98377"/>
          </a:solidFill>
        </p:grpSpPr>
        <p:sp>
          <p:nvSpPr>
            <p:cNvPr id="3" name="Rectangle 6"/>
            <p:cNvSpPr>
              <a:spLocks noChangeArrowheads="1"/>
            </p:cNvSpPr>
            <p:nvPr/>
          </p:nvSpPr>
          <p:spPr bwMode="auto">
            <a:xfrm>
              <a:off x="1757363" y="1452563"/>
              <a:ext cx="112713" cy="2571750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" name="Rectangle 8"/>
            <p:cNvSpPr>
              <a:spLocks noChangeArrowheads="1"/>
            </p:cNvSpPr>
            <p:nvPr/>
          </p:nvSpPr>
          <p:spPr bwMode="auto">
            <a:xfrm>
              <a:off x="2238375" y="2165350"/>
              <a:ext cx="112713" cy="1858963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" name="Rectangle 10"/>
            <p:cNvSpPr>
              <a:spLocks noChangeArrowheads="1"/>
            </p:cNvSpPr>
            <p:nvPr/>
          </p:nvSpPr>
          <p:spPr bwMode="auto">
            <a:xfrm>
              <a:off x="6656388" y="1620838"/>
              <a:ext cx="111125" cy="2403475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" name="Rectangle 12"/>
            <p:cNvSpPr>
              <a:spLocks noChangeArrowheads="1"/>
            </p:cNvSpPr>
            <p:nvPr/>
          </p:nvSpPr>
          <p:spPr bwMode="auto">
            <a:xfrm>
              <a:off x="7137400" y="2254250"/>
              <a:ext cx="111125" cy="1770063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" name="Rectangle 14"/>
            <p:cNvSpPr>
              <a:spLocks noChangeArrowheads="1"/>
            </p:cNvSpPr>
            <p:nvPr/>
          </p:nvSpPr>
          <p:spPr bwMode="auto">
            <a:xfrm>
              <a:off x="2719388" y="1981200"/>
              <a:ext cx="112713" cy="2043113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" name="Rectangle 16"/>
            <p:cNvSpPr>
              <a:spLocks noChangeArrowheads="1"/>
            </p:cNvSpPr>
            <p:nvPr/>
          </p:nvSpPr>
          <p:spPr bwMode="auto">
            <a:xfrm>
              <a:off x="3200400" y="2717800"/>
              <a:ext cx="112713" cy="1306513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" name="Rectangle 18"/>
            <p:cNvSpPr>
              <a:spLocks noChangeArrowheads="1"/>
            </p:cNvSpPr>
            <p:nvPr/>
          </p:nvSpPr>
          <p:spPr bwMode="auto">
            <a:xfrm>
              <a:off x="3681413" y="1981200"/>
              <a:ext cx="120650" cy="2043113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0" name="Rectangle 20"/>
            <p:cNvSpPr>
              <a:spLocks noChangeArrowheads="1"/>
            </p:cNvSpPr>
            <p:nvPr/>
          </p:nvSpPr>
          <p:spPr bwMode="auto">
            <a:xfrm>
              <a:off x="4227513" y="2381250"/>
              <a:ext cx="111125" cy="1643063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1" name="Rectangle 22"/>
            <p:cNvSpPr>
              <a:spLocks noChangeArrowheads="1"/>
            </p:cNvSpPr>
            <p:nvPr/>
          </p:nvSpPr>
          <p:spPr bwMode="auto">
            <a:xfrm>
              <a:off x="4708525" y="2165350"/>
              <a:ext cx="111125" cy="1858963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2" name="Rectangle 24"/>
            <p:cNvSpPr>
              <a:spLocks noChangeArrowheads="1"/>
            </p:cNvSpPr>
            <p:nvPr/>
          </p:nvSpPr>
          <p:spPr bwMode="auto">
            <a:xfrm>
              <a:off x="5187950" y="1363663"/>
              <a:ext cx="112713" cy="2660650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3" name="Rectangle 25"/>
            <p:cNvSpPr>
              <a:spLocks noChangeArrowheads="1"/>
            </p:cNvSpPr>
            <p:nvPr/>
          </p:nvSpPr>
          <p:spPr bwMode="auto">
            <a:xfrm>
              <a:off x="5668963" y="1276350"/>
              <a:ext cx="112713" cy="2747963"/>
            </a:xfrm>
            <a:prstGeom prst="rect">
              <a:avLst/>
            </a:prstGeom>
            <a:grpFill/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4" name="Rectangle 28"/>
            <p:cNvSpPr>
              <a:spLocks noChangeArrowheads="1"/>
            </p:cNvSpPr>
            <p:nvPr/>
          </p:nvSpPr>
          <p:spPr bwMode="auto">
            <a:xfrm>
              <a:off x="6149975" y="2454275"/>
              <a:ext cx="120650" cy="1570038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978278" y="2826421"/>
            <a:ext cx="5491163" cy="1858963"/>
            <a:chOff x="1870075" y="2165350"/>
            <a:chExt cx="5491163" cy="1858963"/>
          </a:xfrm>
          <a:solidFill>
            <a:srgbClr val="9DB9B6"/>
          </a:solidFill>
        </p:grpSpPr>
        <p:sp>
          <p:nvSpPr>
            <p:cNvPr id="16" name="Rectangle 7"/>
            <p:cNvSpPr>
              <a:spLocks noChangeArrowheads="1"/>
            </p:cNvSpPr>
            <p:nvPr/>
          </p:nvSpPr>
          <p:spPr bwMode="auto">
            <a:xfrm>
              <a:off x="1870075" y="2919413"/>
              <a:ext cx="112713" cy="110490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17" name="Rectangle 9"/>
            <p:cNvSpPr>
              <a:spLocks noChangeArrowheads="1"/>
            </p:cNvSpPr>
            <p:nvPr/>
          </p:nvSpPr>
          <p:spPr bwMode="auto">
            <a:xfrm>
              <a:off x="2351088" y="3319463"/>
              <a:ext cx="112713" cy="70485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18" name="Rectangle 11"/>
            <p:cNvSpPr>
              <a:spLocks noChangeArrowheads="1"/>
            </p:cNvSpPr>
            <p:nvPr/>
          </p:nvSpPr>
          <p:spPr bwMode="auto">
            <a:xfrm>
              <a:off x="6767513" y="2919413"/>
              <a:ext cx="112713" cy="110490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19" name="Rectangle 13"/>
            <p:cNvSpPr>
              <a:spLocks noChangeArrowheads="1"/>
            </p:cNvSpPr>
            <p:nvPr/>
          </p:nvSpPr>
          <p:spPr bwMode="auto">
            <a:xfrm>
              <a:off x="7248525" y="3319463"/>
              <a:ext cx="112713" cy="70485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0" name="Rectangle 15"/>
            <p:cNvSpPr>
              <a:spLocks noChangeArrowheads="1"/>
            </p:cNvSpPr>
            <p:nvPr/>
          </p:nvSpPr>
          <p:spPr bwMode="auto">
            <a:xfrm>
              <a:off x="2832100" y="3575050"/>
              <a:ext cx="120650" cy="449263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1" name="Rectangle 17"/>
            <p:cNvSpPr>
              <a:spLocks noChangeArrowheads="1"/>
            </p:cNvSpPr>
            <p:nvPr/>
          </p:nvSpPr>
          <p:spPr bwMode="auto">
            <a:xfrm>
              <a:off x="3313113" y="2959100"/>
              <a:ext cx="120650" cy="1065213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2" name="Rectangle 19"/>
            <p:cNvSpPr>
              <a:spLocks noChangeArrowheads="1"/>
            </p:cNvSpPr>
            <p:nvPr/>
          </p:nvSpPr>
          <p:spPr bwMode="auto">
            <a:xfrm>
              <a:off x="3802063" y="3440113"/>
              <a:ext cx="112713" cy="58420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3" name="Rectangle 21"/>
            <p:cNvSpPr>
              <a:spLocks noChangeArrowheads="1"/>
            </p:cNvSpPr>
            <p:nvPr/>
          </p:nvSpPr>
          <p:spPr bwMode="auto">
            <a:xfrm>
              <a:off x="4338638" y="2919413"/>
              <a:ext cx="112713" cy="110490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4" name="Rectangle 23"/>
            <p:cNvSpPr>
              <a:spLocks noChangeArrowheads="1"/>
            </p:cNvSpPr>
            <p:nvPr/>
          </p:nvSpPr>
          <p:spPr bwMode="auto">
            <a:xfrm>
              <a:off x="4819650" y="2598738"/>
              <a:ext cx="112713" cy="1425575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5" name="Rectangle 26"/>
            <p:cNvSpPr>
              <a:spLocks noChangeArrowheads="1"/>
            </p:cNvSpPr>
            <p:nvPr/>
          </p:nvSpPr>
          <p:spPr bwMode="auto">
            <a:xfrm>
              <a:off x="5781675" y="2165350"/>
              <a:ext cx="120650" cy="1858963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6" name="Rectangle 27"/>
            <p:cNvSpPr>
              <a:spLocks noChangeArrowheads="1"/>
            </p:cNvSpPr>
            <p:nvPr/>
          </p:nvSpPr>
          <p:spPr bwMode="auto">
            <a:xfrm>
              <a:off x="5300663" y="2438400"/>
              <a:ext cx="120650" cy="1585913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7" name="Rectangle 29"/>
            <p:cNvSpPr>
              <a:spLocks noChangeArrowheads="1"/>
            </p:cNvSpPr>
            <p:nvPr/>
          </p:nvSpPr>
          <p:spPr bwMode="auto">
            <a:xfrm>
              <a:off x="6270625" y="2541588"/>
              <a:ext cx="112713" cy="1482725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3675204" y="4677441"/>
            <a:ext cx="6094631" cy="344095"/>
            <a:chOff x="1567001" y="4016375"/>
            <a:chExt cx="6094631" cy="344095"/>
          </a:xfrm>
        </p:grpSpPr>
        <p:sp>
          <p:nvSpPr>
            <p:cNvPr id="29" name="Rectangle 30"/>
            <p:cNvSpPr>
              <a:spLocks noChangeArrowheads="1"/>
            </p:cNvSpPr>
            <p:nvPr/>
          </p:nvSpPr>
          <p:spPr bwMode="auto">
            <a:xfrm>
              <a:off x="1757363" y="4016375"/>
              <a:ext cx="5603875" cy="15875"/>
            </a:xfrm>
            <a:prstGeom prst="rect">
              <a:avLst/>
            </a:prstGeom>
            <a:solidFill>
              <a:schemeClr val="tx1">
                <a:lumMod val="95000"/>
                <a:lumOff val="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0" name="矩形 29"/>
            <p:cNvSpPr/>
            <p:nvPr/>
          </p:nvSpPr>
          <p:spPr>
            <a:xfrm>
              <a:off x="15670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January</a:t>
              </a:r>
            </a:p>
          </p:txBody>
        </p:sp>
        <p:sp>
          <p:nvSpPr>
            <p:cNvPr id="31" name="矩形 30"/>
            <p:cNvSpPr/>
            <p:nvPr/>
          </p:nvSpPr>
          <p:spPr>
            <a:xfrm>
              <a:off x="20496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February</a:t>
              </a:r>
            </a:p>
          </p:txBody>
        </p:sp>
        <p:sp>
          <p:nvSpPr>
            <p:cNvPr id="32" name="矩形 31"/>
            <p:cNvSpPr/>
            <p:nvPr/>
          </p:nvSpPr>
          <p:spPr>
            <a:xfrm>
              <a:off x="25576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March</a:t>
              </a:r>
            </a:p>
          </p:txBody>
        </p:sp>
        <p:sp>
          <p:nvSpPr>
            <p:cNvPr id="33" name="矩形 32"/>
            <p:cNvSpPr/>
            <p:nvPr/>
          </p:nvSpPr>
          <p:spPr>
            <a:xfrm>
              <a:off x="30021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pril</a:t>
              </a:r>
            </a:p>
          </p:txBody>
        </p:sp>
        <p:sp>
          <p:nvSpPr>
            <p:cNvPr id="34" name="矩形 33"/>
            <p:cNvSpPr/>
            <p:nvPr/>
          </p:nvSpPr>
          <p:spPr>
            <a:xfrm>
              <a:off x="34974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May</a:t>
              </a:r>
            </a:p>
          </p:txBody>
        </p:sp>
        <p:sp>
          <p:nvSpPr>
            <p:cNvPr id="35" name="矩形 34"/>
            <p:cNvSpPr/>
            <p:nvPr/>
          </p:nvSpPr>
          <p:spPr>
            <a:xfrm>
              <a:off x="40689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June</a:t>
              </a:r>
            </a:p>
          </p:txBody>
        </p:sp>
        <p:sp>
          <p:nvSpPr>
            <p:cNvPr id="36" name="矩形 35"/>
            <p:cNvSpPr/>
            <p:nvPr/>
          </p:nvSpPr>
          <p:spPr>
            <a:xfrm>
              <a:off x="45515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July</a:t>
              </a:r>
            </a:p>
          </p:txBody>
        </p:sp>
        <p:sp>
          <p:nvSpPr>
            <p:cNvPr id="37" name="矩形 36"/>
            <p:cNvSpPr/>
            <p:nvPr/>
          </p:nvSpPr>
          <p:spPr>
            <a:xfrm>
              <a:off x="50341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ugust</a:t>
              </a:r>
            </a:p>
          </p:txBody>
        </p:sp>
        <p:sp>
          <p:nvSpPr>
            <p:cNvPr id="38" name="矩形 37"/>
            <p:cNvSpPr/>
            <p:nvPr/>
          </p:nvSpPr>
          <p:spPr>
            <a:xfrm>
              <a:off x="55421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September</a:t>
              </a:r>
            </a:p>
          </p:txBody>
        </p:sp>
        <p:sp>
          <p:nvSpPr>
            <p:cNvPr id="39" name="矩形 38"/>
            <p:cNvSpPr/>
            <p:nvPr/>
          </p:nvSpPr>
          <p:spPr>
            <a:xfrm>
              <a:off x="5986601" y="4046538"/>
              <a:ext cx="492443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October</a:t>
              </a:r>
            </a:p>
          </p:txBody>
        </p:sp>
        <p:sp>
          <p:nvSpPr>
            <p:cNvPr id="40" name="矩形 39"/>
            <p:cNvSpPr/>
            <p:nvPr/>
          </p:nvSpPr>
          <p:spPr>
            <a:xfrm>
              <a:off x="6481901" y="4046538"/>
              <a:ext cx="646331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November</a:t>
              </a:r>
            </a:p>
          </p:txBody>
        </p:sp>
        <p:sp>
          <p:nvSpPr>
            <p:cNvPr id="41" name="矩形 40"/>
            <p:cNvSpPr/>
            <p:nvPr/>
          </p:nvSpPr>
          <p:spPr>
            <a:xfrm>
              <a:off x="7015301" y="4046538"/>
              <a:ext cx="646331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December</a:t>
              </a:r>
            </a:p>
          </p:txBody>
        </p:sp>
      </p:grpSp>
      <p:grpSp>
        <p:nvGrpSpPr>
          <p:cNvPr id="42" name="组合 41"/>
          <p:cNvGrpSpPr/>
          <p:nvPr/>
        </p:nvGrpSpPr>
        <p:grpSpPr>
          <a:xfrm>
            <a:off x="2090816" y="2583533"/>
            <a:ext cx="1184196" cy="1532684"/>
            <a:chOff x="566816" y="1909763"/>
            <a:chExt cx="1184196" cy="1532684"/>
          </a:xfrm>
        </p:grpSpPr>
        <p:sp>
          <p:nvSpPr>
            <p:cNvPr id="43" name="Freeform 71"/>
            <p:cNvSpPr>
              <a:spLocks noEditPoints="1"/>
            </p:cNvSpPr>
            <p:nvPr/>
          </p:nvSpPr>
          <p:spPr bwMode="auto">
            <a:xfrm>
              <a:off x="808038" y="1909763"/>
              <a:ext cx="942974" cy="912813"/>
            </a:xfrm>
            <a:custGeom>
              <a:avLst/>
              <a:gdLst>
                <a:gd name="T0" fmla="*/ 44 w 93"/>
                <a:gd name="T1" fmla="*/ 0 h 90"/>
                <a:gd name="T2" fmla="*/ 83 w 93"/>
                <a:gd name="T3" fmla="*/ 0 h 90"/>
                <a:gd name="T4" fmla="*/ 90 w 93"/>
                <a:gd name="T5" fmla="*/ 3 h 90"/>
                <a:gd name="T6" fmla="*/ 93 w 93"/>
                <a:gd name="T7" fmla="*/ 11 h 90"/>
                <a:gd name="T8" fmla="*/ 93 w 93"/>
                <a:gd name="T9" fmla="*/ 33 h 90"/>
                <a:gd name="T10" fmla="*/ 90 w 93"/>
                <a:gd name="T11" fmla="*/ 40 h 90"/>
                <a:gd name="T12" fmla="*/ 83 w 93"/>
                <a:gd name="T13" fmla="*/ 43 h 90"/>
                <a:gd name="T14" fmla="*/ 61 w 93"/>
                <a:gd name="T15" fmla="*/ 43 h 90"/>
                <a:gd name="T16" fmla="*/ 50 w 93"/>
                <a:gd name="T17" fmla="*/ 53 h 90"/>
                <a:gd name="T18" fmla="*/ 49 w 93"/>
                <a:gd name="T19" fmla="*/ 52 h 90"/>
                <a:gd name="T20" fmla="*/ 46 w 93"/>
                <a:gd name="T21" fmla="*/ 50 h 90"/>
                <a:gd name="T22" fmla="*/ 48 w 93"/>
                <a:gd name="T23" fmla="*/ 43 h 90"/>
                <a:gd name="T24" fmla="*/ 47 w 93"/>
                <a:gd name="T25" fmla="*/ 43 h 90"/>
                <a:gd name="T26" fmla="*/ 48 w 93"/>
                <a:gd name="T27" fmla="*/ 39 h 90"/>
                <a:gd name="T28" fmla="*/ 51 w 93"/>
                <a:gd name="T29" fmla="*/ 39 h 90"/>
                <a:gd name="T30" fmla="*/ 54 w 93"/>
                <a:gd name="T31" fmla="*/ 39 h 90"/>
                <a:gd name="T32" fmla="*/ 53 w 93"/>
                <a:gd name="T33" fmla="*/ 41 h 90"/>
                <a:gd name="T34" fmla="*/ 52 w 93"/>
                <a:gd name="T35" fmla="*/ 44 h 90"/>
                <a:gd name="T36" fmla="*/ 58 w 93"/>
                <a:gd name="T37" fmla="*/ 39 h 90"/>
                <a:gd name="T38" fmla="*/ 59 w 93"/>
                <a:gd name="T39" fmla="*/ 39 h 90"/>
                <a:gd name="T40" fmla="*/ 60 w 93"/>
                <a:gd name="T41" fmla="*/ 39 h 90"/>
                <a:gd name="T42" fmla="*/ 83 w 93"/>
                <a:gd name="T43" fmla="*/ 39 h 90"/>
                <a:gd name="T44" fmla="*/ 87 w 93"/>
                <a:gd name="T45" fmla="*/ 37 h 90"/>
                <a:gd name="T46" fmla="*/ 89 w 93"/>
                <a:gd name="T47" fmla="*/ 33 h 90"/>
                <a:gd name="T48" fmla="*/ 89 w 93"/>
                <a:gd name="T49" fmla="*/ 11 h 90"/>
                <a:gd name="T50" fmla="*/ 87 w 93"/>
                <a:gd name="T51" fmla="*/ 7 h 90"/>
                <a:gd name="T52" fmla="*/ 83 w 93"/>
                <a:gd name="T53" fmla="*/ 5 h 90"/>
                <a:gd name="T54" fmla="*/ 44 w 93"/>
                <a:gd name="T55" fmla="*/ 5 h 90"/>
                <a:gd name="T56" fmla="*/ 39 w 93"/>
                <a:gd name="T57" fmla="*/ 7 h 90"/>
                <a:gd name="T58" fmla="*/ 38 w 93"/>
                <a:gd name="T59" fmla="*/ 11 h 90"/>
                <a:gd name="T60" fmla="*/ 38 w 93"/>
                <a:gd name="T61" fmla="*/ 14 h 90"/>
                <a:gd name="T62" fmla="*/ 33 w 93"/>
                <a:gd name="T63" fmla="*/ 12 h 90"/>
                <a:gd name="T64" fmla="*/ 33 w 93"/>
                <a:gd name="T65" fmla="*/ 11 h 90"/>
                <a:gd name="T66" fmla="*/ 36 w 93"/>
                <a:gd name="T67" fmla="*/ 3 h 90"/>
                <a:gd name="T68" fmla="*/ 44 w 93"/>
                <a:gd name="T69" fmla="*/ 0 h 90"/>
                <a:gd name="T70" fmla="*/ 75 w 93"/>
                <a:gd name="T71" fmla="*/ 18 h 90"/>
                <a:gd name="T72" fmla="*/ 71 w 93"/>
                <a:gd name="T73" fmla="*/ 22 h 90"/>
                <a:gd name="T74" fmla="*/ 75 w 93"/>
                <a:gd name="T75" fmla="*/ 25 h 90"/>
                <a:gd name="T76" fmla="*/ 79 w 93"/>
                <a:gd name="T77" fmla="*/ 22 h 90"/>
                <a:gd name="T78" fmla="*/ 75 w 93"/>
                <a:gd name="T79" fmla="*/ 18 h 90"/>
                <a:gd name="T80" fmla="*/ 63 w 93"/>
                <a:gd name="T81" fmla="*/ 18 h 90"/>
                <a:gd name="T82" fmla="*/ 59 w 93"/>
                <a:gd name="T83" fmla="*/ 22 h 90"/>
                <a:gd name="T84" fmla="*/ 63 w 93"/>
                <a:gd name="T85" fmla="*/ 25 h 90"/>
                <a:gd name="T86" fmla="*/ 67 w 93"/>
                <a:gd name="T87" fmla="*/ 22 h 90"/>
                <a:gd name="T88" fmla="*/ 63 w 93"/>
                <a:gd name="T89" fmla="*/ 18 h 90"/>
                <a:gd name="T90" fmla="*/ 51 w 93"/>
                <a:gd name="T91" fmla="*/ 18 h 90"/>
                <a:gd name="T92" fmla="*/ 48 w 93"/>
                <a:gd name="T93" fmla="*/ 22 h 90"/>
                <a:gd name="T94" fmla="*/ 51 w 93"/>
                <a:gd name="T95" fmla="*/ 25 h 90"/>
                <a:gd name="T96" fmla="*/ 55 w 93"/>
                <a:gd name="T97" fmla="*/ 22 h 90"/>
                <a:gd name="T98" fmla="*/ 51 w 93"/>
                <a:gd name="T99" fmla="*/ 18 h 90"/>
                <a:gd name="T100" fmla="*/ 27 w 93"/>
                <a:gd name="T101" fmla="*/ 18 h 90"/>
                <a:gd name="T102" fmla="*/ 12 w 93"/>
                <a:gd name="T103" fmla="*/ 33 h 90"/>
                <a:gd name="T104" fmla="*/ 27 w 93"/>
                <a:gd name="T105" fmla="*/ 48 h 90"/>
                <a:gd name="T106" fmla="*/ 43 w 93"/>
                <a:gd name="T107" fmla="*/ 33 h 90"/>
                <a:gd name="T108" fmla="*/ 27 w 93"/>
                <a:gd name="T109" fmla="*/ 18 h 90"/>
                <a:gd name="T110" fmla="*/ 55 w 93"/>
                <a:gd name="T111" fmla="*/ 82 h 90"/>
                <a:gd name="T112" fmla="*/ 38 w 93"/>
                <a:gd name="T113" fmla="*/ 53 h 90"/>
                <a:gd name="T114" fmla="*/ 28 w 93"/>
                <a:gd name="T115" fmla="*/ 69 h 90"/>
                <a:gd name="T116" fmla="*/ 18 w 93"/>
                <a:gd name="T117" fmla="*/ 53 h 90"/>
                <a:gd name="T118" fmla="*/ 0 w 93"/>
                <a:gd name="T119" fmla="*/ 82 h 90"/>
                <a:gd name="T120" fmla="*/ 55 w 93"/>
                <a:gd name="T121" fmla="*/ 82 h 9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</a:cxnLst>
              <a:rect l="0" t="0" r="r" b="b"/>
              <a:pathLst>
                <a:path w="93" h="90">
                  <a:moveTo>
                    <a:pt x="44" y="0"/>
                  </a:moveTo>
                  <a:cubicBezTo>
                    <a:pt x="83" y="0"/>
                    <a:pt x="83" y="0"/>
                    <a:pt x="83" y="0"/>
                  </a:cubicBezTo>
                  <a:cubicBezTo>
                    <a:pt x="86" y="0"/>
                    <a:pt x="88" y="1"/>
                    <a:pt x="90" y="3"/>
                  </a:cubicBezTo>
                  <a:cubicBezTo>
                    <a:pt x="92" y="5"/>
                    <a:pt x="93" y="8"/>
                    <a:pt x="93" y="11"/>
                  </a:cubicBezTo>
                  <a:cubicBezTo>
                    <a:pt x="93" y="33"/>
                    <a:pt x="93" y="33"/>
                    <a:pt x="93" y="33"/>
                  </a:cubicBezTo>
                  <a:cubicBezTo>
                    <a:pt x="93" y="36"/>
                    <a:pt x="92" y="38"/>
                    <a:pt x="90" y="40"/>
                  </a:cubicBezTo>
                  <a:cubicBezTo>
                    <a:pt x="88" y="42"/>
                    <a:pt x="86" y="43"/>
                    <a:pt x="83" y="43"/>
                  </a:cubicBezTo>
                  <a:cubicBezTo>
                    <a:pt x="61" y="43"/>
                    <a:pt x="61" y="43"/>
                    <a:pt x="61" y="43"/>
                  </a:cubicBezTo>
                  <a:cubicBezTo>
                    <a:pt x="50" y="53"/>
                    <a:pt x="50" y="53"/>
                    <a:pt x="50" y="53"/>
                  </a:cubicBezTo>
                  <a:cubicBezTo>
                    <a:pt x="49" y="52"/>
                    <a:pt x="49" y="52"/>
                    <a:pt x="49" y="52"/>
                  </a:cubicBezTo>
                  <a:cubicBezTo>
                    <a:pt x="48" y="52"/>
                    <a:pt x="47" y="51"/>
                    <a:pt x="46" y="50"/>
                  </a:cubicBezTo>
                  <a:cubicBezTo>
                    <a:pt x="48" y="43"/>
                    <a:pt x="48" y="43"/>
                    <a:pt x="48" y="43"/>
                  </a:cubicBezTo>
                  <a:cubicBezTo>
                    <a:pt x="47" y="43"/>
                    <a:pt x="47" y="43"/>
                    <a:pt x="47" y="43"/>
                  </a:cubicBezTo>
                  <a:cubicBezTo>
                    <a:pt x="47" y="42"/>
                    <a:pt x="48" y="40"/>
                    <a:pt x="48" y="39"/>
                  </a:cubicBezTo>
                  <a:cubicBezTo>
                    <a:pt x="51" y="39"/>
                    <a:pt x="51" y="39"/>
                    <a:pt x="51" y="39"/>
                  </a:cubicBezTo>
                  <a:cubicBezTo>
                    <a:pt x="54" y="39"/>
                    <a:pt x="54" y="39"/>
                    <a:pt x="54" y="39"/>
                  </a:cubicBezTo>
                  <a:cubicBezTo>
                    <a:pt x="53" y="41"/>
                    <a:pt x="53" y="41"/>
                    <a:pt x="53" y="41"/>
                  </a:cubicBezTo>
                  <a:cubicBezTo>
                    <a:pt x="52" y="44"/>
                    <a:pt x="52" y="44"/>
                    <a:pt x="52" y="44"/>
                  </a:cubicBezTo>
                  <a:cubicBezTo>
                    <a:pt x="58" y="39"/>
                    <a:pt x="58" y="39"/>
                    <a:pt x="58" y="39"/>
                  </a:cubicBezTo>
                  <a:cubicBezTo>
                    <a:pt x="59" y="39"/>
                    <a:pt x="59" y="39"/>
                    <a:pt x="59" y="39"/>
                  </a:cubicBezTo>
                  <a:cubicBezTo>
                    <a:pt x="60" y="39"/>
                    <a:pt x="60" y="39"/>
                    <a:pt x="60" y="39"/>
                  </a:cubicBezTo>
                  <a:cubicBezTo>
                    <a:pt x="83" y="39"/>
                    <a:pt x="83" y="39"/>
                    <a:pt x="83" y="39"/>
                  </a:cubicBezTo>
                  <a:cubicBezTo>
                    <a:pt x="84" y="39"/>
                    <a:pt x="86" y="38"/>
                    <a:pt x="87" y="37"/>
                  </a:cubicBezTo>
                  <a:cubicBezTo>
                    <a:pt x="88" y="36"/>
                    <a:pt x="89" y="34"/>
                    <a:pt x="89" y="33"/>
                  </a:cubicBezTo>
                  <a:cubicBezTo>
                    <a:pt x="89" y="11"/>
                    <a:pt x="89" y="11"/>
                    <a:pt x="89" y="11"/>
                  </a:cubicBezTo>
                  <a:cubicBezTo>
                    <a:pt x="89" y="9"/>
                    <a:pt x="88" y="8"/>
                    <a:pt x="87" y="7"/>
                  </a:cubicBezTo>
                  <a:cubicBezTo>
                    <a:pt x="86" y="6"/>
                    <a:pt x="84" y="5"/>
                    <a:pt x="83" y="5"/>
                  </a:cubicBezTo>
                  <a:cubicBezTo>
                    <a:pt x="44" y="5"/>
                    <a:pt x="44" y="5"/>
                    <a:pt x="44" y="5"/>
                  </a:cubicBezTo>
                  <a:cubicBezTo>
                    <a:pt x="42" y="5"/>
                    <a:pt x="40" y="6"/>
                    <a:pt x="39" y="7"/>
                  </a:cubicBezTo>
                  <a:cubicBezTo>
                    <a:pt x="38" y="8"/>
                    <a:pt x="38" y="9"/>
                    <a:pt x="38" y="11"/>
                  </a:cubicBezTo>
                  <a:cubicBezTo>
                    <a:pt x="38" y="14"/>
                    <a:pt x="38" y="14"/>
                    <a:pt x="38" y="14"/>
                  </a:cubicBezTo>
                  <a:cubicBezTo>
                    <a:pt x="36" y="13"/>
                    <a:pt x="35" y="12"/>
                    <a:pt x="33" y="12"/>
                  </a:cubicBezTo>
                  <a:cubicBezTo>
                    <a:pt x="33" y="11"/>
                    <a:pt x="33" y="11"/>
                    <a:pt x="33" y="11"/>
                  </a:cubicBezTo>
                  <a:cubicBezTo>
                    <a:pt x="33" y="8"/>
                    <a:pt x="34" y="5"/>
                    <a:pt x="36" y="3"/>
                  </a:cubicBezTo>
                  <a:cubicBezTo>
                    <a:pt x="38" y="1"/>
                    <a:pt x="41" y="0"/>
                    <a:pt x="44" y="0"/>
                  </a:cubicBezTo>
                  <a:close/>
                  <a:moveTo>
                    <a:pt x="75" y="18"/>
                  </a:moveTo>
                  <a:cubicBezTo>
                    <a:pt x="73" y="18"/>
                    <a:pt x="71" y="19"/>
                    <a:pt x="71" y="22"/>
                  </a:cubicBezTo>
                  <a:cubicBezTo>
                    <a:pt x="71" y="24"/>
                    <a:pt x="73" y="25"/>
                    <a:pt x="75" y="25"/>
                  </a:cubicBezTo>
                  <a:cubicBezTo>
                    <a:pt x="77" y="25"/>
                    <a:pt x="79" y="24"/>
                    <a:pt x="79" y="22"/>
                  </a:cubicBezTo>
                  <a:cubicBezTo>
                    <a:pt x="79" y="19"/>
                    <a:pt x="77" y="18"/>
                    <a:pt x="75" y="18"/>
                  </a:cubicBezTo>
                  <a:close/>
                  <a:moveTo>
                    <a:pt x="63" y="18"/>
                  </a:moveTo>
                  <a:cubicBezTo>
                    <a:pt x="61" y="18"/>
                    <a:pt x="59" y="19"/>
                    <a:pt x="59" y="22"/>
                  </a:cubicBezTo>
                  <a:cubicBezTo>
                    <a:pt x="59" y="24"/>
                    <a:pt x="61" y="25"/>
                    <a:pt x="63" y="25"/>
                  </a:cubicBezTo>
                  <a:cubicBezTo>
                    <a:pt x="65" y="25"/>
                    <a:pt x="67" y="24"/>
                    <a:pt x="67" y="22"/>
                  </a:cubicBezTo>
                  <a:cubicBezTo>
                    <a:pt x="67" y="19"/>
                    <a:pt x="65" y="18"/>
                    <a:pt x="63" y="18"/>
                  </a:cubicBezTo>
                  <a:close/>
                  <a:moveTo>
                    <a:pt x="51" y="18"/>
                  </a:moveTo>
                  <a:cubicBezTo>
                    <a:pt x="49" y="18"/>
                    <a:pt x="48" y="19"/>
                    <a:pt x="48" y="22"/>
                  </a:cubicBezTo>
                  <a:cubicBezTo>
                    <a:pt x="48" y="24"/>
                    <a:pt x="49" y="25"/>
                    <a:pt x="51" y="25"/>
                  </a:cubicBezTo>
                  <a:cubicBezTo>
                    <a:pt x="54" y="25"/>
                    <a:pt x="55" y="24"/>
                    <a:pt x="55" y="22"/>
                  </a:cubicBezTo>
                  <a:cubicBezTo>
                    <a:pt x="55" y="19"/>
                    <a:pt x="54" y="18"/>
                    <a:pt x="51" y="18"/>
                  </a:cubicBezTo>
                  <a:close/>
                  <a:moveTo>
                    <a:pt x="27" y="18"/>
                  </a:moveTo>
                  <a:cubicBezTo>
                    <a:pt x="19" y="18"/>
                    <a:pt x="12" y="24"/>
                    <a:pt x="12" y="33"/>
                  </a:cubicBezTo>
                  <a:cubicBezTo>
                    <a:pt x="12" y="42"/>
                    <a:pt x="19" y="48"/>
                    <a:pt x="27" y="48"/>
                  </a:cubicBezTo>
                  <a:cubicBezTo>
                    <a:pt x="36" y="48"/>
                    <a:pt x="43" y="42"/>
                    <a:pt x="43" y="33"/>
                  </a:cubicBezTo>
                  <a:cubicBezTo>
                    <a:pt x="43" y="24"/>
                    <a:pt x="36" y="18"/>
                    <a:pt x="27" y="18"/>
                  </a:cubicBezTo>
                  <a:close/>
                  <a:moveTo>
                    <a:pt x="55" y="82"/>
                  </a:moveTo>
                  <a:cubicBezTo>
                    <a:pt x="55" y="67"/>
                    <a:pt x="47" y="57"/>
                    <a:pt x="38" y="53"/>
                  </a:cubicBezTo>
                  <a:cubicBezTo>
                    <a:pt x="28" y="69"/>
                    <a:pt x="28" y="69"/>
                    <a:pt x="28" y="69"/>
                  </a:cubicBezTo>
                  <a:cubicBezTo>
                    <a:pt x="18" y="53"/>
                    <a:pt x="18" y="53"/>
                    <a:pt x="18" y="53"/>
                  </a:cubicBezTo>
                  <a:cubicBezTo>
                    <a:pt x="8" y="57"/>
                    <a:pt x="0" y="66"/>
                    <a:pt x="0" y="82"/>
                  </a:cubicBezTo>
                  <a:cubicBezTo>
                    <a:pt x="20" y="90"/>
                    <a:pt x="38" y="89"/>
                    <a:pt x="55" y="82"/>
                  </a:cubicBez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grpSp>
          <p:nvGrpSpPr>
            <p:cNvPr id="44" name="组合 43"/>
            <p:cNvGrpSpPr/>
            <p:nvPr/>
          </p:nvGrpSpPr>
          <p:grpSpPr>
            <a:xfrm>
              <a:off x="566816" y="2887215"/>
              <a:ext cx="1107996" cy="555232"/>
              <a:chOff x="452516" y="2963415"/>
              <a:chExt cx="1107996" cy="555232"/>
            </a:xfrm>
          </p:grpSpPr>
          <p:sp>
            <p:nvSpPr>
              <p:cNvPr id="45" name="矩形 44"/>
              <p:cNvSpPr/>
              <p:nvPr/>
            </p:nvSpPr>
            <p:spPr>
              <a:xfrm>
                <a:off x="452516" y="2963415"/>
                <a:ext cx="1107996" cy="313932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defTabSz="185738">
                  <a:lnSpc>
                    <a:spcPct val="120000"/>
                  </a:lnSpc>
                </a:pPr>
                <a:r>
                  <a:rPr lang="zh-CN" altLang="en-US" sz="1200" kern="0" dirty="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Add text</a:t>
                </a:r>
              </a:p>
            </p:txBody>
          </p:sp>
          <p:sp>
            <p:nvSpPr>
              <p:cNvPr id="46" name="矩形 45"/>
              <p:cNvSpPr/>
              <p:nvPr/>
            </p:nvSpPr>
            <p:spPr>
              <a:xfrm>
                <a:off x="452516" y="3204715"/>
                <a:ext cx="1107996" cy="313932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defTabSz="185738">
                  <a:lnSpc>
                    <a:spcPct val="120000"/>
                  </a:lnSpc>
                </a:pPr>
                <a:r>
                  <a:rPr lang="zh-CN" altLang="en-US" sz="1200" kern="0" dirty="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Add text</a:t>
                </a: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22" presetClass="entr" presetSubtype="4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22" presetClass="entr" presetSubtype="4" fill="hold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4" fill="hold" nodeType="withEffect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矩形 30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grpSp>
        <p:nvGrpSpPr>
          <p:cNvPr id="32" name="组合 31"/>
          <p:cNvGrpSpPr/>
          <p:nvPr/>
        </p:nvGrpSpPr>
        <p:grpSpPr>
          <a:xfrm>
            <a:off x="2385819" y="2996146"/>
            <a:ext cx="936104" cy="936104"/>
            <a:chOff x="971600" y="1635646"/>
            <a:chExt cx="936104" cy="936104"/>
          </a:xfrm>
        </p:grpSpPr>
        <p:sp>
          <p:nvSpPr>
            <p:cNvPr id="33" name="椭圆 32"/>
            <p:cNvSpPr/>
            <p:nvPr/>
          </p:nvSpPr>
          <p:spPr>
            <a:xfrm>
              <a:off x="971600" y="1635646"/>
              <a:ext cx="936104" cy="936104"/>
            </a:xfrm>
            <a:prstGeom prst="ellipse">
              <a:avLst/>
            </a:prstGeom>
            <a:noFill/>
            <a:ln w="19050">
              <a:solidFill>
                <a:schemeClr val="tx1">
                  <a:lumMod val="65000"/>
                  <a:lumOff val="3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bg1">
                    <a:lumMod val="50000"/>
                  </a:schemeClr>
                </a:solidFill>
              </a:endParaRP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1135417" y="1744378"/>
              <a:ext cx="579005" cy="76944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44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方正正中黑简体" pitchFamily="2" charset="-122"/>
                  <a:ea typeface="方正正中黑简体" pitchFamily="2" charset="-122"/>
                </a:rPr>
                <a:t>4</a:t>
              </a:r>
              <a:endParaRPr lang="zh-CN" altLang="en-US" sz="4400" dirty="0">
                <a:solidFill>
                  <a:schemeClr val="tx1">
                    <a:lumMod val="65000"/>
                    <a:lumOff val="35000"/>
                  </a:schemeClr>
                </a:solidFill>
                <a:latin typeface="方正正中黑简体" pitchFamily="2" charset="-122"/>
                <a:ea typeface="方正正中黑简体" pitchFamily="2" charset="-122"/>
              </a:endParaRPr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5322601" y="1947593"/>
            <a:ext cx="2349499" cy="2057471"/>
            <a:chOff x="3482595" y="805643"/>
            <a:chExt cx="2349499" cy="2057471"/>
          </a:xfrm>
        </p:grpSpPr>
        <p:grpSp>
          <p:nvGrpSpPr>
            <p:cNvPr id="36" name="组合 35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38" name="任意多边形 3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39" name="任意多边形 3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37" name="矩形 36"/>
            <p:cNvSpPr/>
            <p:nvPr/>
          </p:nvSpPr>
          <p:spPr>
            <a:xfrm rot="3269671">
              <a:off x="3699646" y="1549437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40" name="组合 39"/>
          <p:cNvGrpSpPr/>
          <p:nvPr/>
        </p:nvGrpSpPr>
        <p:grpSpPr>
          <a:xfrm>
            <a:off x="6478511" y="2011091"/>
            <a:ext cx="2349499" cy="1993973"/>
            <a:chOff x="4716310" y="869141"/>
            <a:chExt cx="2349499" cy="1993973"/>
          </a:xfrm>
        </p:grpSpPr>
        <p:grpSp>
          <p:nvGrpSpPr>
            <p:cNvPr id="41" name="组合 40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43" name="任意多边形 4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44" name="任意多边形 43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2" name="矩形 41"/>
            <p:cNvSpPr/>
            <p:nvPr/>
          </p:nvSpPr>
          <p:spPr>
            <a:xfrm rot="3257822">
              <a:off x="4978718" y="1612935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7634419" y="1972991"/>
            <a:ext cx="2349499" cy="2032072"/>
            <a:chOff x="6138710" y="831042"/>
            <a:chExt cx="2349499" cy="2032072"/>
          </a:xfrm>
        </p:grpSpPr>
        <p:grpSp>
          <p:nvGrpSpPr>
            <p:cNvPr id="46" name="组合 45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48" name="任意多边形 4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49" name="任意多边形 4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7" name="矩形 46"/>
            <p:cNvSpPr/>
            <p:nvPr/>
          </p:nvSpPr>
          <p:spPr>
            <a:xfrm rot="3279009">
              <a:off x="6355761" y="1574836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50" name="组合 49"/>
          <p:cNvGrpSpPr/>
          <p:nvPr/>
        </p:nvGrpSpPr>
        <p:grpSpPr>
          <a:xfrm>
            <a:off x="4166693" y="1972993"/>
            <a:ext cx="2349499" cy="2032071"/>
            <a:chOff x="3482595" y="831043"/>
            <a:chExt cx="2349499" cy="2032071"/>
          </a:xfrm>
        </p:grpSpPr>
        <p:grpSp>
          <p:nvGrpSpPr>
            <p:cNvPr id="51" name="组合 50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53" name="任意多边形 5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54" name="任意多边形 53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52" name="矩形 51"/>
            <p:cNvSpPr/>
            <p:nvPr/>
          </p:nvSpPr>
          <p:spPr>
            <a:xfrm rot="3273216">
              <a:off x="3674245" y="1574837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55" name="组合 54"/>
          <p:cNvGrpSpPr/>
          <p:nvPr/>
        </p:nvGrpSpPr>
        <p:grpSpPr>
          <a:xfrm>
            <a:off x="7634419" y="2023005"/>
            <a:ext cx="2829559" cy="2661364"/>
            <a:chOff x="2171701" y="890977"/>
            <a:chExt cx="2829559" cy="2661364"/>
          </a:xfrm>
        </p:grpSpPr>
        <p:grpSp>
          <p:nvGrpSpPr>
            <p:cNvPr id="56" name="组合 55"/>
            <p:cNvGrpSpPr/>
            <p:nvPr/>
          </p:nvGrpSpPr>
          <p:grpSpPr>
            <a:xfrm>
              <a:off x="2171701" y="939799"/>
              <a:ext cx="2829559" cy="2612542"/>
              <a:chOff x="2171701" y="939799"/>
              <a:chExt cx="2829559" cy="2612542"/>
            </a:xfrm>
          </p:grpSpPr>
          <p:sp>
            <p:nvSpPr>
              <p:cNvPr id="58" name="任意多边形 5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  <a:gd name="connsiteX0" fmla="*/ 135732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35732 w 292894"/>
                  <a:gd name="connsiteY3" fmla="*/ 0 h 159545"/>
                  <a:gd name="connsiteX0" fmla="*/ 130969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30969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30969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30969" y="0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59" name="任意多边形 58"/>
              <p:cNvSpPr/>
              <p:nvPr/>
            </p:nvSpPr>
            <p:spPr>
              <a:xfrm>
                <a:off x="2298700" y="939799"/>
                <a:ext cx="2702560" cy="2612542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  <a:gd name="connsiteX0" fmla="*/ 0 w 3098800"/>
                  <a:gd name="connsiteY0" fmla="*/ 0 h 2298700"/>
                  <a:gd name="connsiteX1" fmla="*/ 1397000 w 3098800"/>
                  <a:gd name="connsiteY1" fmla="*/ 1397000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3098800"/>
                  <a:gd name="connsiteY0" fmla="*/ 0 h 2298700"/>
                  <a:gd name="connsiteX1" fmla="*/ 2311400 w 3098800"/>
                  <a:gd name="connsiteY1" fmla="*/ 2286000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3098800"/>
                  <a:gd name="connsiteY0" fmla="*/ 0 h 2305050"/>
                  <a:gd name="connsiteX1" fmla="*/ 235426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305050"/>
                  <a:gd name="connsiteX1" fmla="*/ 233140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305050"/>
                  <a:gd name="connsiteX1" fmla="*/ 228568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298700"/>
                  <a:gd name="connsiteX1" fmla="*/ 1889443 w 3098800"/>
                  <a:gd name="connsiteY1" fmla="*/ 1893388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2710180"/>
                  <a:gd name="connsiteY0" fmla="*/ 0 h 1920416"/>
                  <a:gd name="connsiteX1" fmla="*/ 1889443 w 2710180"/>
                  <a:gd name="connsiteY1" fmla="*/ 1893388 h 1920416"/>
                  <a:gd name="connsiteX2" fmla="*/ 2710180 w 2710180"/>
                  <a:gd name="connsiteY2" fmla="*/ 1920416 h 1920416"/>
                  <a:gd name="connsiteX3" fmla="*/ 825500 w 2710180"/>
                  <a:gd name="connsiteY3" fmla="*/ 0 h 1920416"/>
                  <a:gd name="connsiteX4" fmla="*/ 0 w 2710180"/>
                  <a:gd name="connsiteY4" fmla="*/ 0 h 1920416"/>
                  <a:gd name="connsiteX0" fmla="*/ 0 w 2702560"/>
                  <a:gd name="connsiteY0" fmla="*/ 0 h 1909290"/>
                  <a:gd name="connsiteX1" fmla="*/ 1889443 w 2702560"/>
                  <a:gd name="connsiteY1" fmla="*/ 1893388 h 1909290"/>
                  <a:gd name="connsiteX2" fmla="*/ 2702560 w 2702560"/>
                  <a:gd name="connsiteY2" fmla="*/ 1909290 h 1909290"/>
                  <a:gd name="connsiteX3" fmla="*/ 825500 w 2702560"/>
                  <a:gd name="connsiteY3" fmla="*/ 0 h 1909290"/>
                  <a:gd name="connsiteX4" fmla="*/ 0 w 2702560"/>
                  <a:gd name="connsiteY4" fmla="*/ 0 h 1909290"/>
                  <a:gd name="connsiteX0" fmla="*/ 0 w 2702560"/>
                  <a:gd name="connsiteY0" fmla="*/ 0 h 1909290"/>
                  <a:gd name="connsiteX1" fmla="*/ 1898968 w 2702560"/>
                  <a:gd name="connsiteY1" fmla="*/ 1907295 h 1909290"/>
                  <a:gd name="connsiteX2" fmla="*/ 2702560 w 2702560"/>
                  <a:gd name="connsiteY2" fmla="*/ 1909290 h 1909290"/>
                  <a:gd name="connsiteX3" fmla="*/ 825500 w 2702560"/>
                  <a:gd name="connsiteY3" fmla="*/ 0 h 1909290"/>
                  <a:gd name="connsiteX4" fmla="*/ 0 w 2702560"/>
                  <a:gd name="connsiteY4" fmla="*/ 0 h 1909290"/>
                  <a:gd name="connsiteX0" fmla="*/ 0 w 2702560"/>
                  <a:gd name="connsiteY0" fmla="*/ 0 h 1907295"/>
                  <a:gd name="connsiteX1" fmla="*/ 1898968 w 2702560"/>
                  <a:gd name="connsiteY1" fmla="*/ 1907295 h 1907295"/>
                  <a:gd name="connsiteX2" fmla="*/ 2702560 w 2702560"/>
                  <a:gd name="connsiteY2" fmla="*/ 1904654 h 1907295"/>
                  <a:gd name="connsiteX3" fmla="*/ 825500 w 2702560"/>
                  <a:gd name="connsiteY3" fmla="*/ 0 h 1907295"/>
                  <a:gd name="connsiteX4" fmla="*/ 0 w 2702560"/>
                  <a:gd name="connsiteY4" fmla="*/ 0 h 190729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702560" h="1907295">
                    <a:moveTo>
                      <a:pt x="0" y="0"/>
                    </a:moveTo>
                    <a:lnTo>
                      <a:pt x="1898968" y="1907295"/>
                    </a:lnTo>
                    <a:lnTo>
                      <a:pt x="2702560" y="1904654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57" name="矩形 56"/>
            <p:cNvSpPr/>
            <p:nvPr/>
          </p:nvSpPr>
          <p:spPr>
            <a:xfrm rot="3329058">
              <a:off x="2353506" y="1839955"/>
              <a:ext cx="2236510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a text title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5" dur="500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489204" y="2187156"/>
            <a:ext cx="5900739" cy="2800032"/>
            <a:chOff x="1574801" y="1465262"/>
            <a:chExt cx="5900739" cy="2800032"/>
          </a:xfrm>
        </p:grpSpPr>
        <p:sp>
          <p:nvSpPr>
            <p:cNvPr id="3" name="Freeform 7"/>
            <p:cNvSpPr>
              <a:spLocks/>
            </p:cNvSpPr>
            <p:nvPr/>
          </p:nvSpPr>
          <p:spPr bwMode="auto">
            <a:xfrm>
              <a:off x="2065338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" name="Line 8"/>
            <p:cNvSpPr>
              <a:spLocks noChangeShapeType="1"/>
            </p:cNvSpPr>
            <p:nvPr/>
          </p:nvSpPr>
          <p:spPr bwMode="auto">
            <a:xfrm>
              <a:off x="2065338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" name="Line 9"/>
            <p:cNvSpPr>
              <a:spLocks noChangeShapeType="1"/>
            </p:cNvSpPr>
            <p:nvPr/>
          </p:nvSpPr>
          <p:spPr bwMode="auto">
            <a:xfrm>
              <a:off x="2065338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" name="Freeform 10"/>
            <p:cNvSpPr>
              <a:spLocks/>
            </p:cNvSpPr>
            <p:nvPr/>
          </p:nvSpPr>
          <p:spPr bwMode="auto">
            <a:xfrm>
              <a:off x="2532063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" name="Line 11"/>
            <p:cNvSpPr>
              <a:spLocks noChangeShapeType="1"/>
            </p:cNvSpPr>
            <p:nvPr/>
          </p:nvSpPr>
          <p:spPr bwMode="auto">
            <a:xfrm>
              <a:off x="2532063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" name="Line 12"/>
            <p:cNvSpPr>
              <a:spLocks noChangeShapeType="1"/>
            </p:cNvSpPr>
            <p:nvPr/>
          </p:nvSpPr>
          <p:spPr bwMode="auto">
            <a:xfrm>
              <a:off x="2532063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9" name="Freeform 13"/>
            <p:cNvSpPr>
              <a:spLocks/>
            </p:cNvSpPr>
            <p:nvPr/>
          </p:nvSpPr>
          <p:spPr bwMode="auto">
            <a:xfrm>
              <a:off x="3005138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0" name="Line 14"/>
            <p:cNvSpPr>
              <a:spLocks noChangeShapeType="1"/>
            </p:cNvSpPr>
            <p:nvPr/>
          </p:nvSpPr>
          <p:spPr bwMode="auto">
            <a:xfrm>
              <a:off x="3005138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1" name="Line 15"/>
            <p:cNvSpPr>
              <a:spLocks noChangeShapeType="1"/>
            </p:cNvSpPr>
            <p:nvPr/>
          </p:nvSpPr>
          <p:spPr bwMode="auto">
            <a:xfrm>
              <a:off x="3005138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2" name="Freeform 16"/>
            <p:cNvSpPr>
              <a:spLocks/>
            </p:cNvSpPr>
            <p:nvPr/>
          </p:nvSpPr>
          <p:spPr bwMode="auto">
            <a:xfrm>
              <a:off x="3479801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3" name="Line 17"/>
            <p:cNvSpPr>
              <a:spLocks noChangeShapeType="1"/>
            </p:cNvSpPr>
            <p:nvPr/>
          </p:nvSpPr>
          <p:spPr bwMode="auto">
            <a:xfrm>
              <a:off x="3479801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4" name="Line 18"/>
            <p:cNvSpPr>
              <a:spLocks noChangeShapeType="1"/>
            </p:cNvSpPr>
            <p:nvPr/>
          </p:nvSpPr>
          <p:spPr bwMode="auto">
            <a:xfrm>
              <a:off x="3479801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5" name="Freeform 19"/>
            <p:cNvSpPr>
              <a:spLocks/>
            </p:cNvSpPr>
            <p:nvPr/>
          </p:nvSpPr>
          <p:spPr bwMode="auto">
            <a:xfrm>
              <a:off x="3954463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6" name="Line 20"/>
            <p:cNvSpPr>
              <a:spLocks noChangeShapeType="1"/>
            </p:cNvSpPr>
            <p:nvPr/>
          </p:nvSpPr>
          <p:spPr bwMode="auto">
            <a:xfrm>
              <a:off x="3954463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7" name="Line 21"/>
            <p:cNvSpPr>
              <a:spLocks noChangeShapeType="1"/>
            </p:cNvSpPr>
            <p:nvPr/>
          </p:nvSpPr>
          <p:spPr bwMode="auto">
            <a:xfrm>
              <a:off x="3954463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8" name="Freeform 22"/>
            <p:cNvSpPr>
              <a:spLocks/>
            </p:cNvSpPr>
            <p:nvPr/>
          </p:nvSpPr>
          <p:spPr bwMode="auto">
            <a:xfrm>
              <a:off x="4429126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9" name="Line 23"/>
            <p:cNvSpPr>
              <a:spLocks noChangeShapeType="1"/>
            </p:cNvSpPr>
            <p:nvPr/>
          </p:nvSpPr>
          <p:spPr bwMode="auto">
            <a:xfrm>
              <a:off x="4429126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0" name="Line 24"/>
            <p:cNvSpPr>
              <a:spLocks noChangeShapeType="1"/>
            </p:cNvSpPr>
            <p:nvPr/>
          </p:nvSpPr>
          <p:spPr bwMode="auto">
            <a:xfrm>
              <a:off x="4429126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1" name="Freeform 25"/>
            <p:cNvSpPr>
              <a:spLocks/>
            </p:cNvSpPr>
            <p:nvPr/>
          </p:nvSpPr>
          <p:spPr bwMode="auto">
            <a:xfrm>
              <a:off x="4903788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2" name="Line 26"/>
            <p:cNvSpPr>
              <a:spLocks noChangeShapeType="1"/>
            </p:cNvSpPr>
            <p:nvPr/>
          </p:nvSpPr>
          <p:spPr bwMode="auto">
            <a:xfrm>
              <a:off x="4903788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3" name="Line 27"/>
            <p:cNvSpPr>
              <a:spLocks noChangeShapeType="1"/>
            </p:cNvSpPr>
            <p:nvPr/>
          </p:nvSpPr>
          <p:spPr bwMode="auto">
            <a:xfrm>
              <a:off x="4903788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4" name="Freeform 28"/>
            <p:cNvSpPr>
              <a:spLocks/>
            </p:cNvSpPr>
            <p:nvPr/>
          </p:nvSpPr>
          <p:spPr bwMode="auto">
            <a:xfrm>
              <a:off x="5378451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5" name="Line 29"/>
            <p:cNvSpPr>
              <a:spLocks noChangeShapeType="1"/>
            </p:cNvSpPr>
            <p:nvPr/>
          </p:nvSpPr>
          <p:spPr bwMode="auto">
            <a:xfrm>
              <a:off x="5378451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6" name="Line 30"/>
            <p:cNvSpPr>
              <a:spLocks noChangeShapeType="1"/>
            </p:cNvSpPr>
            <p:nvPr/>
          </p:nvSpPr>
          <p:spPr bwMode="auto">
            <a:xfrm>
              <a:off x="5378451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7" name="Freeform 31"/>
            <p:cNvSpPr>
              <a:spLocks/>
            </p:cNvSpPr>
            <p:nvPr/>
          </p:nvSpPr>
          <p:spPr bwMode="auto">
            <a:xfrm>
              <a:off x="5843588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8" name="Line 32"/>
            <p:cNvSpPr>
              <a:spLocks noChangeShapeType="1"/>
            </p:cNvSpPr>
            <p:nvPr/>
          </p:nvSpPr>
          <p:spPr bwMode="auto">
            <a:xfrm>
              <a:off x="5843588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9" name="Line 33"/>
            <p:cNvSpPr>
              <a:spLocks noChangeShapeType="1"/>
            </p:cNvSpPr>
            <p:nvPr/>
          </p:nvSpPr>
          <p:spPr bwMode="auto">
            <a:xfrm>
              <a:off x="5843588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0" name="Freeform 34"/>
            <p:cNvSpPr>
              <a:spLocks/>
            </p:cNvSpPr>
            <p:nvPr/>
          </p:nvSpPr>
          <p:spPr bwMode="auto">
            <a:xfrm>
              <a:off x="6318251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1" name="Line 35"/>
            <p:cNvSpPr>
              <a:spLocks noChangeShapeType="1"/>
            </p:cNvSpPr>
            <p:nvPr/>
          </p:nvSpPr>
          <p:spPr bwMode="auto">
            <a:xfrm>
              <a:off x="6318251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2" name="Line 36"/>
            <p:cNvSpPr>
              <a:spLocks noChangeShapeType="1"/>
            </p:cNvSpPr>
            <p:nvPr/>
          </p:nvSpPr>
          <p:spPr bwMode="auto">
            <a:xfrm>
              <a:off x="6318251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3" name="Freeform 37"/>
            <p:cNvSpPr>
              <a:spLocks/>
            </p:cNvSpPr>
            <p:nvPr/>
          </p:nvSpPr>
          <p:spPr bwMode="auto">
            <a:xfrm>
              <a:off x="6792913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4" name="Line 38"/>
            <p:cNvSpPr>
              <a:spLocks noChangeShapeType="1"/>
            </p:cNvSpPr>
            <p:nvPr/>
          </p:nvSpPr>
          <p:spPr bwMode="auto">
            <a:xfrm>
              <a:off x="6792913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5" name="Line 39"/>
            <p:cNvSpPr>
              <a:spLocks noChangeShapeType="1"/>
            </p:cNvSpPr>
            <p:nvPr/>
          </p:nvSpPr>
          <p:spPr bwMode="auto">
            <a:xfrm>
              <a:off x="6792913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6" name="Freeform 40"/>
            <p:cNvSpPr>
              <a:spLocks/>
            </p:cNvSpPr>
            <p:nvPr/>
          </p:nvSpPr>
          <p:spPr bwMode="auto">
            <a:xfrm>
              <a:off x="7267576" y="1465262"/>
              <a:ext cx="0" cy="2762250"/>
            </a:xfrm>
            <a:custGeom>
              <a:avLst/>
              <a:gdLst>
                <a:gd name="T0" fmla="*/ 0 h 1740"/>
                <a:gd name="T1" fmla="*/ 1740 h 1740"/>
                <a:gd name="T2" fmla="*/ 0 h 1740"/>
              </a:gdLst>
              <a:ahLst/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l="0" t="0" r="r" b="b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7" name="Line 41"/>
            <p:cNvSpPr>
              <a:spLocks noChangeShapeType="1"/>
            </p:cNvSpPr>
            <p:nvPr/>
          </p:nvSpPr>
          <p:spPr bwMode="auto">
            <a:xfrm>
              <a:off x="7267576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8" name="Line 42"/>
            <p:cNvSpPr>
              <a:spLocks noChangeShapeType="1"/>
            </p:cNvSpPr>
            <p:nvPr/>
          </p:nvSpPr>
          <p:spPr bwMode="auto">
            <a:xfrm>
              <a:off x="7267576" y="1465262"/>
              <a:ext cx="0" cy="276225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9" name="Rectangle 43"/>
            <p:cNvSpPr>
              <a:spLocks noChangeArrowheads="1"/>
            </p:cNvSpPr>
            <p:nvPr/>
          </p:nvSpPr>
          <p:spPr bwMode="auto">
            <a:xfrm>
              <a:off x="1574802" y="4219575"/>
              <a:ext cx="5900738" cy="45719"/>
            </a:xfrm>
            <a:prstGeom prst="rect">
              <a:avLst/>
            </a:pr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0" name="Freeform 44"/>
            <p:cNvSpPr>
              <a:spLocks/>
            </p:cNvSpPr>
            <p:nvPr/>
          </p:nvSpPr>
          <p:spPr bwMode="auto">
            <a:xfrm>
              <a:off x="1590676" y="3770313"/>
              <a:ext cx="5884863" cy="0"/>
            </a:xfrm>
            <a:custGeom>
              <a:avLst/>
              <a:gdLst>
                <a:gd name="T0" fmla="*/ 0 w 3707"/>
                <a:gd name="T1" fmla="*/ 3707 w 3707"/>
                <a:gd name="T2" fmla="*/ 0 w 3707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l="0" t="0" r="r" b="b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1" name="Line 45"/>
            <p:cNvSpPr>
              <a:spLocks noChangeShapeType="1"/>
            </p:cNvSpPr>
            <p:nvPr/>
          </p:nvSpPr>
          <p:spPr bwMode="auto">
            <a:xfrm>
              <a:off x="1590676" y="3770313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2" name="Line 46"/>
            <p:cNvSpPr>
              <a:spLocks noChangeShapeType="1"/>
            </p:cNvSpPr>
            <p:nvPr/>
          </p:nvSpPr>
          <p:spPr bwMode="auto">
            <a:xfrm>
              <a:off x="1590676" y="3770313"/>
              <a:ext cx="5884863" cy="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3" name="Freeform 47"/>
            <p:cNvSpPr>
              <a:spLocks/>
            </p:cNvSpPr>
            <p:nvPr/>
          </p:nvSpPr>
          <p:spPr bwMode="auto">
            <a:xfrm>
              <a:off x="1590676" y="3311525"/>
              <a:ext cx="5884863" cy="0"/>
            </a:xfrm>
            <a:custGeom>
              <a:avLst/>
              <a:gdLst>
                <a:gd name="T0" fmla="*/ 0 w 3707"/>
                <a:gd name="T1" fmla="*/ 3707 w 3707"/>
                <a:gd name="T2" fmla="*/ 0 w 3707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l="0" t="0" r="r" b="b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4" name="Line 48"/>
            <p:cNvSpPr>
              <a:spLocks noChangeShapeType="1"/>
            </p:cNvSpPr>
            <p:nvPr/>
          </p:nvSpPr>
          <p:spPr bwMode="auto">
            <a:xfrm>
              <a:off x="1590676" y="3311525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5" name="Line 49"/>
            <p:cNvSpPr>
              <a:spLocks noChangeShapeType="1"/>
            </p:cNvSpPr>
            <p:nvPr/>
          </p:nvSpPr>
          <p:spPr bwMode="auto">
            <a:xfrm>
              <a:off x="1590676" y="3311525"/>
              <a:ext cx="5884863" cy="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6" name="Freeform 50"/>
            <p:cNvSpPr>
              <a:spLocks/>
            </p:cNvSpPr>
            <p:nvPr/>
          </p:nvSpPr>
          <p:spPr bwMode="auto">
            <a:xfrm>
              <a:off x="1590676" y="2862263"/>
              <a:ext cx="5884863" cy="0"/>
            </a:xfrm>
            <a:custGeom>
              <a:avLst/>
              <a:gdLst>
                <a:gd name="T0" fmla="*/ 0 w 3707"/>
                <a:gd name="T1" fmla="*/ 3707 w 3707"/>
                <a:gd name="T2" fmla="*/ 0 w 3707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l="0" t="0" r="r" b="b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7" name="Line 51"/>
            <p:cNvSpPr>
              <a:spLocks noChangeShapeType="1"/>
            </p:cNvSpPr>
            <p:nvPr/>
          </p:nvSpPr>
          <p:spPr bwMode="auto">
            <a:xfrm>
              <a:off x="1590676" y="2862263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8" name="Line 52"/>
            <p:cNvSpPr>
              <a:spLocks noChangeShapeType="1"/>
            </p:cNvSpPr>
            <p:nvPr/>
          </p:nvSpPr>
          <p:spPr bwMode="auto">
            <a:xfrm>
              <a:off x="1590676" y="2862263"/>
              <a:ext cx="5884863" cy="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9" name="Freeform 53"/>
            <p:cNvSpPr>
              <a:spLocks/>
            </p:cNvSpPr>
            <p:nvPr/>
          </p:nvSpPr>
          <p:spPr bwMode="auto">
            <a:xfrm>
              <a:off x="1590676" y="2405063"/>
              <a:ext cx="5884863" cy="0"/>
            </a:xfrm>
            <a:custGeom>
              <a:avLst/>
              <a:gdLst>
                <a:gd name="T0" fmla="*/ 0 w 3707"/>
                <a:gd name="T1" fmla="*/ 3707 w 3707"/>
                <a:gd name="T2" fmla="*/ 0 w 3707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l="0" t="0" r="r" b="b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0" name="Line 54"/>
            <p:cNvSpPr>
              <a:spLocks noChangeShapeType="1"/>
            </p:cNvSpPr>
            <p:nvPr/>
          </p:nvSpPr>
          <p:spPr bwMode="auto">
            <a:xfrm>
              <a:off x="1590676" y="2405063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1" name="Line 55"/>
            <p:cNvSpPr>
              <a:spLocks noChangeShapeType="1"/>
            </p:cNvSpPr>
            <p:nvPr/>
          </p:nvSpPr>
          <p:spPr bwMode="auto">
            <a:xfrm>
              <a:off x="1590676" y="2405063"/>
              <a:ext cx="5884863" cy="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2" name="Freeform 56"/>
            <p:cNvSpPr>
              <a:spLocks/>
            </p:cNvSpPr>
            <p:nvPr/>
          </p:nvSpPr>
          <p:spPr bwMode="auto">
            <a:xfrm>
              <a:off x="1590676" y="1947863"/>
              <a:ext cx="5884863" cy="0"/>
            </a:xfrm>
            <a:custGeom>
              <a:avLst/>
              <a:gdLst>
                <a:gd name="T0" fmla="*/ 0 w 3707"/>
                <a:gd name="T1" fmla="*/ 3707 w 3707"/>
                <a:gd name="T2" fmla="*/ 0 w 3707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l="0" t="0" r="r" b="b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3" name="Line 57"/>
            <p:cNvSpPr>
              <a:spLocks noChangeShapeType="1"/>
            </p:cNvSpPr>
            <p:nvPr/>
          </p:nvSpPr>
          <p:spPr bwMode="auto">
            <a:xfrm>
              <a:off x="1590676" y="1947863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4" name="Line 58"/>
            <p:cNvSpPr>
              <a:spLocks noChangeShapeType="1"/>
            </p:cNvSpPr>
            <p:nvPr/>
          </p:nvSpPr>
          <p:spPr bwMode="auto">
            <a:xfrm>
              <a:off x="1590676" y="1947863"/>
              <a:ext cx="5884863" cy="0"/>
            </a:xfrm>
            <a:prstGeom prst="line">
              <a:avLst/>
            </a:prstGeom>
            <a:noFill/>
            <a:ln w="5" cap="flat">
              <a:solidFill>
                <a:srgbClr val="B5B5B6"/>
              </a:solidFill>
              <a:prstDash val="solid"/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5" name="Rectangle 6"/>
            <p:cNvSpPr>
              <a:spLocks noChangeArrowheads="1"/>
            </p:cNvSpPr>
            <p:nvPr/>
          </p:nvSpPr>
          <p:spPr bwMode="auto">
            <a:xfrm>
              <a:off x="1574801" y="1465262"/>
              <a:ext cx="45719" cy="2762250"/>
            </a:xfrm>
            <a:prstGeom prst="rect">
              <a:avLst/>
            </a:pr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56" name="组合 55"/>
          <p:cNvGrpSpPr/>
          <p:nvPr/>
        </p:nvGrpSpPr>
        <p:grpSpPr>
          <a:xfrm>
            <a:off x="8951615" y="2847980"/>
            <a:ext cx="1308022" cy="313932"/>
            <a:chOff x="7541915" y="2189584"/>
            <a:chExt cx="1308022" cy="313932"/>
          </a:xfrm>
        </p:grpSpPr>
        <p:sp>
          <p:nvSpPr>
            <p:cNvPr id="57" name="矩形 56"/>
            <p:cNvSpPr/>
            <p:nvPr/>
          </p:nvSpPr>
          <p:spPr>
            <a:xfrm>
              <a:off x="7541915" y="2248025"/>
              <a:ext cx="180850" cy="180850"/>
            </a:xfrm>
            <a:prstGeom prst="rect">
              <a:avLst/>
            </a:prstGeom>
            <a:solidFill>
              <a:srgbClr val="F983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矩形 57"/>
            <p:cNvSpPr/>
            <p:nvPr/>
          </p:nvSpPr>
          <p:spPr>
            <a:xfrm>
              <a:off x="7741941" y="2189584"/>
              <a:ext cx="1107996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</p:grpSp>
      <p:grpSp>
        <p:nvGrpSpPr>
          <p:cNvPr id="59" name="组合 58"/>
          <p:cNvGrpSpPr/>
          <p:nvPr/>
        </p:nvGrpSpPr>
        <p:grpSpPr>
          <a:xfrm>
            <a:off x="8951615" y="3216048"/>
            <a:ext cx="1308022" cy="313932"/>
            <a:chOff x="7541915" y="2189584"/>
            <a:chExt cx="1308022" cy="313932"/>
          </a:xfrm>
        </p:grpSpPr>
        <p:sp>
          <p:nvSpPr>
            <p:cNvPr id="60" name="矩形 59"/>
            <p:cNvSpPr/>
            <p:nvPr/>
          </p:nvSpPr>
          <p:spPr>
            <a:xfrm>
              <a:off x="7541915" y="2248025"/>
              <a:ext cx="180850" cy="180850"/>
            </a:xfrm>
            <a:prstGeom prst="rect">
              <a:avLst/>
            </a:prstGeom>
            <a:solidFill>
              <a:srgbClr val="55777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1" name="矩形 60"/>
            <p:cNvSpPr/>
            <p:nvPr/>
          </p:nvSpPr>
          <p:spPr>
            <a:xfrm>
              <a:off x="7741941" y="2189584"/>
              <a:ext cx="1107996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Add text</a:t>
              </a:r>
            </a:p>
          </p:txBody>
        </p:sp>
      </p:grpSp>
      <p:grpSp>
        <p:nvGrpSpPr>
          <p:cNvPr id="62" name="组合 61"/>
          <p:cNvGrpSpPr/>
          <p:nvPr/>
        </p:nvGrpSpPr>
        <p:grpSpPr>
          <a:xfrm>
            <a:off x="2530477" y="2455086"/>
            <a:ext cx="5775325" cy="1462446"/>
            <a:chOff x="1006476" y="1733192"/>
            <a:chExt cx="5775325" cy="1462446"/>
          </a:xfrm>
        </p:grpSpPr>
        <p:grpSp>
          <p:nvGrpSpPr>
            <p:cNvPr id="63" name="组合 62"/>
            <p:cNvGrpSpPr/>
            <p:nvPr/>
          </p:nvGrpSpPr>
          <p:grpSpPr>
            <a:xfrm>
              <a:off x="1006476" y="2114550"/>
              <a:ext cx="5775325" cy="1081088"/>
              <a:chOff x="1582738" y="2114550"/>
              <a:chExt cx="5775325" cy="1081088"/>
            </a:xfrm>
            <a:solidFill>
              <a:srgbClr val="F98377"/>
            </a:solidFill>
          </p:grpSpPr>
          <p:sp>
            <p:nvSpPr>
              <p:cNvPr id="65" name="Freeform 59"/>
              <p:cNvSpPr>
                <a:spLocks/>
              </p:cNvSpPr>
              <p:nvPr/>
            </p:nvSpPr>
            <p:spPr bwMode="auto">
              <a:xfrm>
                <a:off x="1582738" y="2155825"/>
                <a:ext cx="5775325" cy="1022350"/>
              </a:xfrm>
              <a:custGeom>
                <a:avLst/>
                <a:gdLst>
                  <a:gd name="T0" fmla="*/ 5 w 3638"/>
                  <a:gd name="T1" fmla="*/ 644 h 644"/>
                  <a:gd name="T2" fmla="*/ 0 w 3638"/>
                  <a:gd name="T3" fmla="*/ 634 h 644"/>
                  <a:gd name="T4" fmla="*/ 398 w 3638"/>
                  <a:gd name="T5" fmla="*/ 346 h 644"/>
                  <a:gd name="T6" fmla="*/ 781 w 3638"/>
                  <a:gd name="T7" fmla="*/ 603 h 644"/>
                  <a:gd name="T8" fmla="*/ 1090 w 3638"/>
                  <a:gd name="T9" fmla="*/ 230 h 644"/>
                  <a:gd name="T10" fmla="*/ 1620 w 3638"/>
                  <a:gd name="T11" fmla="*/ 63 h 644"/>
                  <a:gd name="T12" fmla="*/ 1997 w 3638"/>
                  <a:gd name="T13" fmla="*/ 346 h 644"/>
                  <a:gd name="T14" fmla="*/ 2506 w 3638"/>
                  <a:gd name="T15" fmla="*/ 0 h 644"/>
                  <a:gd name="T16" fmla="*/ 2883 w 3638"/>
                  <a:gd name="T17" fmla="*/ 555 h 644"/>
                  <a:gd name="T18" fmla="*/ 3193 w 3638"/>
                  <a:gd name="T19" fmla="*/ 314 h 644"/>
                  <a:gd name="T20" fmla="*/ 3638 w 3638"/>
                  <a:gd name="T21" fmla="*/ 393 h 644"/>
                  <a:gd name="T22" fmla="*/ 3638 w 3638"/>
                  <a:gd name="T23" fmla="*/ 403 h 644"/>
                  <a:gd name="T24" fmla="*/ 3198 w 3638"/>
                  <a:gd name="T25" fmla="*/ 330 h 644"/>
                  <a:gd name="T26" fmla="*/ 2878 w 3638"/>
                  <a:gd name="T27" fmla="*/ 576 h 644"/>
                  <a:gd name="T28" fmla="*/ 2501 w 3638"/>
                  <a:gd name="T29" fmla="*/ 21 h 644"/>
                  <a:gd name="T30" fmla="*/ 1997 w 3638"/>
                  <a:gd name="T31" fmla="*/ 361 h 644"/>
                  <a:gd name="T32" fmla="*/ 1615 w 3638"/>
                  <a:gd name="T33" fmla="*/ 78 h 644"/>
                  <a:gd name="T34" fmla="*/ 1101 w 3638"/>
                  <a:gd name="T35" fmla="*/ 241 h 644"/>
                  <a:gd name="T36" fmla="*/ 781 w 3638"/>
                  <a:gd name="T37" fmla="*/ 618 h 644"/>
                  <a:gd name="T38" fmla="*/ 398 w 3638"/>
                  <a:gd name="T39" fmla="*/ 361 h 644"/>
                  <a:gd name="T40" fmla="*/ 5 w 3638"/>
                  <a:gd name="T41" fmla="*/ 644 h 64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</a:cxnLst>
                <a:rect l="0" t="0" r="r" b="b"/>
                <a:pathLst>
                  <a:path w="3638" h="644">
                    <a:moveTo>
                      <a:pt x="5" y="644"/>
                    </a:moveTo>
                    <a:lnTo>
                      <a:pt x="0" y="634"/>
                    </a:lnTo>
                    <a:lnTo>
                      <a:pt x="398" y="346"/>
                    </a:lnTo>
                    <a:lnTo>
                      <a:pt x="781" y="603"/>
                    </a:lnTo>
                    <a:lnTo>
                      <a:pt x="1090" y="230"/>
                    </a:lnTo>
                    <a:lnTo>
                      <a:pt x="1620" y="63"/>
                    </a:lnTo>
                    <a:lnTo>
                      <a:pt x="1997" y="346"/>
                    </a:lnTo>
                    <a:lnTo>
                      <a:pt x="2506" y="0"/>
                    </a:lnTo>
                    <a:lnTo>
                      <a:pt x="2883" y="555"/>
                    </a:lnTo>
                    <a:lnTo>
                      <a:pt x="3193" y="314"/>
                    </a:lnTo>
                    <a:lnTo>
                      <a:pt x="3638" y="393"/>
                    </a:lnTo>
                    <a:lnTo>
                      <a:pt x="3638" y="403"/>
                    </a:lnTo>
                    <a:lnTo>
                      <a:pt x="3198" y="330"/>
                    </a:lnTo>
                    <a:lnTo>
                      <a:pt x="2878" y="576"/>
                    </a:lnTo>
                    <a:lnTo>
                      <a:pt x="2501" y="21"/>
                    </a:lnTo>
                    <a:lnTo>
                      <a:pt x="1997" y="361"/>
                    </a:lnTo>
                    <a:lnTo>
                      <a:pt x="1615" y="78"/>
                    </a:lnTo>
                    <a:lnTo>
                      <a:pt x="1101" y="241"/>
                    </a:lnTo>
                    <a:lnTo>
                      <a:pt x="781" y="618"/>
                    </a:lnTo>
                    <a:lnTo>
                      <a:pt x="398" y="361"/>
                    </a:lnTo>
                    <a:lnTo>
                      <a:pt x="5" y="644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6" name="Oval 60"/>
              <p:cNvSpPr>
                <a:spLocks noChangeArrowheads="1"/>
              </p:cNvSpPr>
              <p:nvPr/>
            </p:nvSpPr>
            <p:spPr bwMode="auto">
              <a:xfrm>
                <a:off x="2147888" y="2654300"/>
                <a:ext cx="125413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7" name="Oval 61"/>
              <p:cNvSpPr>
                <a:spLocks noChangeArrowheads="1"/>
              </p:cNvSpPr>
              <p:nvPr/>
            </p:nvSpPr>
            <p:spPr bwMode="auto">
              <a:xfrm>
                <a:off x="2755901" y="3070225"/>
                <a:ext cx="125413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8" name="Oval 62"/>
              <p:cNvSpPr>
                <a:spLocks noChangeArrowheads="1"/>
              </p:cNvSpPr>
              <p:nvPr/>
            </p:nvSpPr>
            <p:spPr bwMode="auto">
              <a:xfrm>
                <a:off x="3263901" y="2471738"/>
                <a:ext cx="115888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9" name="Oval 63"/>
              <p:cNvSpPr>
                <a:spLocks noChangeArrowheads="1"/>
              </p:cNvSpPr>
              <p:nvPr/>
            </p:nvSpPr>
            <p:spPr bwMode="auto">
              <a:xfrm>
                <a:off x="4079876" y="2205038"/>
                <a:ext cx="123825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0" name="Oval 64"/>
              <p:cNvSpPr>
                <a:spLocks noChangeArrowheads="1"/>
              </p:cNvSpPr>
              <p:nvPr/>
            </p:nvSpPr>
            <p:spPr bwMode="auto">
              <a:xfrm>
                <a:off x="4686301" y="2638426"/>
                <a:ext cx="125413" cy="1333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1" name="Oval 65"/>
              <p:cNvSpPr>
                <a:spLocks noChangeArrowheads="1"/>
              </p:cNvSpPr>
              <p:nvPr/>
            </p:nvSpPr>
            <p:spPr bwMode="auto">
              <a:xfrm>
                <a:off x="5494338" y="2114550"/>
                <a:ext cx="125413" cy="115888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2" name="Oval 66"/>
              <p:cNvSpPr>
                <a:spLocks noChangeArrowheads="1"/>
              </p:cNvSpPr>
              <p:nvPr/>
            </p:nvSpPr>
            <p:spPr bwMode="auto">
              <a:xfrm>
                <a:off x="6094413" y="2995613"/>
                <a:ext cx="115888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3" name="Oval 67"/>
              <p:cNvSpPr>
                <a:spLocks noChangeArrowheads="1"/>
              </p:cNvSpPr>
              <p:nvPr/>
            </p:nvSpPr>
            <p:spPr bwMode="auto">
              <a:xfrm>
                <a:off x="6592888" y="2605088"/>
                <a:ext cx="125413" cy="123825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64" name="TextBox 63"/>
            <p:cNvSpPr txBox="1"/>
            <p:nvPr/>
          </p:nvSpPr>
          <p:spPr>
            <a:xfrm>
              <a:off x="4705608" y="1733192"/>
              <a:ext cx="453970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16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80</a:t>
              </a:r>
              <a:r>
                <a:rPr lang="en-US" altLang="zh-CN" sz="10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1600" dirty="0">
                <a:solidFill>
                  <a:schemeClr val="tx1">
                    <a:lumMod val="75000"/>
                    <a:lumOff val="25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  <p:grpSp>
        <p:nvGrpSpPr>
          <p:cNvPr id="74" name="组合 73"/>
          <p:cNvGrpSpPr/>
          <p:nvPr/>
        </p:nvGrpSpPr>
        <p:grpSpPr>
          <a:xfrm>
            <a:off x="2530476" y="2569387"/>
            <a:ext cx="5784850" cy="2332454"/>
            <a:chOff x="1006476" y="1847492"/>
            <a:chExt cx="5784850" cy="2332454"/>
          </a:xfrm>
        </p:grpSpPr>
        <p:grpSp>
          <p:nvGrpSpPr>
            <p:cNvPr id="75" name="组合 74"/>
            <p:cNvGrpSpPr/>
            <p:nvPr/>
          </p:nvGrpSpPr>
          <p:grpSpPr>
            <a:xfrm>
              <a:off x="1006476" y="2197100"/>
              <a:ext cx="5784850" cy="1847851"/>
              <a:chOff x="1582738" y="2197100"/>
              <a:chExt cx="5784850" cy="1847851"/>
            </a:xfrm>
          </p:grpSpPr>
          <p:sp>
            <p:nvSpPr>
              <p:cNvPr id="78" name="Freeform 68"/>
              <p:cNvSpPr>
                <a:spLocks/>
              </p:cNvSpPr>
              <p:nvPr/>
            </p:nvSpPr>
            <p:spPr bwMode="auto">
              <a:xfrm>
                <a:off x="1582738" y="2197100"/>
                <a:ext cx="5784850" cy="1804988"/>
              </a:xfrm>
              <a:custGeom>
                <a:avLst/>
                <a:gdLst>
                  <a:gd name="T0" fmla="*/ 1992 w 3644"/>
                  <a:gd name="T1" fmla="*/ 1137 h 1137"/>
                  <a:gd name="T2" fmla="*/ 1609 w 3644"/>
                  <a:gd name="T3" fmla="*/ 577 h 1137"/>
                  <a:gd name="T4" fmla="*/ 1096 w 3644"/>
                  <a:gd name="T5" fmla="*/ 414 h 1137"/>
                  <a:gd name="T6" fmla="*/ 776 w 3644"/>
                  <a:gd name="T7" fmla="*/ 288 h 1137"/>
                  <a:gd name="T8" fmla="*/ 398 w 3644"/>
                  <a:gd name="T9" fmla="*/ 52 h 1137"/>
                  <a:gd name="T10" fmla="*/ 10 w 3644"/>
                  <a:gd name="T11" fmla="*/ 1074 h 1137"/>
                  <a:gd name="T12" fmla="*/ 0 w 3644"/>
                  <a:gd name="T13" fmla="*/ 1069 h 1137"/>
                  <a:gd name="T14" fmla="*/ 393 w 3644"/>
                  <a:gd name="T15" fmla="*/ 31 h 1137"/>
                  <a:gd name="T16" fmla="*/ 781 w 3644"/>
                  <a:gd name="T17" fmla="*/ 278 h 1137"/>
                  <a:gd name="T18" fmla="*/ 1096 w 3644"/>
                  <a:gd name="T19" fmla="*/ 398 h 1137"/>
                  <a:gd name="T20" fmla="*/ 1620 w 3644"/>
                  <a:gd name="T21" fmla="*/ 566 h 1137"/>
                  <a:gd name="T22" fmla="*/ 1620 w 3644"/>
                  <a:gd name="T23" fmla="*/ 566 h 1137"/>
                  <a:gd name="T24" fmla="*/ 1992 w 3644"/>
                  <a:gd name="T25" fmla="*/ 1116 h 1137"/>
                  <a:gd name="T26" fmla="*/ 2501 w 3644"/>
                  <a:gd name="T27" fmla="*/ 493 h 1137"/>
                  <a:gd name="T28" fmla="*/ 2878 w 3644"/>
                  <a:gd name="T29" fmla="*/ 844 h 1137"/>
                  <a:gd name="T30" fmla="*/ 3193 w 3644"/>
                  <a:gd name="T31" fmla="*/ 556 h 1137"/>
                  <a:gd name="T32" fmla="*/ 3633 w 3644"/>
                  <a:gd name="T33" fmla="*/ 0 h 1137"/>
                  <a:gd name="T34" fmla="*/ 3644 w 3644"/>
                  <a:gd name="T35" fmla="*/ 10 h 1137"/>
                  <a:gd name="T36" fmla="*/ 3203 w 3644"/>
                  <a:gd name="T37" fmla="*/ 566 h 1137"/>
                  <a:gd name="T38" fmla="*/ 2878 w 3644"/>
                  <a:gd name="T39" fmla="*/ 860 h 1137"/>
                  <a:gd name="T40" fmla="*/ 2501 w 3644"/>
                  <a:gd name="T41" fmla="*/ 514 h 1137"/>
                  <a:gd name="T42" fmla="*/ 1992 w 3644"/>
                  <a:gd name="T43" fmla="*/ 1137 h 113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</a:cxnLst>
                <a:rect l="0" t="0" r="r" b="b"/>
                <a:pathLst>
                  <a:path w="3644" h="1137">
                    <a:moveTo>
                      <a:pt x="1992" y="1137"/>
                    </a:moveTo>
                    <a:lnTo>
                      <a:pt x="1609" y="577"/>
                    </a:lnTo>
                    <a:lnTo>
                      <a:pt x="1096" y="414"/>
                    </a:lnTo>
                    <a:lnTo>
                      <a:pt x="776" y="288"/>
                    </a:lnTo>
                    <a:lnTo>
                      <a:pt x="398" y="52"/>
                    </a:lnTo>
                    <a:lnTo>
                      <a:pt x="10" y="1074"/>
                    </a:lnTo>
                    <a:lnTo>
                      <a:pt x="0" y="1069"/>
                    </a:lnTo>
                    <a:lnTo>
                      <a:pt x="393" y="31"/>
                    </a:lnTo>
                    <a:lnTo>
                      <a:pt x="781" y="278"/>
                    </a:lnTo>
                    <a:lnTo>
                      <a:pt x="1096" y="398"/>
                    </a:lnTo>
                    <a:lnTo>
                      <a:pt x="1620" y="566"/>
                    </a:lnTo>
                    <a:lnTo>
                      <a:pt x="1620" y="566"/>
                    </a:lnTo>
                    <a:lnTo>
                      <a:pt x="1992" y="1116"/>
                    </a:lnTo>
                    <a:lnTo>
                      <a:pt x="2501" y="493"/>
                    </a:lnTo>
                    <a:lnTo>
                      <a:pt x="2878" y="844"/>
                    </a:lnTo>
                    <a:lnTo>
                      <a:pt x="3193" y="556"/>
                    </a:lnTo>
                    <a:lnTo>
                      <a:pt x="3633" y="0"/>
                    </a:lnTo>
                    <a:lnTo>
                      <a:pt x="3644" y="10"/>
                    </a:lnTo>
                    <a:lnTo>
                      <a:pt x="3203" y="566"/>
                    </a:lnTo>
                    <a:lnTo>
                      <a:pt x="2878" y="860"/>
                    </a:lnTo>
                    <a:lnTo>
                      <a:pt x="2501" y="514"/>
                    </a:lnTo>
                    <a:lnTo>
                      <a:pt x="1992" y="1137"/>
                    </a:lnTo>
                    <a:close/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9" name="Oval 69"/>
              <p:cNvSpPr>
                <a:spLocks noChangeArrowheads="1"/>
              </p:cNvSpPr>
              <p:nvPr/>
            </p:nvSpPr>
            <p:spPr bwMode="auto">
              <a:xfrm>
                <a:off x="2147888" y="2205038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0" name="Oval 70"/>
              <p:cNvSpPr>
                <a:spLocks noChangeArrowheads="1"/>
              </p:cNvSpPr>
              <p:nvPr/>
            </p:nvSpPr>
            <p:spPr bwMode="auto">
              <a:xfrm>
                <a:off x="2755901" y="2579688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1" name="Oval 71"/>
              <p:cNvSpPr>
                <a:spLocks noChangeArrowheads="1"/>
              </p:cNvSpPr>
              <p:nvPr/>
            </p:nvSpPr>
            <p:spPr bwMode="auto">
              <a:xfrm>
                <a:off x="3271838" y="2787650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2" name="Oval 72"/>
              <p:cNvSpPr>
                <a:spLocks noChangeArrowheads="1"/>
              </p:cNvSpPr>
              <p:nvPr/>
            </p:nvSpPr>
            <p:spPr bwMode="auto">
              <a:xfrm>
                <a:off x="4087813" y="3046413"/>
                <a:ext cx="115888" cy="115888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3" name="Oval 73"/>
              <p:cNvSpPr>
                <a:spLocks noChangeArrowheads="1"/>
              </p:cNvSpPr>
              <p:nvPr/>
            </p:nvSpPr>
            <p:spPr bwMode="auto">
              <a:xfrm>
                <a:off x="4686301" y="3919538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4" name="Oval 74"/>
              <p:cNvSpPr>
                <a:spLocks noChangeArrowheads="1"/>
              </p:cNvSpPr>
              <p:nvPr/>
            </p:nvSpPr>
            <p:spPr bwMode="auto">
              <a:xfrm>
                <a:off x="5494338" y="2946400"/>
                <a:ext cx="125413" cy="123825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5" name="Oval 75"/>
              <p:cNvSpPr>
                <a:spLocks noChangeArrowheads="1"/>
              </p:cNvSpPr>
              <p:nvPr/>
            </p:nvSpPr>
            <p:spPr bwMode="auto">
              <a:xfrm>
                <a:off x="6094413" y="3470275"/>
                <a:ext cx="115888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6" name="Oval 76"/>
              <p:cNvSpPr>
                <a:spLocks noChangeArrowheads="1"/>
              </p:cNvSpPr>
              <p:nvPr/>
            </p:nvSpPr>
            <p:spPr bwMode="auto">
              <a:xfrm>
                <a:off x="6592888" y="3003550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76" name="TextBox 75"/>
            <p:cNvSpPr txBox="1"/>
            <p:nvPr/>
          </p:nvSpPr>
          <p:spPr>
            <a:xfrm>
              <a:off x="4299208" y="3841392"/>
              <a:ext cx="453970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16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20</a:t>
              </a:r>
              <a:r>
                <a:rPr lang="en-US" altLang="zh-CN" sz="10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1600" dirty="0">
                <a:solidFill>
                  <a:schemeClr val="tx1">
                    <a:lumMod val="75000"/>
                    <a:lumOff val="25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  <p:sp>
          <p:nvSpPr>
            <p:cNvPr id="77" name="TextBox 76"/>
            <p:cNvSpPr txBox="1"/>
            <p:nvPr/>
          </p:nvSpPr>
          <p:spPr>
            <a:xfrm>
              <a:off x="1378208" y="1847492"/>
              <a:ext cx="453970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16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70</a:t>
              </a:r>
              <a:r>
                <a:rPr lang="en-US" altLang="zh-CN" sz="10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1600" dirty="0">
                <a:solidFill>
                  <a:schemeClr val="tx1">
                    <a:lumMod val="75000"/>
                    <a:lumOff val="25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8" presetClass="entr" presetSubtype="3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upRight)">
                                      <p:cBhvr>
                                        <p:cTn id="7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125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125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8" fill="hold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8" fill="hold" nodeType="withEffect">
                                  <p:stCondLst>
                                    <p:cond delay="325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849982" y="2233361"/>
            <a:ext cx="2756601" cy="2552700"/>
            <a:chOff x="2085975" y="1533525"/>
            <a:chExt cx="2756601" cy="2552700"/>
          </a:xfrm>
        </p:grpSpPr>
        <p:sp>
          <p:nvSpPr>
            <p:cNvPr id="3" name="TextBox 2"/>
            <p:cNvSpPr txBox="1"/>
            <p:nvPr/>
          </p:nvSpPr>
          <p:spPr>
            <a:xfrm>
              <a:off x="4542494" y="2525891"/>
              <a:ext cx="300082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7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90</a:t>
              </a:r>
              <a:r>
                <a:rPr lang="en-US" altLang="zh-CN" sz="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7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  <p:sp>
          <p:nvSpPr>
            <p:cNvPr id="4" name="Freeform 6"/>
            <p:cNvSpPr>
              <a:spLocks/>
            </p:cNvSpPr>
            <p:nvPr/>
          </p:nvSpPr>
          <p:spPr bwMode="auto">
            <a:xfrm>
              <a:off x="2438400" y="2743200"/>
              <a:ext cx="1984375" cy="990600"/>
            </a:xfrm>
            <a:custGeom>
              <a:avLst/>
              <a:gdLst>
                <a:gd name="T0" fmla="*/ 433 w 433"/>
                <a:gd name="T1" fmla="*/ 0 h 216"/>
                <a:gd name="T2" fmla="*/ 216 w 433"/>
                <a:gd name="T3" fmla="*/ 216 h 216"/>
                <a:gd name="T4" fmla="*/ 0 w 433"/>
                <a:gd name="T5" fmla="*/ 0 h 216"/>
                <a:gd name="T6" fmla="*/ 33 w 433"/>
                <a:gd name="T7" fmla="*/ 0 h 216"/>
                <a:gd name="T8" fmla="*/ 216 w 433"/>
                <a:gd name="T9" fmla="*/ 183 h 216"/>
                <a:gd name="T10" fmla="*/ 399 w 433"/>
                <a:gd name="T11" fmla="*/ 0 h 216"/>
                <a:gd name="T12" fmla="*/ 433 w 433"/>
                <a:gd name="T13" fmla="*/ 0 h 21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33" h="216">
                  <a:moveTo>
                    <a:pt x="433" y="0"/>
                  </a:moveTo>
                  <a:cubicBezTo>
                    <a:pt x="433" y="119"/>
                    <a:pt x="336" y="216"/>
                    <a:pt x="216" y="216"/>
                  </a:cubicBezTo>
                  <a:cubicBezTo>
                    <a:pt x="97" y="216"/>
                    <a:pt x="0" y="119"/>
                    <a:pt x="0" y="0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33" y="101"/>
                    <a:pt x="115" y="183"/>
                    <a:pt x="216" y="183"/>
                  </a:cubicBezTo>
                  <a:cubicBezTo>
                    <a:pt x="317" y="183"/>
                    <a:pt x="399" y="101"/>
                    <a:pt x="399" y="0"/>
                  </a:cubicBezTo>
                  <a:lnTo>
                    <a:pt x="433" y="0"/>
                  </a:lnTo>
                  <a:close/>
                </a:path>
              </a:pathLst>
            </a:cu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/>
            </a:p>
          </p:txBody>
        </p:sp>
        <p:sp>
          <p:nvSpPr>
            <p:cNvPr id="5" name="Freeform 7"/>
            <p:cNvSpPr>
              <a:spLocks/>
            </p:cNvSpPr>
            <p:nvPr/>
          </p:nvSpPr>
          <p:spPr bwMode="auto">
            <a:xfrm>
              <a:off x="2260600" y="2009775"/>
              <a:ext cx="2339975" cy="1901825"/>
            </a:xfrm>
            <a:custGeom>
              <a:avLst/>
              <a:gdLst>
                <a:gd name="T0" fmla="*/ 511 w 511"/>
                <a:gd name="T1" fmla="*/ 160 h 415"/>
                <a:gd name="T2" fmla="*/ 255 w 511"/>
                <a:gd name="T3" fmla="*/ 415 h 415"/>
                <a:gd name="T4" fmla="*/ 0 w 511"/>
                <a:gd name="T5" fmla="*/ 160 h 415"/>
                <a:gd name="T6" fmla="*/ 57 w 511"/>
                <a:gd name="T7" fmla="*/ 0 h 415"/>
                <a:gd name="T8" fmla="*/ 83 w 511"/>
                <a:gd name="T9" fmla="*/ 21 h 415"/>
                <a:gd name="T10" fmla="*/ 34 w 511"/>
                <a:gd name="T11" fmla="*/ 160 h 415"/>
                <a:gd name="T12" fmla="*/ 255 w 511"/>
                <a:gd name="T13" fmla="*/ 382 h 415"/>
                <a:gd name="T14" fmla="*/ 477 w 511"/>
                <a:gd name="T15" fmla="*/ 160 h 415"/>
                <a:gd name="T16" fmla="*/ 511 w 511"/>
                <a:gd name="T17" fmla="*/ 160 h 41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511" h="415">
                  <a:moveTo>
                    <a:pt x="511" y="160"/>
                  </a:moveTo>
                  <a:cubicBezTo>
                    <a:pt x="511" y="301"/>
                    <a:pt x="396" y="415"/>
                    <a:pt x="255" y="415"/>
                  </a:cubicBezTo>
                  <a:cubicBezTo>
                    <a:pt x="115" y="415"/>
                    <a:pt x="0" y="301"/>
                    <a:pt x="0" y="160"/>
                  </a:cubicBezTo>
                  <a:cubicBezTo>
                    <a:pt x="0" y="99"/>
                    <a:pt x="21" y="43"/>
                    <a:pt x="57" y="0"/>
                  </a:cubicBezTo>
                  <a:cubicBezTo>
                    <a:pt x="83" y="21"/>
                    <a:pt x="83" y="21"/>
                    <a:pt x="83" y="21"/>
                  </a:cubicBezTo>
                  <a:cubicBezTo>
                    <a:pt x="52" y="59"/>
                    <a:pt x="34" y="107"/>
                    <a:pt x="34" y="160"/>
                  </a:cubicBezTo>
                  <a:cubicBezTo>
                    <a:pt x="34" y="282"/>
                    <a:pt x="133" y="382"/>
                    <a:pt x="255" y="382"/>
                  </a:cubicBezTo>
                  <a:cubicBezTo>
                    <a:pt x="378" y="382"/>
                    <a:pt x="477" y="282"/>
                    <a:pt x="477" y="160"/>
                  </a:cubicBezTo>
                  <a:lnTo>
                    <a:pt x="511" y="160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" name="Freeform 8"/>
            <p:cNvSpPr>
              <a:spLocks/>
            </p:cNvSpPr>
            <p:nvPr/>
          </p:nvSpPr>
          <p:spPr bwMode="auto">
            <a:xfrm>
              <a:off x="2085975" y="1533525"/>
              <a:ext cx="2689225" cy="2552700"/>
            </a:xfrm>
            <a:custGeom>
              <a:avLst/>
              <a:gdLst>
                <a:gd name="T0" fmla="*/ 587 w 587"/>
                <a:gd name="T1" fmla="*/ 264 h 557"/>
                <a:gd name="T2" fmla="*/ 293 w 587"/>
                <a:gd name="T3" fmla="*/ 557 h 557"/>
                <a:gd name="T4" fmla="*/ 0 w 587"/>
                <a:gd name="T5" fmla="*/ 264 h 557"/>
                <a:gd name="T6" fmla="*/ 165 w 587"/>
                <a:gd name="T7" fmla="*/ 0 h 557"/>
                <a:gd name="T8" fmla="*/ 179 w 587"/>
                <a:gd name="T9" fmla="*/ 30 h 557"/>
                <a:gd name="T10" fmla="*/ 33 w 587"/>
                <a:gd name="T11" fmla="*/ 264 h 557"/>
                <a:gd name="T12" fmla="*/ 293 w 587"/>
                <a:gd name="T13" fmla="*/ 524 h 557"/>
                <a:gd name="T14" fmla="*/ 553 w 587"/>
                <a:gd name="T15" fmla="*/ 264 h 557"/>
                <a:gd name="T16" fmla="*/ 587 w 587"/>
                <a:gd name="T17" fmla="*/ 264 h 5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587" h="557">
                  <a:moveTo>
                    <a:pt x="587" y="264"/>
                  </a:moveTo>
                  <a:cubicBezTo>
                    <a:pt x="587" y="426"/>
                    <a:pt x="455" y="557"/>
                    <a:pt x="293" y="557"/>
                  </a:cubicBezTo>
                  <a:cubicBezTo>
                    <a:pt x="132" y="557"/>
                    <a:pt x="0" y="426"/>
                    <a:pt x="0" y="264"/>
                  </a:cubicBezTo>
                  <a:cubicBezTo>
                    <a:pt x="0" y="148"/>
                    <a:pt x="67" y="48"/>
                    <a:pt x="165" y="0"/>
                  </a:cubicBezTo>
                  <a:cubicBezTo>
                    <a:pt x="179" y="30"/>
                    <a:pt x="179" y="30"/>
                    <a:pt x="179" y="30"/>
                  </a:cubicBezTo>
                  <a:cubicBezTo>
                    <a:pt x="93" y="73"/>
                    <a:pt x="33" y="161"/>
                    <a:pt x="33" y="264"/>
                  </a:cubicBezTo>
                  <a:cubicBezTo>
                    <a:pt x="33" y="407"/>
                    <a:pt x="150" y="524"/>
                    <a:pt x="293" y="524"/>
                  </a:cubicBezTo>
                  <a:cubicBezTo>
                    <a:pt x="437" y="524"/>
                    <a:pt x="553" y="407"/>
                    <a:pt x="553" y="264"/>
                  </a:cubicBezTo>
                  <a:lnTo>
                    <a:pt x="587" y="264"/>
                  </a:lnTo>
                  <a:close/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4142444" y="2525891"/>
              <a:ext cx="300082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7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60</a:t>
              </a:r>
              <a:r>
                <a:rPr lang="en-US" altLang="zh-CN" sz="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7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4347231" y="2525891"/>
              <a:ext cx="300082" cy="20005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7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70</a:t>
              </a:r>
              <a:r>
                <a:rPr lang="en-US" altLang="zh-CN" sz="4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7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  <p:grpSp>
        <p:nvGrpSpPr>
          <p:cNvPr id="9" name="组合 8"/>
          <p:cNvGrpSpPr/>
          <p:nvPr/>
        </p:nvGrpSpPr>
        <p:grpSpPr>
          <a:xfrm>
            <a:off x="3335758" y="2197457"/>
            <a:ext cx="5709033" cy="531204"/>
            <a:chOff x="1924050" y="1764321"/>
            <a:chExt cx="5709033" cy="531204"/>
          </a:xfrm>
        </p:grpSpPr>
        <p:sp>
          <p:nvSpPr>
            <p:cNvPr id="10" name="矩形 9"/>
            <p:cNvSpPr/>
            <p:nvPr/>
          </p:nvSpPr>
          <p:spPr>
            <a:xfrm>
              <a:off x="6832864" y="1764321"/>
              <a:ext cx="800219" cy="27699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Add text</a:t>
              </a:r>
              <a:endParaRPr lang="zh-CN" altLang="en-US" sz="1200" dirty="0"/>
            </a:p>
          </p:txBody>
        </p:sp>
        <p:sp>
          <p:nvSpPr>
            <p:cNvPr id="11" name="任意多边形 10"/>
            <p:cNvSpPr/>
            <p:nvPr/>
          </p:nvSpPr>
          <p:spPr>
            <a:xfrm>
              <a:off x="1924050" y="1857375"/>
              <a:ext cx="4838700" cy="438150"/>
            </a:xfrm>
            <a:custGeom>
              <a:avLst/>
              <a:gdLst>
                <a:gd name="connsiteX0" fmla="*/ 0 w 4838700"/>
                <a:gd name="connsiteY0" fmla="*/ 438150 h 438150"/>
                <a:gd name="connsiteX1" fmla="*/ 4400550 w 4838700"/>
                <a:gd name="connsiteY1" fmla="*/ 438150 h 438150"/>
                <a:gd name="connsiteX2" fmla="*/ 4838700 w 4838700"/>
                <a:gd name="connsiteY2" fmla="*/ 0 h 43815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4838700" h="438150">
                  <a:moveTo>
                    <a:pt x="0" y="438150"/>
                  </a:moveTo>
                  <a:lnTo>
                    <a:pt x="4400550" y="438150"/>
                  </a:lnTo>
                  <a:lnTo>
                    <a:pt x="4838700" y="0"/>
                  </a:lnTo>
                </a:path>
              </a:pathLst>
            </a:custGeom>
            <a:noFill/>
            <a:ln w="12700">
              <a:prstDash val="sysDot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2" name="组合 11"/>
          <p:cNvGrpSpPr/>
          <p:nvPr/>
        </p:nvGrpSpPr>
        <p:grpSpPr>
          <a:xfrm>
            <a:off x="3686226" y="1803758"/>
            <a:ext cx="4583865" cy="481143"/>
            <a:chOff x="2274518" y="1370621"/>
            <a:chExt cx="4583865" cy="481143"/>
          </a:xfrm>
        </p:grpSpPr>
        <p:sp>
          <p:nvSpPr>
            <p:cNvPr id="13" name="任意多边形 12"/>
            <p:cNvSpPr/>
            <p:nvPr/>
          </p:nvSpPr>
          <p:spPr>
            <a:xfrm>
              <a:off x="2274518" y="1445364"/>
              <a:ext cx="3695700" cy="406400"/>
            </a:xfrm>
            <a:custGeom>
              <a:avLst/>
              <a:gdLst>
                <a:gd name="connsiteX0" fmla="*/ 0 w 3695700"/>
                <a:gd name="connsiteY0" fmla="*/ 406400 h 406400"/>
                <a:gd name="connsiteX1" fmla="*/ 3289300 w 3695700"/>
                <a:gd name="connsiteY1" fmla="*/ 406400 h 406400"/>
                <a:gd name="connsiteX2" fmla="*/ 3695700 w 3695700"/>
                <a:gd name="connsiteY2" fmla="*/ 0 h 4064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3695700" h="406400">
                  <a:moveTo>
                    <a:pt x="0" y="406400"/>
                  </a:moveTo>
                  <a:lnTo>
                    <a:pt x="3289300" y="406400"/>
                  </a:lnTo>
                  <a:lnTo>
                    <a:pt x="3695700" y="0"/>
                  </a:lnTo>
                </a:path>
              </a:pathLst>
            </a:custGeom>
            <a:noFill/>
            <a:ln w="12700">
              <a:prstDash val="sysDot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4" name="矩形 13"/>
            <p:cNvSpPr/>
            <p:nvPr/>
          </p:nvSpPr>
          <p:spPr>
            <a:xfrm>
              <a:off x="6058164" y="1370621"/>
              <a:ext cx="800219" cy="27699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Add text</a:t>
              </a:r>
              <a:endParaRPr lang="zh-CN" altLang="en-US" sz="1200" dirty="0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211932" y="2921359"/>
            <a:ext cx="4664459" cy="496279"/>
            <a:chOff x="1800224" y="2488221"/>
            <a:chExt cx="4664459" cy="496279"/>
          </a:xfrm>
        </p:grpSpPr>
        <p:sp>
          <p:nvSpPr>
            <p:cNvPr id="16" name="任意多边形 15"/>
            <p:cNvSpPr/>
            <p:nvPr/>
          </p:nvSpPr>
          <p:spPr>
            <a:xfrm>
              <a:off x="1800224" y="2578100"/>
              <a:ext cx="3787775" cy="406400"/>
            </a:xfrm>
            <a:custGeom>
              <a:avLst/>
              <a:gdLst>
                <a:gd name="connsiteX0" fmla="*/ 0 w 3695700"/>
                <a:gd name="connsiteY0" fmla="*/ 406400 h 406400"/>
                <a:gd name="connsiteX1" fmla="*/ 3289300 w 3695700"/>
                <a:gd name="connsiteY1" fmla="*/ 406400 h 406400"/>
                <a:gd name="connsiteX2" fmla="*/ 3695700 w 3695700"/>
                <a:gd name="connsiteY2" fmla="*/ 0 h 406400"/>
                <a:gd name="connsiteX0" fmla="*/ 0 w 3787775"/>
                <a:gd name="connsiteY0" fmla="*/ 406400 h 406400"/>
                <a:gd name="connsiteX1" fmla="*/ 3381375 w 3787775"/>
                <a:gd name="connsiteY1" fmla="*/ 406400 h 406400"/>
                <a:gd name="connsiteX2" fmla="*/ 3787775 w 3787775"/>
                <a:gd name="connsiteY2" fmla="*/ 0 h 4064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3787775" h="406400">
                  <a:moveTo>
                    <a:pt x="0" y="406400"/>
                  </a:moveTo>
                  <a:lnTo>
                    <a:pt x="3381375" y="406400"/>
                  </a:lnTo>
                  <a:lnTo>
                    <a:pt x="3787775" y="0"/>
                  </a:lnTo>
                </a:path>
              </a:pathLst>
            </a:custGeom>
            <a:noFill/>
            <a:ln w="12700">
              <a:prstDash val="sysDot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5664464" y="2488221"/>
              <a:ext cx="800219" cy="27699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200" kern="0" dirty="0">
                  <a:latin typeface="微软雅黑" pitchFamily="34" charset="-122"/>
                  <a:ea typeface="微软雅黑" pitchFamily="34" charset="-122"/>
                </a:rPr>
                <a:t>Add text</a:t>
              </a:r>
              <a:endParaRPr lang="zh-CN" altLang="en-US" sz="1200" dirty="0"/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7355305" y="3887084"/>
            <a:ext cx="640185" cy="830907"/>
            <a:chOff x="5740399" y="3381375"/>
            <a:chExt cx="640185" cy="830907"/>
          </a:xfrm>
        </p:grpSpPr>
        <p:sp>
          <p:nvSpPr>
            <p:cNvPr id="19" name="矩形 18"/>
            <p:cNvSpPr/>
            <p:nvPr/>
          </p:nvSpPr>
          <p:spPr>
            <a:xfrm>
              <a:off x="5740399" y="3695700"/>
              <a:ext cx="640185" cy="218678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20" name="Freeform 22"/>
            <p:cNvSpPr>
              <a:spLocks noEditPoints="1"/>
            </p:cNvSpPr>
            <p:nvPr/>
          </p:nvSpPr>
          <p:spPr bwMode="auto">
            <a:xfrm>
              <a:off x="5897563" y="3381375"/>
              <a:ext cx="314325" cy="244475"/>
            </a:xfrm>
            <a:custGeom>
              <a:avLst/>
              <a:gdLst>
                <a:gd name="T0" fmla="*/ 17 w 84"/>
                <a:gd name="T1" fmla="*/ 36 h 65"/>
                <a:gd name="T2" fmla="*/ 11 w 84"/>
                <a:gd name="T3" fmla="*/ 59 h 65"/>
                <a:gd name="T4" fmla="*/ 27 w 84"/>
                <a:gd name="T5" fmla="*/ 59 h 65"/>
                <a:gd name="T6" fmla="*/ 41 w 84"/>
                <a:gd name="T7" fmla="*/ 65 h 65"/>
                <a:gd name="T8" fmla="*/ 55 w 84"/>
                <a:gd name="T9" fmla="*/ 59 h 65"/>
                <a:gd name="T10" fmla="*/ 70 w 84"/>
                <a:gd name="T11" fmla="*/ 59 h 65"/>
                <a:gd name="T12" fmla="*/ 65 w 84"/>
                <a:gd name="T13" fmla="*/ 36 h 65"/>
                <a:gd name="T14" fmla="*/ 69 w 84"/>
                <a:gd name="T15" fmla="*/ 36 h 65"/>
                <a:gd name="T16" fmla="*/ 69 w 84"/>
                <a:gd name="T17" fmla="*/ 22 h 65"/>
                <a:gd name="T18" fmla="*/ 78 w 84"/>
                <a:gd name="T19" fmla="*/ 20 h 65"/>
                <a:gd name="T20" fmla="*/ 78 w 84"/>
                <a:gd name="T21" fmla="*/ 27 h 65"/>
                <a:gd name="T22" fmla="*/ 76 w 84"/>
                <a:gd name="T23" fmla="*/ 41 h 65"/>
                <a:gd name="T24" fmla="*/ 83 w 84"/>
                <a:gd name="T25" fmla="*/ 41 h 65"/>
                <a:gd name="T26" fmla="*/ 81 w 84"/>
                <a:gd name="T27" fmla="*/ 27 h 65"/>
                <a:gd name="T28" fmla="*/ 81 w 84"/>
                <a:gd name="T29" fmla="*/ 19 h 65"/>
                <a:gd name="T30" fmla="*/ 84 w 84"/>
                <a:gd name="T31" fmla="*/ 18 h 65"/>
                <a:gd name="T32" fmla="*/ 84 w 84"/>
                <a:gd name="T33" fmla="*/ 12 h 65"/>
                <a:gd name="T34" fmla="*/ 42 w 84"/>
                <a:gd name="T35" fmla="*/ 0 h 65"/>
                <a:gd name="T36" fmla="*/ 0 w 84"/>
                <a:gd name="T37" fmla="*/ 12 h 65"/>
                <a:gd name="T38" fmla="*/ 0 w 84"/>
                <a:gd name="T39" fmla="*/ 18 h 65"/>
                <a:gd name="T40" fmla="*/ 15 w 84"/>
                <a:gd name="T41" fmla="*/ 23 h 65"/>
                <a:gd name="T42" fmla="*/ 15 w 84"/>
                <a:gd name="T43" fmla="*/ 36 h 65"/>
                <a:gd name="T44" fmla="*/ 17 w 84"/>
                <a:gd name="T45" fmla="*/ 36 h 65"/>
                <a:gd name="T46" fmla="*/ 57 w 84"/>
                <a:gd name="T47" fmla="*/ 36 h 65"/>
                <a:gd name="T48" fmla="*/ 58 w 84"/>
                <a:gd name="T49" fmla="*/ 39 h 65"/>
                <a:gd name="T50" fmla="*/ 53 w 84"/>
                <a:gd name="T51" fmla="*/ 53 h 65"/>
                <a:gd name="T52" fmla="*/ 41 w 84"/>
                <a:gd name="T53" fmla="*/ 59 h 65"/>
                <a:gd name="T54" fmla="*/ 30 w 84"/>
                <a:gd name="T55" fmla="*/ 53 h 65"/>
                <a:gd name="T56" fmla="*/ 25 w 84"/>
                <a:gd name="T57" fmla="*/ 39 h 65"/>
                <a:gd name="T58" fmla="*/ 25 w 84"/>
                <a:gd name="T59" fmla="*/ 36 h 65"/>
                <a:gd name="T60" fmla="*/ 57 w 84"/>
                <a:gd name="T61" fmla="*/ 36 h 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84" h="65">
                  <a:moveTo>
                    <a:pt x="17" y="36"/>
                  </a:moveTo>
                  <a:cubicBezTo>
                    <a:pt x="11" y="59"/>
                    <a:pt x="11" y="59"/>
                    <a:pt x="11" y="59"/>
                  </a:cubicBezTo>
                  <a:cubicBezTo>
                    <a:pt x="27" y="59"/>
                    <a:pt x="27" y="59"/>
                    <a:pt x="27" y="59"/>
                  </a:cubicBezTo>
                  <a:cubicBezTo>
                    <a:pt x="31" y="63"/>
                    <a:pt x="36" y="65"/>
                    <a:pt x="41" y="65"/>
                  </a:cubicBezTo>
                  <a:cubicBezTo>
                    <a:pt x="46" y="65"/>
                    <a:pt x="51" y="63"/>
                    <a:pt x="55" y="59"/>
                  </a:cubicBezTo>
                  <a:cubicBezTo>
                    <a:pt x="70" y="59"/>
                    <a:pt x="70" y="59"/>
                    <a:pt x="70" y="59"/>
                  </a:cubicBezTo>
                  <a:cubicBezTo>
                    <a:pt x="65" y="36"/>
                    <a:pt x="65" y="36"/>
                    <a:pt x="65" y="36"/>
                  </a:cubicBezTo>
                  <a:cubicBezTo>
                    <a:pt x="69" y="36"/>
                    <a:pt x="69" y="36"/>
                    <a:pt x="69" y="36"/>
                  </a:cubicBezTo>
                  <a:cubicBezTo>
                    <a:pt x="69" y="22"/>
                    <a:pt x="69" y="22"/>
                    <a:pt x="69" y="22"/>
                  </a:cubicBezTo>
                  <a:cubicBezTo>
                    <a:pt x="78" y="20"/>
                    <a:pt x="78" y="20"/>
                    <a:pt x="78" y="20"/>
                  </a:cubicBezTo>
                  <a:cubicBezTo>
                    <a:pt x="78" y="27"/>
                    <a:pt x="78" y="27"/>
                    <a:pt x="78" y="27"/>
                  </a:cubicBezTo>
                  <a:cubicBezTo>
                    <a:pt x="76" y="41"/>
                    <a:pt x="76" y="41"/>
                    <a:pt x="76" y="41"/>
                  </a:cubicBezTo>
                  <a:cubicBezTo>
                    <a:pt x="83" y="41"/>
                    <a:pt x="83" y="41"/>
                    <a:pt x="83" y="41"/>
                  </a:cubicBezTo>
                  <a:cubicBezTo>
                    <a:pt x="81" y="27"/>
                    <a:pt x="81" y="27"/>
                    <a:pt x="81" y="27"/>
                  </a:cubicBezTo>
                  <a:cubicBezTo>
                    <a:pt x="81" y="19"/>
                    <a:pt x="81" y="19"/>
                    <a:pt x="81" y="19"/>
                  </a:cubicBezTo>
                  <a:cubicBezTo>
                    <a:pt x="84" y="18"/>
                    <a:pt x="84" y="18"/>
                    <a:pt x="84" y="18"/>
                  </a:cubicBezTo>
                  <a:cubicBezTo>
                    <a:pt x="84" y="12"/>
                    <a:pt x="84" y="12"/>
                    <a:pt x="84" y="12"/>
                  </a:cubicBezTo>
                  <a:cubicBezTo>
                    <a:pt x="42" y="0"/>
                    <a:pt x="42" y="0"/>
                    <a:pt x="42" y="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8"/>
                    <a:pt x="0" y="18"/>
                    <a:pt x="0" y="18"/>
                  </a:cubicBezTo>
                  <a:cubicBezTo>
                    <a:pt x="15" y="23"/>
                    <a:pt x="15" y="23"/>
                    <a:pt x="15" y="23"/>
                  </a:cubicBezTo>
                  <a:cubicBezTo>
                    <a:pt x="15" y="36"/>
                    <a:pt x="15" y="36"/>
                    <a:pt x="15" y="36"/>
                  </a:cubicBezTo>
                  <a:cubicBezTo>
                    <a:pt x="17" y="36"/>
                    <a:pt x="17" y="36"/>
                    <a:pt x="17" y="36"/>
                  </a:cubicBezTo>
                  <a:close/>
                  <a:moveTo>
                    <a:pt x="57" y="36"/>
                  </a:moveTo>
                  <a:cubicBezTo>
                    <a:pt x="57" y="37"/>
                    <a:pt x="58" y="38"/>
                    <a:pt x="58" y="39"/>
                  </a:cubicBezTo>
                  <a:cubicBezTo>
                    <a:pt x="58" y="44"/>
                    <a:pt x="56" y="49"/>
                    <a:pt x="53" y="53"/>
                  </a:cubicBezTo>
                  <a:cubicBezTo>
                    <a:pt x="50" y="56"/>
                    <a:pt x="45" y="59"/>
                    <a:pt x="41" y="59"/>
                  </a:cubicBezTo>
                  <a:cubicBezTo>
                    <a:pt x="37" y="59"/>
                    <a:pt x="33" y="56"/>
                    <a:pt x="30" y="53"/>
                  </a:cubicBezTo>
                  <a:cubicBezTo>
                    <a:pt x="26" y="49"/>
                    <a:pt x="25" y="44"/>
                    <a:pt x="25" y="39"/>
                  </a:cubicBezTo>
                  <a:cubicBezTo>
                    <a:pt x="25" y="38"/>
                    <a:pt x="25" y="37"/>
                    <a:pt x="25" y="36"/>
                  </a:cubicBezTo>
                  <a:lnTo>
                    <a:pt x="57" y="36"/>
                  </a:ln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5843723" y="3981450"/>
              <a:ext cx="338554" cy="2308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9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90</a:t>
              </a:r>
              <a:r>
                <a:rPr lang="en-US" altLang="zh-CN" sz="6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9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  <p:grpSp>
        <p:nvGrpSpPr>
          <p:cNvPr id="22" name="组合 21"/>
          <p:cNvGrpSpPr/>
          <p:nvPr/>
        </p:nvGrpSpPr>
        <p:grpSpPr>
          <a:xfrm>
            <a:off x="9196807" y="3887084"/>
            <a:ext cx="640185" cy="830907"/>
            <a:chOff x="7581899" y="3381375"/>
            <a:chExt cx="640185" cy="830907"/>
          </a:xfrm>
        </p:grpSpPr>
        <p:sp>
          <p:nvSpPr>
            <p:cNvPr id="23" name="矩形 22"/>
            <p:cNvSpPr/>
            <p:nvPr/>
          </p:nvSpPr>
          <p:spPr>
            <a:xfrm>
              <a:off x="7581899" y="3695700"/>
              <a:ext cx="640185" cy="218678"/>
            </a:xfrm>
            <a:prstGeom prst="rect">
              <a:avLst/>
            </a:prstGeom>
            <a:solidFill>
              <a:srgbClr val="9DB9B6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4" name="Freeform 22"/>
            <p:cNvSpPr>
              <a:spLocks noEditPoints="1"/>
            </p:cNvSpPr>
            <p:nvPr/>
          </p:nvSpPr>
          <p:spPr bwMode="auto">
            <a:xfrm>
              <a:off x="7739063" y="3381375"/>
              <a:ext cx="314325" cy="244475"/>
            </a:xfrm>
            <a:custGeom>
              <a:avLst/>
              <a:gdLst>
                <a:gd name="T0" fmla="*/ 17 w 84"/>
                <a:gd name="T1" fmla="*/ 36 h 65"/>
                <a:gd name="T2" fmla="*/ 11 w 84"/>
                <a:gd name="T3" fmla="*/ 59 h 65"/>
                <a:gd name="T4" fmla="*/ 27 w 84"/>
                <a:gd name="T5" fmla="*/ 59 h 65"/>
                <a:gd name="T6" fmla="*/ 41 w 84"/>
                <a:gd name="T7" fmla="*/ 65 h 65"/>
                <a:gd name="T8" fmla="*/ 55 w 84"/>
                <a:gd name="T9" fmla="*/ 59 h 65"/>
                <a:gd name="T10" fmla="*/ 70 w 84"/>
                <a:gd name="T11" fmla="*/ 59 h 65"/>
                <a:gd name="T12" fmla="*/ 65 w 84"/>
                <a:gd name="T13" fmla="*/ 36 h 65"/>
                <a:gd name="T14" fmla="*/ 69 w 84"/>
                <a:gd name="T15" fmla="*/ 36 h 65"/>
                <a:gd name="T16" fmla="*/ 69 w 84"/>
                <a:gd name="T17" fmla="*/ 22 h 65"/>
                <a:gd name="T18" fmla="*/ 78 w 84"/>
                <a:gd name="T19" fmla="*/ 20 h 65"/>
                <a:gd name="T20" fmla="*/ 78 w 84"/>
                <a:gd name="T21" fmla="*/ 27 h 65"/>
                <a:gd name="T22" fmla="*/ 76 w 84"/>
                <a:gd name="T23" fmla="*/ 41 h 65"/>
                <a:gd name="T24" fmla="*/ 83 w 84"/>
                <a:gd name="T25" fmla="*/ 41 h 65"/>
                <a:gd name="T26" fmla="*/ 81 w 84"/>
                <a:gd name="T27" fmla="*/ 27 h 65"/>
                <a:gd name="T28" fmla="*/ 81 w 84"/>
                <a:gd name="T29" fmla="*/ 19 h 65"/>
                <a:gd name="T30" fmla="*/ 84 w 84"/>
                <a:gd name="T31" fmla="*/ 18 h 65"/>
                <a:gd name="T32" fmla="*/ 84 w 84"/>
                <a:gd name="T33" fmla="*/ 12 h 65"/>
                <a:gd name="T34" fmla="*/ 42 w 84"/>
                <a:gd name="T35" fmla="*/ 0 h 65"/>
                <a:gd name="T36" fmla="*/ 0 w 84"/>
                <a:gd name="T37" fmla="*/ 12 h 65"/>
                <a:gd name="T38" fmla="*/ 0 w 84"/>
                <a:gd name="T39" fmla="*/ 18 h 65"/>
                <a:gd name="T40" fmla="*/ 15 w 84"/>
                <a:gd name="T41" fmla="*/ 23 h 65"/>
                <a:gd name="T42" fmla="*/ 15 w 84"/>
                <a:gd name="T43" fmla="*/ 36 h 65"/>
                <a:gd name="T44" fmla="*/ 17 w 84"/>
                <a:gd name="T45" fmla="*/ 36 h 65"/>
                <a:gd name="T46" fmla="*/ 57 w 84"/>
                <a:gd name="T47" fmla="*/ 36 h 65"/>
                <a:gd name="T48" fmla="*/ 58 w 84"/>
                <a:gd name="T49" fmla="*/ 39 h 65"/>
                <a:gd name="T50" fmla="*/ 53 w 84"/>
                <a:gd name="T51" fmla="*/ 53 h 65"/>
                <a:gd name="T52" fmla="*/ 41 w 84"/>
                <a:gd name="T53" fmla="*/ 59 h 65"/>
                <a:gd name="T54" fmla="*/ 30 w 84"/>
                <a:gd name="T55" fmla="*/ 53 h 65"/>
                <a:gd name="T56" fmla="*/ 25 w 84"/>
                <a:gd name="T57" fmla="*/ 39 h 65"/>
                <a:gd name="T58" fmla="*/ 25 w 84"/>
                <a:gd name="T59" fmla="*/ 36 h 65"/>
                <a:gd name="T60" fmla="*/ 57 w 84"/>
                <a:gd name="T61" fmla="*/ 36 h 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84" h="65">
                  <a:moveTo>
                    <a:pt x="17" y="36"/>
                  </a:moveTo>
                  <a:cubicBezTo>
                    <a:pt x="11" y="59"/>
                    <a:pt x="11" y="59"/>
                    <a:pt x="11" y="59"/>
                  </a:cubicBezTo>
                  <a:cubicBezTo>
                    <a:pt x="27" y="59"/>
                    <a:pt x="27" y="59"/>
                    <a:pt x="27" y="59"/>
                  </a:cubicBezTo>
                  <a:cubicBezTo>
                    <a:pt x="31" y="63"/>
                    <a:pt x="36" y="65"/>
                    <a:pt x="41" y="65"/>
                  </a:cubicBezTo>
                  <a:cubicBezTo>
                    <a:pt x="46" y="65"/>
                    <a:pt x="51" y="63"/>
                    <a:pt x="55" y="59"/>
                  </a:cubicBezTo>
                  <a:cubicBezTo>
                    <a:pt x="70" y="59"/>
                    <a:pt x="70" y="59"/>
                    <a:pt x="70" y="59"/>
                  </a:cubicBezTo>
                  <a:cubicBezTo>
                    <a:pt x="65" y="36"/>
                    <a:pt x="65" y="36"/>
                    <a:pt x="65" y="36"/>
                  </a:cubicBezTo>
                  <a:cubicBezTo>
                    <a:pt x="69" y="36"/>
                    <a:pt x="69" y="36"/>
                    <a:pt x="69" y="36"/>
                  </a:cubicBezTo>
                  <a:cubicBezTo>
                    <a:pt x="69" y="22"/>
                    <a:pt x="69" y="22"/>
                    <a:pt x="69" y="22"/>
                  </a:cubicBezTo>
                  <a:cubicBezTo>
                    <a:pt x="78" y="20"/>
                    <a:pt x="78" y="20"/>
                    <a:pt x="78" y="20"/>
                  </a:cubicBezTo>
                  <a:cubicBezTo>
                    <a:pt x="78" y="27"/>
                    <a:pt x="78" y="27"/>
                    <a:pt x="78" y="27"/>
                  </a:cubicBezTo>
                  <a:cubicBezTo>
                    <a:pt x="76" y="41"/>
                    <a:pt x="76" y="41"/>
                    <a:pt x="76" y="41"/>
                  </a:cubicBezTo>
                  <a:cubicBezTo>
                    <a:pt x="83" y="41"/>
                    <a:pt x="83" y="41"/>
                    <a:pt x="83" y="41"/>
                  </a:cubicBezTo>
                  <a:cubicBezTo>
                    <a:pt x="81" y="27"/>
                    <a:pt x="81" y="27"/>
                    <a:pt x="81" y="27"/>
                  </a:cubicBezTo>
                  <a:cubicBezTo>
                    <a:pt x="81" y="19"/>
                    <a:pt x="81" y="19"/>
                    <a:pt x="81" y="19"/>
                  </a:cubicBezTo>
                  <a:cubicBezTo>
                    <a:pt x="84" y="18"/>
                    <a:pt x="84" y="18"/>
                    <a:pt x="84" y="18"/>
                  </a:cubicBezTo>
                  <a:cubicBezTo>
                    <a:pt x="84" y="12"/>
                    <a:pt x="84" y="12"/>
                    <a:pt x="84" y="12"/>
                  </a:cubicBezTo>
                  <a:cubicBezTo>
                    <a:pt x="42" y="0"/>
                    <a:pt x="42" y="0"/>
                    <a:pt x="42" y="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8"/>
                    <a:pt x="0" y="18"/>
                    <a:pt x="0" y="18"/>
                  </a:cubicBezTo>
                  <a:cubicBezTo>
                    <a:pt x="15" y="23"/>
                    <a:pt x="15" y="23"/>
                    <a:pt x="15" y="23"/>
                  </a:cubicBezTo>
                  <a:cubicBezTo>
                    <a:pt x="15" y="36"/>
                    <a:pt x="15" y="36"/>
                    <a:pt x="15" y="36"/>
                  </a:cubicBezTo>
                  <a:cubicBezTo>
                    <a:pt x="17" y="36"/>
                    <a:pt x="17" y="36"/>
                    <a:pt x="17" y="36"/>
                  </a:cubicBezTo>
                  <a:close/>
                  <a:moveTo>
                    <a:pt x="57" y="36"/>
                  </a:moveTo>
                  <a:cubicBezTo>
                    <a:pt x="57" y="37"/>
                    <a:pt x="58" y="38"/>
                    <a:pt x="58" y="39"/>
                  </a:cubicBezTo>
                  <a:cubicBezTo>
                    <a:pt x="58" y="44"/>
                    <a:pt x="56" y="49"/>
                    <a:pt x="53" y="53"/>
                  </a:cubicBezTo>
                  <a:cubicBezTo>
                    <a:pt x="50" y="56"/>
                    <a:pt x="45" y="59"/>
                    <a:pt x="41" y="59"/>
                  </a:cubicBezTo>
                  <a:cubicBezTo>
                    <a:pt x="37" y="59"/>
                    <a:pt x="33" y="56"/>
                    <a:pt x="30" y="53"/>
                  </a:cubicBezTo>
                  <a:cubicBezTo>
                    <a:pt x="26" y="49"/>
                    <a:pt x="25" y="44"/>
                    <a:pt x="25" y="39"/>
                  </a:cubicBezTo>
                  <a:cubicBezTo>
                    <a:pt x="25" y="38"/>
                    <a:pt x="25" y="37"/>
                    <a:pt x="25" y="36"/>
                  </a:cubicBezTo>
                  <a:lnTo>
                    <a:pt x="57" y="36"/>
                  </a:ln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7684147" y="3981450"/>
              <a:ext cx="338554" cy="2308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9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60</a:t>
              </a:r>
              <a:r>
                <a:rPr lang="en-US" altLang="zh-CN" sz="6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9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  <p:grpSp>
        <p:nvGrpSpPr>
          <p:cNvPr id="26" name="组合 25"/>
          <p:cNvGrpSpPr/>
          <p:nvPr/>
        </p:nvGrpSpPr>
        <p:grpSpPr>
          <a:xfrm>
            <a:off x="8276057" y="3887084"/>
            <a:ext cx="640185" cy="830907"/>
            <a:chOff x="6661149" y="3381375"/>
            <a:chExt cx="640185" cy="830907"/>
          </a:xfrm>
        </p:grpSpPr>
        <p:sp>
          <p:nvSpPr>
            <p:cNvPr id="27" name="矩形 26"/>
            <p:cNvSpPr/>
            <p:nvPr/>
          </p:nvSpPr>
          <p:spPr>
            <a:xfrm>
              <a:off x="6661149" y="3695700"/>
              <a:ext cx="640185" cy="218678"/>
            </a:xfrm>
            <a:prstGeom prst="rect">
              <a:avLst/>
            </a:pr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8" name="Freeform 22"/>
            <p:cNvSpPr>
              <a:spLocks noEditPoints="1"/>
            </p:cNvSpPr>
            <p:nvPr/>
          </p:nvSpPr>
          <p:spPr bwMode="auto">
            <a:xfrm>
              <a:off x="6811963" y="3381375"/>
              <a:ext cx="314325" cy="244475"/>
            </a:xfrm>
            <a:custGeom>
              <a:avLst/>
              <a:gdLst>
                <a:gd name="T0" fmla="*/ 17 w 84"/>
                <a:gd name="T1" fmla="*/ 36 h 65"/>
                <a:gd name="T2" fmla="*/ 11 w 84"/>
                <a:gd name="T3" fmla="*/ 59 h 65"/>
                <a:gd name="T4" fmla="*/ 27 w 84"/>
                <a:gd name="T5" fmla="*/ 59 h 65"/>
                <a:gd name="T6" fmla="*/ 41 w 84"/>
                <a:gd name="T7" fmla="*/ 65 h 65"/>
                <a:gd name="T8" fmla="*/ 55 w 84"/>
                <a:gd name="T9" fmla="*/ 59 h 65"/>
                <a:gd name="T10" fmla="*/ 70 w 84"/>
                <a:gd name="T11" fmla="*/ 59 h 65"/>
                <a:gd name="T12" fmla="*/ 65 w 84"/>
                <a:gd name="T13" fmla="*/ 36 h 65"/>
                <a:gd name="T14" fmla="*/ 69 w 84"/>
                <a:gd name="T15" fmla="*/ 36 h 65"/>
                <a:gd name="T16" fmla="*/ 69 w 84"/>
                <a:gd name="T17" fmla="*/ 22 h 65"/>
                <a:gd name="T18" fmla="*/ 78 w 84"/>
                <a:gd name="T19" fmla="*/ 20 h 65"/>
                <a:gd name="T20" fmla="*/ 78 w 84"/>
                <a:gd name="T21" fmla="*/ 27 h 65"/>
                <a:gd name="T22" fmla="*/ 76 w 84"/>
                <a:gd name="T23" fmla="*/ 41 h 65"/>
                <a:gd name="T24" fmla="*/ 83 w 84"/>
                <a:gd name="T25" fmla="*/ 41 h 65"/>
                <a:gd name="T26" fmla="*/ 81 w 84"/>
                <a:gd name="T27" fmla="*/ 27 h 65"/>
                <a:gd name="T28" fmla="*/ 81 w 84"/>
                <a:gd name="T29" fmla="*/ 19 h 65"/>
                <a:gd name="T30" fmla="*/ 84 w 84"/>
                <a:gd name="T31" fmla="*/ 18 h 65"/>
                <a:gd name="T32" fmla="*/ 84 w 84"/>
                <a:gd name="T33" fmla="*/ 12 h 65"/>
                <a:gd name="T34" fmla="*/ 42 w 84"/>
                <a:gd name="T35" fmla="*/ 0 h 65"/>
                <a:gd name="T36" fmla="*/ 0 w 84"/>
                <a:gd name="T37" fmla="*/ 12 h 65"/>
                <a:gd name="T38" fmla="*/ 0 w 84"/>
                <a:gd name="T39" fmla="*/ 18 h 65"/>
                <a:gd name="T40" fmla="*/ 15 w 84"/>
                <a:gd name="T41" fmla="*/ 23 h 65"/>
                <a:gd name="T42" fmla="*/ 15 w 84"/>
                <a:gd name="T43" fmla="*/ 36 h 65"/>
                <a:gd name="T44" fmla="*/ 17 w 84"/>
                <a:gd name="T45" fmla="*/ 36 h 65"/>
                <a:gd name="T46" fmla="*/ 57 w 84"/>
                <a:gd name="T47" fmla="*/ 36 h 65"/>
                <a:gd name="T48" fmla="*/ 58 w 84"/>
                <a:gd name="T49" fmla="*/ 39 h 65"/>
                <a:gd name="T50" fmla="*/ 53 w 84"/>
                <a:gd name="T51" fmla="*/ 53 h 65"/>
                <a:gd name="T52" fmla="*/ 41 w 84"/>
                <a:gd name="T53" fmla="*/ 59 h 65"/>
                <a:gd name="T54" fmla="*/ 30 w 84"/>
                <a:gd name="T55" fmla="*/ 53 h 65"/>
                <a:gd name="T56" fmla="*/ 25 w 84"/>
                <a:gd name="T57" fmla="*/ 39 h 65"/>
                <a:gd name="T58" fmla="*/ 25 w 84"/>
                <a:gd name="T59" fmla="*/ 36 h 65"/>
                <a:gd name="T60" fmla="*/ 57 w 84"/>
                <a:gd name="T61" fmla="*/ 36 h 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84" h="65">
                  <a:moveTo>
                    <a:pt x="17" y="36"/>
                  </a:moveTo>
                  <a:cubicBezTo>
                    <a:pt x="11" y="59"/>
                    <a:pt x="11" y="59"/>
                    <a:pt x="11" y="59"/>
                  </a:cubicBezTo>
                  <a:cubicBezTo>
                    <a:pt x="27" y="59"/>
                    <a:pt x="27" y="59"/>
                    <a:pt x="27" y="59"/>
                  </a:cubicBezTo>
                  <a:cubicBezTo>
                    <a:pt x="31" y="63"/>
                    <a:pt x="36" y="65"/>
                    <a:pt x="41" y="65"/>
                  </a:cubicBezTo>
                  <a:cubicBezTo>
                    <a:pt x="46" y="65"/>
                    <a:pt x="51" y="63"/>
                    <a:pt x="55" y="59"/>
                  </a:cubicBezTo>
                  <a:cubicBezTo>
                    <a:pt x="70" y="59"/>
                    <a:pt x="70" y="59"/>
                    <a:pt x="70" y="59"/>
                  </a:cubicBezTo>
                  <a:cubicBezTo>
                    <a:pt x="65" y="36"/>
                    <a:pt x="65" y="36"/>
                    <a:pt x="65" y="36"/>
                  </a:cubicBezTo>
                  <a:cubicBezTo>
                    <a:pt x="69" y="36"/>
                    <a:pt x="69" y="36"/>
                    <a:pt x="69" y="36"/>
                  </a:cubicBezTo>
                  <a:cubicBezTo>
                    <a:pt x="69" y="22"/>
                    <a:pt x="69" y="22"/>
                    <a:pt x="69" y="22"/>
                  </a:cubicBezTo>
                  <a:cubicBezTo>
                    <a:pt x="78" y="20"/>
                    <a:pt x="78" y="20"/>
                    <a:pt x="78" y="20"/>
                  </a:cubicBezTo>
                  <a:cubicBezTo>
                    <a:pt x="78" y="27"/>
                    <a:pt x="78" y="27"/>
                    <a:pt x="78" y="27"/>
                  </a:cubicBezTo>
                  <a:cubicBezTo>
                    <a:pt x="76" y="41"/>
                    <a:pt x="76" y="41"/>
                    <a:pt x="76" y="41"/>
                  </a:cubicBezTo>
                  <a:cubicBezTo>
                    <a:pt x="83" y="41"/>
                    <a:pt x="83" y="41"/>
                    <a:pt x="83" y="41"/>
                  </a:cubicBezTo>
                  <a:cubicBezTo>
                    <a:pt x="81" y="27"/>
                    <a:pt x="81" y="27"/>
                    <a:pt x="81" y="27"/>
                  </a:cubicBezTo>
                  <a:cubicBezTo>
                    <a:pt x="81" y="19"/>
                    <a:pt x="81" y="19"/>
                    <a:pt x="81" y="19"/>
                  </a:cubicBezTo>
                  <a:cubicBezTo>
                    <a:pt x="84" y="18"/>
                    <a:pt x="84" y="18"/>
                    <a:pt x="84" y="18"/>
                  </a:cubicBezTo>
                  <a:cubicBezTo>
                    <a:pt x="84" y="12"/>
                    <a:pt x="84" y="12"/>
                    <a:pt x="84" y="12"/>
                  </a:cubicBezTo>
                  <a:cubicBezTo>
                    <a:pt x="42" y="0"/>
                    <a:pt x="42" y="0"/>
                    <a:pt x="42" y="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8"/>
                    <a:pt x="0" y="18"/>
                    <a:pt x="0" y="18"/>
                  </a:cubicBezTo>
                  <a:cubicBezTo>
                    <a:pt x="15" y="23"/>
                    <a:pt x="15" y="23"/>
                    <a:pt x="15" y="23"/>
                  </a:cubicBezTo>
                  <a:cubicBezTo>
                    <a:pt x="15" y="36"/>
                    <a:pt x="15" y="36"/>
                    <a:pt x="15" y="36"/>
                  </a:cubicBezTo>
                  <a:cubicBezTo>
                    <a:pt x="17" y="36"/>
                    <a:pt x="17" y="36"/>
                    <a:pt x="17" y="36"/>
                  </a:cubicBezTo>
                  <a:close/>
                  <a:moveTo>
                    <a:pt x="57" y="36"/>
                  </a:moveTo>
                  <a:cubicBezTo>
                    <a:pt x="57" y="37"/>
                    <a:pt x="58" y="38"/>
                    <a:pt x="58" y="39"/>
                  </a:cubicBezTo>
                  <a:cubicBezTo>
                    <a:pt x="58" y="44"/>
                    <a:pt x="56" y="49"/>
                    <a:pt x="53" y="53"/>
                  </a:cubicBezTo>
                  <a:cubicBezTo>
                    <a:pt x="50" y="56"/>
                    <a:pt x="45" y="59"/>
                    <a:pt x="41" y="59"/>
                  </a:cubicBezTo>
                  <a:cubicBezTo>
                    <a:pt x="37" y="59"/>
                    <a:pt x="33" y="56"/>
                    <a:pt x="30" y="53"/>
                  </a:cubicBezTo>
                  <a:cubicBezTo>
                    <a:pt x="26" y="49"/>
                    <a:pt x="25" y="44"/>
                    <a:pt x="25" y="39"/>
                  </a:cubicBezTo>
                  <a:cubicBezTo>
                    <a:pt x="25" y="38"/>
                    <a:pt x="25" y="37"/>
                    <a:pt x="25" y="36"/>
                  </a:cubicBezTo>
                  <a:lnTo>
                    <a:pt x="57" y="36"/>
                  </a:ln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6778625" y="3981450"/>
              <a:ext cx="338554" cy="2308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9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70</a:t>
              </a:r>
              <a:r>
                <a:rPr lang="en-US" altLang="zh-CN" sz="60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方正正粗黑简体" pitchFamily="2" charset="-122"/>
                  <a:ea typeface="方正正粗黑简体" pitchFamily="2" charset="-122"/>
                </a:rPr>
                <a:t>%</a:t>
              </a:r>
              <a:endParaRPr lang="zh-CN" altLang="en-US" sz="900" dirty="0">
                <a:solidFill>
                  <a:schemeClr val="tx1">
                    <a:lumMod val="50000"/>
                    <a:lumOff val="50000"/>
                  </a:schemeClr>
                </a:solidFill>
                <a:latin typeface="方正正粗黑简体" pitchFamily="2" charset="-122"/>
                <a:ea typeface="方正正粗黑简体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8" fill="hold" nodeType="withEffect">
                                  <p:stCondLst>
                                    <p:cond delay="21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8" fill="hold" nodeType="withEffect">
                                  <p:stCondLst>
                                    <p:cond delay="23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47" presetClass="entr" presetSubtype="0" fill="hold" nodeType="withEffect">
                                  <p:stCondLst>
                                    <p:cond delay="275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47" presetClass="entr" presetSubtype="0" fill="hold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47" presetClass="entr" presetSubtype="0" fill="hold" nodeType="withEffect">
                                  <p:stCondLst>
                                    <p:cond delay="320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021119" y="2390371"/>
            <a:ext cx="1039813" cy="473075"/>
            <a:chOff x="482601" y="1790700"/>
            <a:chExt cx="1039813" cy="473075"/>
          </a:xfrm>
        </p:grpSpPr>
        <p:sp>
          <p:nvSpPr>
            <p:cNvPr id="3" name="Freeform 182"/>
            <p:cNvSpPr>
              <a:spLocks/>
            </p:cNvSpPr>
            <p:nvPr/>
          </p:nvSpPr>
          <p:spPr bwMode="auto">
            <a:xfrm>
              <a:off x="482601" y="1870075"/>
              <a:ext cx="187325" cy="393700"/>
            </a:xfrm>
            <a:custGeom>
              <a:avLst/>
              <a:gdLst>
                <a:gd name="T0" fmla="*/ 38 w 50"/>
                <a:gd name="T1" fmla="*/ 0 h 105"/>
                <a:gd name="T2" fmla="*/ 13 w 50"/>
                <a:gd name="T3" fmla="*/ 0 h 105"/>
                <a:gd name="T4" fmla="*/ 0 w 50"/>
                <a:gd name="T5" fmla="*/ 10 h 105"/>
                <a:gd name="T6" fmla="*/ 0 w 50"/>
                <a:gd name="T7" fmla="*/ 11 h 105"/>
                <a:gd name="T8" fmla="*/ 0 w 50"/>
                <a:gd name="T9" fmla="*/ 12 h 105"/>
                <a:gd name="T10" fmla="*/ 0 w 50"/>
                <a:gd name="T11" fmla="*/ 47 h 105"/>
                <a:gd name="T12" fmla="*/ 4 w 50"/>
                <a:gd name="T13" fmla="*/ 51 h 105"/>
                <a:gd name="T14" fmla="*/ 9 w 50"/>
                <a:gd name="T15" fmla="*/ 47 h 105"/>
                <a:gd name="T16" fmla="*/ 9 w 50"/>
                <a:gd name="T17" fmla="*/ 17 h 105"/>
                <a:gd name="T18" fmla="*/ 12 w 50"/>
                <a:gd name="T19" fmla="*/ 17 h 105"/>
                <a:gd name="T20" fmla="*/ 12 w 50"/>
                <a:gd name="T21" fmla="*/ 46 h 105"/>
                <a:gd name="T22" fmla="*/ 12 w 50"/>
                <a:gd name="T23" fmla="*/ 47 h 105"/>
                <a:gd name="T24" fmla="*/ 12 w 50"/>
                <a:gd name="T25" fmla="*/ 99 h 105"/>
                <a:gd name="T26" fmla="*/ 18 w 50"/>
                <a:gd name="T27" fmla="*/ 105 h 105"/>
                <a:gd name="T28" fmla="*/ 24 w 50"/>
                <a:gd name="T29" fmla="*/ 99 h 105"/>
                <a:gd name="T30" fmla="*/ 24 w 50"/>
                <a:gd name="T31" fmla="*/ 53 h 105"/>
                <a:gd name="T32" fmla="*/ 26 w 50"/>
                <a:gd name="T33" fmla="*/ 53 h 105"/>
                <a:gd name="T34" fmla="*/ 26 w 50"/>
                <a:gd name="T35" fmla="*/ 99 h 105"/>
                <a:gd name="T36" fmla="*/ 32 w 50"/>
                <a:gd name="T37" fmla="*/ 105 h 105"/>
                <a:gd name="T38" fmla="*/ 38 w 50"/>
                <a:gd name="T39" fmla="*/ 99 h 105"/>
                <a:gd name="T40" fmla="*/ 38 w 50"/>
                <a:gd name="T41" fmla="*/ 46 h 105"/>
                <a:gd name="T42" fmla="*/ 38 w 50"/>
                <a:gd name="T43" fmla="*/ 46 h 105"/>
                <a:gd name="T44" fmla="*/ 38 w 50"/>
                <a:gd name="T45" fmla="*/ 17 h 105"/>
                <a:gd name="T46" fmla="*/ 41 w 50"/>
                <a:gd name="T47" fmla="*/ 17 h 105"/>
                <a:gd name="T48" fmla="*/ 41 w 50"/>
                <a:gd name="T49" fmla="*/ 47 h 105"/>
                <a:gd name="T50" fmla="*/ 45 w 50"/>
                <a:gd name="T51" fmla="*/ 51 h 105"/>
                <a:gd name="T52" fmla="*/ 50 w 50"/>
                <a:gd name="T53" fmla="*/ 47 h 105"/>
                <a:gd name="T54" fmla="*/ 50 w 50"/>
                <a:gd name="T55" fmla="*/ 12 h 105"/>
                <a:gd name="T56" fmla="*/ 50 w 50"/>
                <a:gd name="T57" fmla="*/ 11 h 105"/>
                <a:gd name="T58" fmla="*/ 50 w 50"/>
                <a:gd name="T59" fmla="*/ 10 h 105"/>
                <a:gd name="T60" fmla="*/ 38 w 50"/>
                <a:gd name="T61" fmla="*/ 0 h 10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50" h="105">
                  <a:moveTo>
                    <a:pt x="38" y="0"/>
                  </a:moveTo>
                  <a:cubicBezTo>
                    <a:pt x="13" y="0"/>
                    <a:pt x="13" y="0"/>
                    <a:pt x="13" y="0"/>
                  </a:cubicBezTo>
                  <a:cubicBezTo>
                    <a:pt x="4" y="0"/>
                    <a:pt x="0" y="8"/>
                    <a:pt x="0" y="10"/>
                  </a:cubicBezTo>
                  <a:cubicBezTo>
                    <a:pt x="0" y="11"/>
                    <a:pt x="0" y="11"/>
                    <a:pt x="0" y="11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47"/>
                    <a:pt x="0" y="47"/>
                    <a:pt x="0" y="47"/>
                  </a:cubicBezTo>
                  <a:cubicBezTo>
                    <a:pt x="0" y="49"/>
                    <a:pt x="2" y="51"/>
                    <a:pt x="4" y="51"/>
                  </a:cubicBezTo>
                  <a:cubicBezTo>
                    <a:pt x="7" y="51"/>
                    <a:pt x="9" y="49"/>
                    <a:pt x="9" y="47"/>
                  </a:cubicBezTo>
                  <a:cubicBezTo>
                    <a:pt x="9" y="17"/>
                    <a:pt x="9" y="17"/>
                    <a:pt x="9" y="17"/>
                  </a:cubicBezTo>
                  <a:cubicBezTo>
                    <a:pt x="12" y="17"/>
                    <a:pt x="12" y="17"/>
                    <a:pt x="12" y="17"/>
                  </a:cubicBezTo>
                  <a:cubicBezTo>
                    <a:pt x="12" y="46"/>
                    <a:pt x="12" y="46"/>
                    <a:pt x="12" y="46"/>
                  </a:cubicBezTo>
                  <a:cubicBezTo>
                    <a:pt x="12" y="46"/>
                    <a:pt x="12" y="47"/>
                    <a:pt x="12" y="47"/>
                  </a:cubicBezTo>
                  <a:cubicBezTo>
                    <a:pt x="12" y="99"/>
                    <a:pt x="12" y="99"/>
                    <a:pt x="12" y="99"/>
                  </a:cubicBezTo>
                  <a:cubicBezTo>
                    <a:pt x="12" y="102"/>
                    <a:pt x="15" y="105"/>
                    <a:pt x="18" y="105"/>
                  </a:cubicBezTo>
                  <a:cubicBezTo>
                    <a:pt x="21" y="105"/>
                    <a:pt x="24" y="102"/>
                    <a:pt x="24" y="99"/>
                  </a:cubicBezTo>
                  <a:cubicBezTo>
                    <a:pt x="24" y="53"/>
                    <a:pt x="24" y="53"/>
                    <a:pt x="24" y="53"/>
                  </a:cubicBezTo>
                  <a:cubicBezTo>
                    <a:pt x="26" y="53"/>
                    <a:pt x="26" y="53"/>
                    <a:pt x="26" y="53"/>
                  </a:cubicBezTo>
                  <a:cubicBezTo>
                    <a:pt x="26" y="99"/>
                    <a:pt x="26" y="99"/>
                    <a:pt x="26" y="99"/>
                  </a:cubicBezTo>
                  <a:cubicBezTo>
                    <a:pt x="26" y="102"/>
                    <a:pt x="29" y="105"/>
                    <a:pt x="32" y="105"/>
                  </a:cubicBezTo>
                  <a:cubicBezTo>
                    <a:pt x="35" y="105"/>
                    <a:pt x="38" y="102"/>
                    <a:pt x="38" y="99"/>
                  </a:cubicBezTo>
                  <a:cubicBezTo>
                    <a:pt x="38" y="46"/>
                    <a:pt x="38" y="46"/>
                    <a:pt x="38" y="46"/>
                  </a:cubicBezTo>
                  <a:cubicBezTo>
                    <a:pt x="38" y="46"/>
                    <a:pt x="38" y="46"/>
                    <a:pt x="38" y="46"/>
                  </a:cubicBezTo>
                  <a:cubicBezTo>
                    <a:pt x="38" y="17"/>
                    <a:pt x="38" y="17"/>
                    <a:pt x="38" y="17"/>
                  </a:cubicBezTo>
                  <a:cubicBezTo>
                    <a:pt x="41" y="17"/>
                    <a:pt x="41" y="17"/>
                    <a:pt x="41" y="17"/>
                  </a:cubicBezTo>
                  <a:cubicBezTo>
                    <a:pt x="41" y="47"/>
                    <a:pt x="41" y="47"/>
                    <a:pt x="41" y="47"/>
                  </a:cubicBezTo>
                  <a:cubicBezTo>
                    <a:pt x="41" y="49"/>
                    <a:pt x="43" y="51"/>
                    <a:pt x="45" y="51"/>
                  </a:cubicBezTo>
                  <a:cubicBezTo>
                    <a:pt x="48" y="51"/>
                    <a:pt x="50" y="49"/>
                    <a:pt x="50" y="47"/>
                  </a:cubicBezTo>
                  <a:cubicBezTo>
                    <a:pt x="50" y="12"/>
                    <a:pt x="50" y="12"/>
                    <a:pt x="50" y="12"/>
                  </a:cubicBezTo>
                  <a:cubicBezTo>
                    <a:pt x="50" y="11"/>
                    <a:pt x="50" y="11"/>
                    <a:pt x="50" y="11"/>
                  </a:cubicBezTo>
                  <a:cubicBezTo>
                    <a:pt x="50" y="10"/>
                    <a:pt x="50" y="10"/>
                    <a:pt x="50" y="10"/>
                  </a:cubicBezTo>
                  <a:cubicBezTo>
                    <a:pt x="50" y="7"/>
                    <a:pt x="46" y="0"/>
                    <a:pt x="38" y="0"/>
                  </a:cubicBezTo>
                </a:path>
              </a:pathLst>
            </a:custGeom>
            <a:solidFill>
              <a:srgbClr val="72706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" name="Oval 183"/>
            <p:cNvSpPr>
              <a:spLocks noChangeArrowheads="1"/>
            </p:cNvSpPr>
            <p:nvPr/>
          </p:nvSpPr>
          <p:spPr bwMode="auto">
            <a:xfrm>
              <a:off x="539751" y="1790700"/>
              <a:ext cx="74613" cy="71438"/>
            </a:xfrm>
            <a:prstGeom prst="ellipse">
              <a:avLst/>
            </a:prstGeom>
            <a:solidFill>
              <a:srgbClr val="72706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" name="Rectangle 184"/>
            <p:cNvSpPr>
              <a:spLocks noChangeArrowheads="1"/>
            </p:cNvSpPr>
            <p:nvPr/>
          </p:nvSpPr>
          <p:spPr bwMode="auto">
            <a:xfrm>
              <a:off x="752476" y="1870075"/>
              <a:ext cx="769938" cy="371475"/>
            </a:xfrm>
            <a:prstGeom prst="rect">
              <a:avLst/>
            </a:prstGeom>
            <a:solidFill>
              <a:srgbClr val="72706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" name="Freeform 185"/>
            <p:cNvSpPr>
              <a:spLocks noEditPoints="1"/>
            </p:cNvSpPr>
            <p:nvPr/>
          </p:nvSpPr>
          <p:spPr bwMode="auto">
            <a:xfrm>
              <a:off x="938213" y="1997075"/>
              <a:ext cx="101600" cy="127000"/>
            </a:xfrm>
            <a:custGeom>
              <a:avLst/>
              <a:gdLst>
                <a:gd name="T0" fmla="*/ 43 w 64"/>
                <a:gd name="T1" fmla="*/ 62 h 80"/>
                <a:gd name="T2" fmla="*/ 0 w 64"/>
                <a:gd name="T3" fmla="*/ 62 h 80"/>
                <a:gd name="T4" fmla="*/ 0 w 64"/>
                <a:gd name="T5" fmla="*/ 52 h 80"/>
                <a:gd name="T6" fmla="*/ 43 w 64"/>
                <a:gd name="T7" fmla="*/ 0 h 80"/>
                <a:gd name="T8" fmla="*/ 50 w 64"/>
                <a:gd name="T9" fmla="*/ 0 h 80"/>
                <a:gd name="T10" fmla="*/ 50 w 64"/>
                <a:gd name="T11" fmla="*/ 54 h 80"/>
                <a:gd name="T12" fmla="*/ 64 w 64"/>
                <a:gd name="T13" fmla="*/ 54 h 80"/>
                <a:gd name="T14" fmla="*/ 64 w 64"/>
                <a:gd name="T15" fmla="*/ 62 h 80"/>
                <a:gd name="T16" fmla="*/ 50 w 64"/>
                <a:gd name="T17" fmla="*/ 62 h 80"/>
                <a:gd name="T18" fmla="*/ 50 w 64"/>
                <a:gd name="T19" fmla="*/ 80 h 80"/>
                <a:gd name="T20" fmla="*/ 43 w 64"/>
                <a:gd name="T21" fmla="*/ 80 h 80"/>
                <a:gd name="T22" fmla="*/ 43 w 64"/>
                <a:gd name="T23" fmla="*/ 62 h 80"/>
                <a:gd name="T24" fmla="*/ 43 w 64"/>
                <a:gd name="T25" fmla="*/ 12 h 80"/>
                <a:gd name="T26" fmla="*/ 43 w 64"/>
                <a:gd name="T27" fmla="*/ 12 h 80"/>
                <a:gd name="T28" fmla="*/ 8 w 64"/>
                <a:gd name="T29" fmla="*/ 54 h 80"/>
                <a:gd name="T30" fmla="*/ 43 w 64"/>
                <a:gd name="T31" fmla="*/ 54 h 80"/>
                <a:gd name="T32" fmla="*/ 43 w 64"/>
                <a:gd name="T33" fmla="*/ 12 h 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64" h="80">
                  <a:moveTo>
                    <a:pt x="43" y="62"/>
                  </a:moveTo>
                  <a:lnTo>
                    <a:pt x="0" y="62"/>
                  </a:lnTo>
                  <a:lnTo>
                    <a:pt x="0" y="52"/>
                  </a:lnTo>
                  <a:lnTo>
                    <a:pt x="43" y="0"/>
                  </a:lnTo>
                  <a:lnTo>
                    <a:pt x="50" y="0"/>
                  </a:lnTo>
                  <a:lnTo>
                    <a:pt x="50" y="54"/>
                  </a:lnTo>
                  <a:lnTo>
                    <a:pt x="64" y="54"/>
                  </a:lnTo>
                  <a:lnTo>
                    <a:pt x="64" y="62"/>
                  </a:lnTo>
                  <a:lnTo>
                    <a:pt x="50" y="62"/>
                  </a:lnTo>
                  <a:lnTo>
                    <a:pt x="50" y="80"/>
                  </a:lnTo>
                  <a:lnTo>
                    <a:pt x="43" y="80"/>
                  </a:lnTo>
                  <a:lnTo>
                    <a:pt x="43" y="62"/>
                  </a:lnTo>
                  <a:close/>
                  <a:moveTo>
                    <a:pt x="43" y="12"/>
                  </a:moveTo>
                  <a:lnTo>
                    <a:pt x="43" y="12"/>
                  </a:lnTo>
                  <a:lnTo>
                    <a:pt x="8" y="54"/>
                  </a:lnTo>
                  <a:lnTo>
                    <a:pt x="43" y="54"/>
                  </a:lnTo>
                  <a:lnTo>
                    <a:pt x="43" y="12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7" name="Freeform 186"/>
            <p:cNvSpPr>
              <a:spLocks/>
            </p:cNvSpPr>
            <p:nvPr/>
          </p:nvSpPr>
          <p:spPr bwMode="auto">
            <a:xfrm>
              <a:off x="1058863" y="1997075"/>
              <a:ext cx="96838" cy="127000"/>
            </a:xfrm>
            <a:custGeom>
              <a:avLst/>
              <a:gdLst>
                <a:gd name="T0" fmla="*/ 26 w 26"/>
                <a:gd name="T1" fmla="*/ 34 h 34"/>
                <a:gd name="T2" fmla="*/ 0 w 26"/>
                <a:gd name="T3" fmla="*/ 34 h 34"/>
                <a:gd name="T4" fmla="*/ 12 w 26"/>
                <a:gd name="T5" fmla="*/ 21 h 34"/>
                <a:gd name="T6" fmla="*/ 22 w 26"/>
                <a:gd name="T7" fmla="*/ 10 h 34"/>
                <a:gd name="T8" fmla="*/ 13 w 26"/>
                <a:gd name="T9" fmla="*/ 3 h 34"/>
                <a:gd name="T10" fmla="*/ 4 w 26"/>
                <a:gd name="T11" fmla="*/ 12 h 34"/>
                <a:gd name="T12" fmla="*/ 1 w 26"/>
                <a:gd name="T13" fmla="*/ 12 h 34"/>
                <a:gd name="T14" fmla="*/ 14 w 26"/>
                <a:gd name="T15" fmla="*/ 0 h 34"/>
                <a:gd name="T16" fmla="*/ 25 w 26"/>
                <a:gd name="T17" fmla="*/ 10 h 34"/>
                <a:gd name="T18" fmla="*/ 17 w 26"/>
                <a:gd name="T19" fmla="*/ 21 h 34"/>
                <a:gd name="T20" fmla="*/ 4 w 26"/>
                <a:gd name="T21" fmla="*/ 31 h 34"/>
                <a:gd name="T22" fmla="*/ 26 w 26"/>
                <a:gd name="T23" fmla="*/ 31 h 34"/>
                <a:gd name="T24" fmla="*/ 26 w 26"/>
                <a:gd name="T25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26" h="34">
                  <a:moveTo>
                    <a:pt x="26" y="34"/>
                  </a:moveTo>
                  <a:cubicBezTo>
                    <a:pt x="0" y="34"/>
                    <a:pt x="0" y="34"/>
                    <a:pt x="0" y="34"/>
                  </a:cubicBezTo>
                  <a:cubicBezTo>
                    <a:pt x="0" y="30"/>
                    <a:pt x="2" y="26"/>
                    <a:pt x="12" y="21"/>
                  </a:cubicBezTo>
                  <a:cubicBezTo>
                    <a:pt x="19" y="17"/>
                    <a:pt x="22" y="15"/>
                    <a:pt x="22" y="10"/>
                  </a:cubicBezTo>
                  <a:cubicBezTo>
                    <a:pt x="22" y="6"/>
                    <a:pt x="19" y="3"/>
                    <a:pt x="13" y="3"/>
                  </a:cubicBezTo>
                  <a:cubicBezTo>
                    <a:pt x="6" y="3"/>
                    <a:pt x="4" y="8"/>
                    <a:pt x="4" y="12"/>
                  </a:cubicBezTo>
                  <a:cubicBezTo>
                    <a:pt x="1" y="12"/>
                    <a:pt x="1" y="12"/>
                    <a:pt x="1" y="12"/>
                  </a:cubicBezTo>
                  <a:cubicBezTo>
                    <a:pt x="1" y="4"/>
                    <a:pt x="6" y="0"/>
                    <a:pt x="14" y="0"/>
                  </a:cubicBezTo>
                  <a:cubicBezTo>
                    <a:pt x="23" y="0"/>
                    <a:pt x="25" y="6"/>
                    <a:pt x="25" y="10"/>
                  </a:cubicBezTo>
                  <a:cubicBezTo>
                    <a:pt x="25" y="16"/>
                    <a:pt x="22" y="19"/>
                    <a:pt x="17" y="21"/>
                  </a:cubicBezTo>
                  <a:cubicBezTo>
                    <a:pt x="8" y="26"/>
                    <a:pt x="5" y="28"/>
                    <a:pt x="4" y="31"/>
                  </a:cubicBezTo>
                  <a:cubicBezTo>
                    <a:pt x="26" y="31"/>
                    <a:pt x="26" y="31"/>
                    <a:pt x="26" y="31"/>
                  </a:cubicBezTo>
                  <a:lnTo>
                    <a:pt x="26" y="34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8" name="Freeform 187"/>
            <p:cNvSpPr>
              <a:spLocks noEditPoints="1"/>
            </p:cNvSpPr>
            <p:nvPr/>
          </p:nvSpPr>
          <p:spPr bwMode="auto">
            <a:xfrm>
              <a:off x="1179513" y="1997075"/>
              <a:ext cx="149225" cy="131763"/>
            </a:xfrm>
            <a:custGeom>
              <a:avLst/>
              <a:gdLst>
                <a:gd name="T0" fmla="*/ 0 w 40"/>
                <a:gd name="T1" fmla="*/ 9 h 35"/>
                <a:gd name="T2" fmla="*/ 9 w 40"/>
                <a:gd name="T3" fmla="*/ 0 h 35"/>
                <a:gd name="T4" fmla="*/ 17 w 40"/>
                <a:gd name="T5" fmla="*/ 9 h 35"/>
                <a:gd name="T6" fmla="*/ 9 w 40"/>
                <a:gd name="T7" fmla="*/ 19 h 35"/>
                <a:gd name="T8" fmla="*/ 0 w 40"/>
                <a:gd name="T9" fmla="*/ 9 h 35"/>
                <a:gd name="T10" fmla="*/ 14 w 40"/>
                <a:gd name="T11" fmla="*/ 9 h 35"/>
                <a:gd name="T12" fmla="*/ 9 w 40"/>
                <a:gd name="T13" fmla="*/ 3 h 35"/>
                <a:gd name="T14" fmla="*/ 3 w 40"/>
                <a:gd name="T15" fmla="*/ 9 h 35"/>
                <a:gd name="T16" fmla="*/ 9 w 40"/>
                <a:gd name="T17" fmla="*/ 16 h 35"/>
                <a:gd name="T18" fmla="*/ 14 w 40"/>
                <a:gd name="T19" fmla="*/ 9 h 35"/>
                <a:gd name="T20" fmla="*/ 30 w 40"/>
                <a:gd name="T21" fmla="*/ 0 h 35"/>
                <a:gd name="T22" fmla="*/ 33 w 40"/>
                <a:gd name="T23" fmla="*/ 0 h 35"/>
                <a:gd name="T24" fmla="*/ 10 w 40"/>
                <a:gd name="T25" fmla="*/ 35 h 35"/>
                <a:gd name="T26" fmla="*/ 7 w 40"/>
                <a:gd name="T27" fmla="*/ 35 h 35"/>
                <a:gd name="T28" fmla="*/ 30 w 40"/>
                <a:gd name="T29" fmla="*/ 0 h 35"/>
                <a:gd name="T30" fmla="*/ 23 w 40"/>
                <a:gd name="T31" fmla="*/ 25 h 35"/>
                <a:gd name="T32" fmla="*/ 32 w 40"/>
                <a:gd name="T33" fmla="*/ 16 h 35"/>
                <a:gd name="T34" fmla="*/ 40 w 40"/>
                <a:gd name="T35" fmla="*/ 25 h 35"/>
                <a:gd name="T36" fmla="*/ 32 w 40"/>
                <a:gd name="T37" fmla="*/ 35 h 35"/>
                <a:gd name="T38" fmla="*/ 23 w 40"/>
                <a:gd name="T39" fmla="*/ 25 h 35"/>
                <a:gd name="T40" fmla="*/ 37 w 40"/>
                <a:gd name="T41" fmla="*/ 25 h 35"/>
                <a:gd name="T42" fmla="*/ 32 w 40"/>
                <a:gd name="T43" fmla="*/ 19 h 35"/>
                <a:gd name="T44" fmla="*/ 26 w 40"/>
                <a:gd name="T45" fmla="*/ 25 h 35"/>
                <a:gd name="T46" fmla="*/ 32 w 40"/>
                <a:gd name="T47" fmla="*/ 32 h 35"/>
                <a:gd name="T48" fmla="*/ 37 w 40"/>
                <a:gd name="T49" fmla="*/ 2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l="0" t="0" r="r" b="b"/>
              <a:pathLst>
                <a:path w="40" h="35">
                  <a:moveTo>
                    <a:pt x="0" y="9"/>
                  </a:moveTo>
                  <a:cubicBezTo>
                    <a:pt x="0" y="3"/>
                    <a:pt x="4" y="0"/>
                    <a:pt x="9" y="0"/>
                  </a:cubicBezTo>
                  <a:cubicBezTo>
                    <a:pt x="13" y="0"/>
                    <a:pt x="17" y="3"/>
                    <a:pt x="17" y="9"/>
                  </a:cubicBezTo>
                  <a:cubicBezTo>
                    <a:pt x="17" y="16"/>
                    <a:pt x="13" y="19"/>
                    <a:pt x="9" y="19"/>
                  </a:cubicBezTo>
                  <a:cubicBezTo>
                    <a:pt x="4" y="19"/>
                    <a:pt x="0" y="16"/>
                    <a:pt x="0" y="9"/>
                  </a:cubicBezTo>
                  <a:moveTo>
                    <a:pt x="14" y="9"/>
                  </a:moveTo>
                  <a:cubicBezTo>
                    <a:pt x="14" y="5"/>
                    <a:pt x="12" y="3"/>
                    <a:pt x="9" y="3"/>
                  </a:cubicBezTo>
                  <a:cubicBezTo>
                    <a:pt x="5" y="3"/>
                    <a:pt x="3" y="5"/>
                    <a:pt x="3" y="9"/>
                  </a:cubicBezTo>
                  <a:cubicBezTo>
                    <a:pt x="3" y="14"/>
                    <a:pt x="5" y="16"/>
                    <a:pt x="9" y="16"/>
                  </a:cubicBezTo>
                  <a:cubicBezTo>
                    <a:pt x="12" y="16"/>
                    <a:pt x="14" y="14"/>
                    <a:pt x="14" y="9"/>
                  </a:cubicBezTo>
                  <a:moveTo>
                    <a:pt x="30" y="0"/>
                  </a:moveTo>
                  <a:cubicBezTo>
                    <a:pt x="33" y="0"/>
                    <a:pt x="33" y="0"/>
                    <a:pt x="33" y="0"/>
                  </a:cubicBezTo>
                  <a:cubicBezTo>
                    <a:pt x="10" y="35"/>
                    <a:pt x="10" y="35"/>
                    <a:pt x="10" y="35"/>
                  </a:cubicBezTo>
                  <a:cubicBezTo>
                    <a:pt x="7" y="35"/>
                    <a:pt x="7" y="35"/>
                    <a:pt x="7" y="35"/>
                  </a:cubicBezTo>
                  <a:lnTo>
                    <a:pt x="30" y="0"/>
                  </a:lnTo>
                  <a:close/>
                  <a:moveTo>
                    <a:pt x="23" y="25"/>
                  </a:moveTo>
                  <a:cubicBezTo>
                    <a:pt x="23" y="19"/>
                    <a:pt x="27" y="16"/>
                    <a:pt x="32" y="16"/>
                  </a:cubicBezTo>
                  <a:cubicBezTo>
                    <a:pt x="37" y="16"/>
                    <a:pt x="40" y="19"/>
                    <a:pt x="40" y="25"/>
                  </a:cubicBezTo>
                  <a:cubicBezTo>
                    <a:pt x="40" y="32"/>
                    <a:pt x="37" y="35"/>
                    <a:pt x="32" y="35"/>
                  </a:cubicBezTo>
                  <a:cubicBezTo>
                    <a:pt x="27" y="35"/>
                    <a:pt x="23" y="32"/>
                    <a:pt x="23" y="25"/>
                  </a:cubicBezTo>
                  <a:moveTo>
                    <a:pt x="37" y="25"/>
                  </a:moveTo>
                  <a:cubicBezTo>
                    <a:pt x="37" y="21"/>
                    <a:pt x="35" y="19"/>
                    <a:pt x="32" y="19"/>
                  </a:cubicBezTo>
                  <a:cubicBezTo>
                    <a:pt x="28" y="19"/>
                    <a:pt x="26" y="21"/>
                    <a:pt x="26" y="25"/>
                  </a:cubicBezTo>
                  <a:cubicBezTo>
                    <a:pt x="26" y="30"/>
                    <a:pt x="28" y="32"/>
                    <a:pt x="32" y="32"/>
                  </a:cubicBezTo>
                  <a:cubicBezTo>
                    <a:pt x="35" y="32"/>
                    <a:pt x="37" y="30"/>
                    <a:pt x="37" y="2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9" name="组合 8"/>
          <p:cNvGrpSpPr/>
          <p:nvPr/>
        </p:nvGrpSpPr>
        <p:grpSpPr>
          <a:xfrm>
            <a:off x="2006831" y="2919009"/>
            <a:ext cx="1054101" cy="473075"/>
            <a:chOff x="468313" y="2319338"/>
            <a:chExt cx="1054101" cy="473075"/>
          </a:xfrm>
        </p:grpSpPr>
        <p:sp>
          <p:nvSpPr>
            <p:cNvPr id="10" name="Oval 179"/>
            <p:cNvSpPr>
              <a:spLocks noChangeArrowheads="1"/>
            </p:cNvSpPr>
            <p:nvPr/>
          </p:nvSpPr>
          <p:spPr bwMode="auto">
            <a:xfrm>
              <a:off x="539751" y="2319338"/>
              <a:ext cx="71438" cy="71438"/>
            </a:xfrm>
            <a:prstGeom prst="ellipse">
              <a:avLst/>
            </a:pr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1" name="Freeform 180"/>
            <p:cNvSpPr>
              <a:spLocks/>
            </p:cNvSpPr>
            <p:nvPr/>
          </p:nvSpPr>
          <p:spPr bwMode="auto">
            <a:xfrm>
              <a:off x="468313" y="2406650"/>
              <a:ext cx="220663" cy="385763"/>
            </a:xfrm>
            <a:custGeom>
              <a:avLst/>
              <a:gdLst>
                <a:gd name="T0" fmla="*/ 58 w 59"/>
                <a:gd name="T1" fmla="*/ 38 h 103"/>
                <a:gd name="T2" fmla="*/ 47 w 59"/>
                <a:gd name="T3" fmla="*/ 6 h 103"/>
                <a:gd name="T4" fmla="*/ 40 w 59"/>
                <a:gd name="T5" fmla="*/ 0 h 103"/>
                <a:gd name="T6" fmla="*/ 17 w 59"/>
                <a:gd name="T7" fmla="*/ 0 h 103"/>
                <a:gd name="T8" fmla="*/ 11 w 59"/>
                <a:gd name="T9" fmla="*/ 3 h 103"/>
                <a:gd name="T10" fmla="*/ 11 w 59"/>
                <a:gd name="T11" fmla="*/ 4 h 103"/>
                <a:gd name="T12" fmla="*/ 11 w 59"/>
                <a:gd name="T13" fmla="*/ 5 h 103"/>
                <a:gd name="T14" fmla="*/ 11 w 59"/>
                <a:gd name="T15" fmla="*/ 5 h 103"/>
                <a:gd name="T16" fmla="*/ 0 w 59"/>
                <a:gd name="T17" fmla="*/ 38 h 103"/>
                <a:gd name="T18" fmla="*/ 3 w 59"/>
                <a:gd name="T19" fmla="*/ 44 h 103"/>
                <a:gd name="T20" fmla="*/ 8 w 59"/>
                <a:gd name="T21" fmla="*/ 41 h 103"/>
                <a:gd name="T22" fmla="*/ 16 w 59"/>
                <a:gd name="T23" fmla="*/ 15 h 103"/>
                <a:gd name="T24" fmla="*/ 17 w 59"/>
                <a:gd name="T25" fmla="*/ 15 h 103"/>
                <a:gd name="T26" fmla="*/ 18 w 59"/>
                <a:gd name="T27" fmla="*/ 15 h 103"/>
                <a:gd name="T28" fmla="*/ 6 w 59"/>
                <a:gd name="T29" fmla="*/ 62 h 103"/>
                <a:gd name="T30" fmla="*/ 18 w 59"/>
                <a:gd name="T31" fmla="*/ 62 h 103"/>
                <a:gd name="T32" fmla="*/ 18 w 59"/>
                <a:gd name="T33" fmla="*/ 99 h 103"/>
                <a:gd name="T34" fmla="*/ 23 w 59"/>
                <a:gd name="T35" fmla="*/ 103 h 103"/>
                <a:gd name="T36" fmla="*/ 28 w 59"/>
                <a:gd name="T37" fmla="*/ 99 h 103"/>
                <a:gd name="T38" fmla="*/ 28 w 59"/>
                <a:gd name="T39" fmla="*/ 62 h 103"/>
                <a:gd name="T40" fmla="*/ 31 w 59"/>
                <a:gd name="T41" fmla="*/ 62 h 103"/>
                <a:gd name="T42" fmla="*/ 31 w 59"/>
                <a:gd name="T43" fmla="*/ 99 h 103"/>
                <a:gd name="T44" fmla="*/ 35 w 59"/>
                <a:gd name="T45" fmla="*/ 103 h 103"/>
                <a:gd name="T46" fmla="*/ 40 w 59"/>
                <a:gd name="T47" fmla="*/ 99 h 103"/>
                <a:gd name="T48" fmla="*/ 40 w 59"/>
                <a:gd name="T49" fmla="*/ 62 h 103"/>
                <a:gd name="T50" fmla="*/ 53 w 59"/>
                <a:gd name="T51" fmla="*/ 62 h 103"/>
                <a:gd name="T52" fmla="*/ 40 w 59"/>
                <a:gd name="T53" fmla="*/ 15 h 103"/>
                <a:gd name="T54" fmla="*/ 40 w 59"/>
                <a:gd name="T55" fmla="*/ 15 h 103"/>
                <a:gd name="T56" fmla="*/ 41 w 59"/>
                <a:gd name="T57" fmla="*/ 15 h 103"/>
                <a:gd name="T58" fmla="*/ 50 w 59"/>
                <a:gd name="T59" fmla="*/ 41 h 103"/>
                <a:gd name="T60" fmla="*/ 55 w 59"/>
                <a:gd name="T61" fmla="*/ 43 h 103"/>
                <a:gd name="T62" fmla="*/ 58 w 59"/>
                <a:gd name="T63" fmla="*/ 38 h 1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l="0" t="0" r="r" b="b"/>
              <a:pathLst>
                <a:path w="59" h="103">
                  <a:moveTo>
                    <a:pt x="58" y="38"/>
                  </a:moveTo>
                  <a:cubicBezTo>
                    <a:pt x="47" y="6"/>
                    <a:pt x="47" y="6"/>
                    <a:pt x="47" y="6"/>
                  </a:cubicBezTo>
                  <a:cubicBezTo>
                    <a:pt x="47" y="3"/>
                    <a:pt x="44" y="0"/>
                    <a:pt x="40" y="0"/>
                  </a:cubicBezTo>
                  <a:cubicBezTo>
                    <a:pt x="17" y="0"/>
                    <a:pt x="17" y="0"/>
                    <a:pt x="17" y="0"/>
                  </a:cubicBezTo>
                  <a:cubicBezTo>
                    <a:pt x="15" y="0"/>
                    <a:pt x="13" y="1"/>
                    <a:pt x="11" y="3"/>
                  </a:cubicBezTo>
                  <a:cubicBezTo>
                    <a:pt x="11" y="4"/>
                    <a:pt x="11" y="4"/>
                    <a:pt x="11" y="4"/>
                  </a:cubicBezTo>
                  <a:cubicBezTo>
                    <a:pt x="11" y="5"/>
                    <a:pt x="11" y="5"/>
                    <a:pt x="11" y="5"/>
                  </a:cubicBezTo>
                  <a:cubicBezTo>
                    <a:pt x="11" y="5"/>
                    <a:pt x="11" y="5"/>
                    <a:pt x="11" y="5"/>
                  </a:cubicBezTo>
                  <a:cubicBezTo>
                    <a:pt x="0" y="38"/>
                    <a:pt x="0" y="38"/>
                    <a:pt x="0" y="38"/>
                  </a:cubicBezTo>
                  <a:cubicBezTo>
                    <a:pt x="0" y="40"/>
                    <a:pt x="1" y="43"/>
                    <a:pt x="3" y="44"/>
                  </a:cubicBezTo>
                  <a:cubicBezTo>
                    <a:pt x="5" y="44"/>
                    <a:pt x="8" y="43"/>
                    <a:pt x="8" y="41"/>
                  </a:cubicBezTo>
                  <a:cubicBezTo>
                    <a:pt x="16" y="15"/>
                    <a:pt x="16" y="15"/>
                    <a:pt x="16" y="15"/>
                  </a:cubicBezTo>
                  <a:cubicBezTo>
                    <a:pt x="17" y="15"/>
                    <a:pt x="17" y="15"/>
                    <a:pt x="17" y="15"/>
                  </a:cubicBezTo>
                  <a:cubicBezTo>
                    <a:pt x="18" y="15"/>
                    <a:pt x="18" y="15"/>
                    <a:pt x="18" y="15"/>
                  </a:cubicBezTo>
                  <a:cubicBezTo>
                    <a:pt x="6" y="62"/>
                    <a:pt x="6" y="62"/>
                    <a:pt x="6" y="62"/>
                  </a:cubicBezTo>
                  <a:cubicBezTo>
                    <a:pt x="18" y="62"/>
                    <a:pt x="18" y="62"/>
                    <a:pt x="18" y="62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101"/>
                    <a:pt x="20" y="103"/>
                    <a:pt x="23" y="103"/>
                  </a:cubicBezTo>
                  <a:cubicBezTo>
                    <a:pt x="26" y="103"/>
                    <a:pt x="28" y="101"/>
                    <a:pt x="28" y="99"/>
                  </a:cubicBezTo>
                  <a:cubicBezTo>
                    <a:pt x="28" y="62"/>
                    <a:pt x="28" y="62"/>
                    <a:pt x="28" y="62"/>
                  </a:cubicBezTo>
                  <a:cubicBezTo>
                    <a:pt x="31" y="62"/>
                    <a:pt x="31" y="62"/>
                    <a:pt x="31" y="62"/>
                  </a:cubicBezTo>
                  <a:cubicBezTo>
                    <a:pt x="31" y="99"/>
                    <a:pt x="31" y="99"/>
                    <a:pt x="31" y="99"/>
                  </a:cubicBezTo>
                  <a:cubicBezTo>
                    <a:pt x="31" y="101"/>
                    <a:pt x="33" y="103"/>
                    <a:pt x="35" y="103"/>
                  </a:cubicBezTo>
                  <a:cubicBezTo>
                    <a:pt x="38" y="103"/>
                    <a:pt x="40" y="101"/>
                    <a:pt x="40" y="99"/>
                  </a:cubicBezTo>
                  <a:cubicBezTo>
                    <a:pt x="40" y="62"/>
                    <a:pt x="40" y="62"/>
                    <a:pt x="40" y="62"/>
                  </a:cubicBezTo>
                  <a:cubicBezTo>
                    <a:pt x="53" y="62"/>
                    <a:pt x="53" y="62"/>
                    <a:pt x="53" y="62"/>
                  </a:cubicBezTo>
                  <a:cubicBezTo>
                    <a:pt x="40" y="15"/>
                    <a:pt x="40" y="15"/>
                    <a:pt x="40" y="15"/>
                  </a:cubicBezTo>
                  <a:cubicBezTo>
                    <a:pt x="40" y="15"/>
                    <a:pt x="40" y="15"/>
                    <a:pt x="40" y="15"/>
                  </a:cubicBezTo>
                  <a:cubicBezTo>
                    <a:pt x="41" y="15"/>
                    <a:pt x="41" y="15"/>
                    <a:pt x="41" y="15"/>
                  </a:cubicBezTo>
                  <a:cubicBezTo>
                    <a:pt x="50" y="41"/>
                    <a:pt x="50" y="41"/>
                    <a:pt x="50" y="41"/>
                  </a:cubicBezTo>
                  <a:cubicBezTo>
                    <a:pt x="51" y="43"/>
                    <a:pt x="53" y="44"/>
                    <a:pt x="55" y="43"/>
                  </a:cubicBezTo>
                  <a:cubicBezTo>
                    <a:pt x="57" y="43"/>
                    <a:pt x="59" y="40"/>
                    <a:pt x="58" y="38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2" name="Rectangle 181"/>
            <p:cNvSpPr>
              <a:spLocks noChangeArrowheads="1"/>
            </p:cNvSpPr>
            <p:nvPr/>
          </p:nvSpPr>
          <p:spPr bwMode="auto">
            <a:xfrm>
              <a:off x="752476" y="2387600"/>
              <a:ext cx="769938" cy="371475"/>
            </a:xfrm>
            <a:prstGeom prst="rect">
              <a:avLst/>
            </a:prstGeom>
            <a:solidFill>
              <a:srgbClr val="CABD6C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3" name="Freeform 188"/>
            <p:cNvSpPr>
              <a:spLocks/>
            </p:cNvSpPr>
            <p:nvPr/>
          </p:nvSpPr>
          <p:spPr bwMode="auto">
            <a:xfrm>
              <a:off x="936626" y="2522538"/>
              <a:ext cx="98425" cy="123825"/>
            </a:xfrm>
            <a:custGeom>
              <a:avLst/>
              <a:gdLst>
                <a:gd name="T0" fmla="*/ 5 w 26"/>
                <a:gd name="T1" fmla="*/ 0 h 33"/>
                <a:gd name="T2" fmla="*/ 24 w 26"/>
                <a:gd name="T3" fmla="*/ 0 h 33"/>
                <a:gd name="T4" fmla="*/ 24 w 26"/>
                <a:gd name="T5" fmla="*/ 3 h 33"/>
                <a:gd name="T6" fmla="*/ 7 w 26"/>
                <a:gd name="T7" fmla="*/ 3 h 33"/>
                <a:gd name="T8" fmla="*/ 5 w 26"/>
                <a:gd name="T9" fmla="*/ 14 h 33"/>
                <a:gd name="T10" fmla="*/ 5 w 26"/>
                <a:gd name="T11" fmla="*/ 14 h 33"/>
                <a:gd name="T12" fmla="*/ 14 w 26"/>
                <a:gd name="T13" fmla="*/ 10 h 33"/>
                <a:gd name="T14" fmla="*/ 26 w 26"/>
                <a:gd name="T15" fmla="*/ 22 h 33"/>
                <a:gd name="T16" fmla="*/ 13 w 26"/>
                <a:gd name="T17" fmla="*/ 33 h 33"/>
                <a:gd name="T18" fmla="*/ 0 w 26"/>
                <a:gd name="T19" fmla="*/ 23 h 33"/>
                <a:gd name="T20" fmla="*/ 4 w 26"/>
                <a:gd name="T21" fmla="*/ 23 h 33"/>
                <a:gd name="T22" fmla="*/ 13 w 26"/>
                <a:gd name="T23" fmla="*/ 30 h 33"/>
                <a:gd name="T24" fmla="*/ 23 w 26"/>
                <a:gd name="T25" fmla="*/ 22 h 33"/>
                <a:gd name="T26" fmla="*/ 13 w 26"/>
                <a:gd name="T27" fmla="*/ 13 h 33"/>
                <a:gd name="T28" fmla="*/ 5 w 26"/>
                <a:gd name="T29" fmla="*/ 17 h 33"/>
                <a:gd name="T30" fmla="*/ 1 w 26"/>
                <a:gd name="T31" fmla="*/ 17 h 33"/>
                <a:gd name="T32" fmla="*/ 5 w 26"/>
                <a:gd name="T33" fmla="*/ 0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26" h="33">
                  <a:moveTo>
                    <a:pt x="5" y="0"/>
                  </a:moveTo>
                  <a:cubicBezTo>
                    <a:pt x="24" y="0"/>
                    <a:pt x="24" y="0"/>
                    <a:pt x="24" y="0"/>
                  </a:cubicBezTo>
                  <a:cubicBezTo>
                    <a:pt x="24" y="3"/>
                    <a:pt x="24" y="3"/>
                    <a:pt x="24" y="3"/>
                  </a:cubicBezTo>
                  <a:cubicBezTo>
                    <a:pt x="7" y="3"/>
                    <a:pt x="7" y="3"/>
                    <a:pt x="7" y="3"/>
                  </a:cubicBezTo>
                  <a:cubicBezTo>
                    <a:pt x="5" y="14"/>
                    <a:pt x="5" y="14"/>
                    <a:pt x="5" y="14"/>
                  </a:cubicBezTo>
                  <a:cubicBezTo>
                    <a:pt x="5" y="14"/>
                    <a:pt x="5" y="14"/>
                    <a:pt x="5" y="14"/>
                  </a:cubicBezTo>
                  <a:cubicBezTo>
                    <a:pt x="7" y="12"/>
                    <a:pt x="10" y="10"/>
                    <a:pt x="14" y="10"/>
                  </a:cubicBezTo>
                  <a:cubicBezTo>
                    <a:pt x="22" y="10"/>
                    <a:pt x="26" y="15"/>
                    <a:pt x="26" y="22"/>
                  </a:cubicBezTo>
                  <a:cubicBezTo>
                    <a:pt x="26" y="27"/>
                    <a:pt x="24" y="33"/>
                    <a:pt x="13" y="33"/>
                  </a:cubicBezTo>
                  <a:cubicBezTo>
                    <a:pt x="5" y="33"/>
                    <a:pt x="1" y="29"/>
                    <a:pt x="0" y="23"/>
                  </a:cubicBezTo>
                  <a:cubicBezTo>
                    <a:pt x="4" y="23"/>
                    <a:pt x="4" y="23"/>
                    <a:pt x="4" y="23"/>
                  </a:cubicBezTo>
                  <a:cubicBezTo>
                    <a:pt x="4" y="28"/>
                    <a:pt x="7" y="30"/>
                    <a:pt x="13" y="30"/>
                  </a:cubicBezTo>
                  <a:cubicBezTo>
                    <a:pt x="19" y="30"/>
                    <a:pt x="23" y="28"/>
                    <a:pt x="23" y="22"/>
                  </a:cubicBezTo>
                  <a:cubicBezTo>
                    <a:pt x="23" y="17"/>
                    <a:pt x="19" y="13"/>
                    <a:pt x="13" y="13"/>
                  </a:cubicBezTo>
                  <a:cubicBezTo>
                    <a:pt x="8" y="13"/>
                    <a:pt x="6" y="16"/>
                    <a:pt x="5" y="17"/>
                  </a:cubicBezTo>
                  <a:cubicBezTo>
                    <a:pt x="1" y="17"/>
                    <a:pt x="1" y="17"/>
                    <a:pt x="1" y="17"/>
                  </a:cubicBezTo>
                  <a:lnTo>
                    <a:pt x="5" y="0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4" name="Freeform 189"/>
            <p:cNvSpPr>
              <a:spLocks noEditPoints="1"/>
            </p:cNvSpPr>
            <p:nvPr/>
          </p:nvSpPr>
          <p:spPr bwMode="auto">
            <a:xfrm>
              <a:off x="1057276" y="2519363"/>
              <a:ext cx="101600" cy="127000"/>
            </a:xfrm>
            <a:custGeom>
              <a:avLst/>
              <a:gdLst>
                <a:gd name="T0" fmla="*/ 8 w 27"/>
                <a:gd name="T1" fmla="*/ 16 h 34"/>
                <a:gd name="T2" fmla="*/ 8 w 27"/>
                <a:gd name="T3" fmla="*/ 16 h 34"/>
                <a:gd name="T4" fmla="*/ 1 w 27"/>
                <a:gd name="T5" fmla="*/ 9 h 34"/>
                <a:gd name="T6" fmla="*/ 13 w 27"/>
                <a:gd name="T7" fmla="*/ 0 h 34"/>
                <a:gd name="T8" fmla="*/ 25 w 27"/>
                <a:gd name="T9" fmla="*/ 9 h 34"/>
                <a:gd name="T10" fmla="*/ 19 w 27"/>
                <a:gd name="T11" fmla="*/ 16 h 34"/>
                <a:gd name="T12" fmla="*/ 19 w 27"/>
                <a:gd name="T13" fmla="*/ 16 h 34"/>
                <a:gd name="T14" fmla="*/ 27 w 27"/>
                <a:gd name="T15" fmla="*/ 24 h 34"/>
                <a:gd name="T16" fmla="*/ 13 w 27"/>
                <a:gd name="T17" fmla="*/ 34 h 34"/>
                <a:gd name="T18" fmla="*/ 0 w 27"/>
                <a:gd name="T19" fmla="*/ 24 h 34"/>
                <a:gd name="T20" fmla="*/ 8 w 27"/>
                <a:gd name="T21" fmla="*/ 16 h 34"/>
                <a:gd name="T22" fmla="*/ 13 w 27"/>
                <a:gd name="T23" fmla="*/ 31 h 34"/>
                <a:gd name="T24" fmla="*/ 23 w 27"/>
                <a:gd name="T25" fmla="*/ 24 h 34"/>
                <a:gd name="T26" fmla="*/ 13 w 27"/>
                <a:gd name="T27" fmla="*/ 17 h 34"/>
                <a:gd name="T28" fmla="*/ 3 w 27"/>
                <a:gd name="T29" fmla="*/ 24 h 34"/>
                <a:gd name="T30" fmla="*/ 13 w 27"/>
                <a:gd name="T31" fmla="*/ 31 h 34"/>
                <a:gd name="T32" fmla="*/ 22 w 27"/>
                <a:gd name="T33" fmla="*/ 9 h 34"/>
                <a:gd name="T34" fmla="*/ 13 w 27"/>
                <a:gd name="T35" fmla="*/ 3 h 34"/>
                <a:gd name="T36" fmla="*/ 5 w 27"/>
                <a:gd name="T37" fmla="*/ 9 h 34"/>
                <a:gd name="T38" fmla="*/ 13 w 27"/>
                <a:gd name="T39" fmla="*/ 14 h 34"/>
                <a:gd name="T40" fmla="*/ 22 w 27"/>
                <a:gd name="T41" fmla="*/ 9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27" h="34">
                  <a:moveTo>
                    <a:pt x="8" y="16"/>
                  </a:moveTo>
                  <a:cubicBezTo>
                    <a:pt x="8" y="16"/>
                    <a:pt x="8" y="16"/>
                    <a:pt x="8" y="16"/>
                  </a:cubicBezTo>
                  <a:cubicBezTo>
                    <a:pt x="6" y="15"/>
                    <a:pt x="1" y="14"/>
                    <a:pt x="1" y="9"/>
                  </a:cubicBezTo>
                  <a:cubicBezTo>
                    <a:pt x="1" y="5"/>
                    <a:pt x="4" y="0"/>
                    <a:pt x="13" y="0"/>
                  </a:cubicBezTo>
                  <a:cubicBezTo>
                    <a:pt x="23" y="0"/>
                    <a:pt x="25" y="5"/>
                    <a:pt x="25" y="9"/>
                  </a:cubicBezTo>
                  <a:cubicBezTo>
                    <a:pt x="25" y="14"/>
                    <a:pt x="21" y="15"/>
                    <a:pt x="19" y="16"/>
                  </a:cubicBezTo>
                  <a:cubicBezTo>
                    <a:pt x="19" y="16"/>
                    <a:pt x="19" y="16"/>
                    <a:pt x="19" y="16"/>
                  </a:cubicBezTo>
                  <a:cubicBezTo>
                    <a:pt x="22" y="16"/>
                    <a:pt x="27" y="18"/>
                    <a:pt x="27" y="24"/>
                  </a:cubicBezTo>
                  <a:cubicBezTo>
                    <a:pt x="27" y="29"/>
                    <a:pt x="24" y="34"/>
                    <a:pt x="13" y="34"/>
                  </a:cubicBezTo>
                  <a:cubicBezTo>
                    <a:pt x="3" y="34"/>
                    <a:pt x="0" y="29"/>
                    <a:pt x="0" y="24"/>
                  </a:cubicBezTo>
                  <a:cubicBezTo>
                    <a:pt x="0" y="18"/>
                    <a:pt x="5" y="16"/>
                    <a:pt x="8" y="16"/>
                  </a:cubicBezTo>
                  <a:moveTo>
                    <a:pt x="13" y="31"/>
                  </a:moveTo>
                  <a:cubicBezTo>
                    <a:pt x="19" y="31"/>
                    <a:pt x="23" y="29"/>
                    <a:pt x="23" y="24"/>
                  </a:cubicBezTo>
                  <a:cubicBezTo>
                    <a:pt x="23" y="19"/>
                    <a:pt x="19" y="17"/>
                    <a:pt x="13" y="17"/>
                  </a:cubicBezTo>
                  <a:cubicBezTo>
                    <a:pt x="8" y="17"/>
                    <a:pt x="3" y="19"/>
                    <a:pt x="3" y="24"/>
                  </a:cubicBezTo>
                  <a:cubicBezTo>
                    <a:pt x="3" y="29"/>
                    <a:pt x="8" y="31"/>
                    <a:pt x="13" y="31"/>
                  </a:cubicBezTo>
                  <a:moveTo>
                    <a:pt x="22" y="9"/>
                  </a:moveTo>
                  <a:cubicBezTo>
                    <a:pt x="22" y="4"/>
                    <a:pt x="18" y="3"/>
                    <a:pt x="13" y="3"/>
                  </a:cubicBezTo>
                  <a:cubicBezTo>
                    <a:pt x="9" y="3"/>
                    <a:pt x="5" y="4"/>
                    <a:pt x="5" y="9"/>
                  </a:cubicBezTo>
                  <a:cubicBezTo>
                    <a:pt x="5" y="12"/>
                    <a:pt x="8" y="14"/>
                    <a:pt x="13" y="14"/>
                  </a:cubicBezTo>
                  <a:cubicBezTo>
                    <a:pt x="19" y="14"/>
                    <a:pt x="22" y="12"/>
                    <a:pt x="22" y="9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5" name="Freeform 190"/>
            <p:cNvSpPr>
              <a:spLocks noEditPoints="1"/>
            </p:cNvSpPr>
            <p:nvPr/>
          </p:nvSpPr>
          <p:spPr bwMode="auto">
            <a:xfrm>
              <a:off x="1176338" y="2519363"/>
              <a:ext cx="150813" cy="127000"/>
            </a:xfrm>
            <a:custGeom>
              <a:avLst/>
              <a:gdLst>
                <a:gd name="T0" fmla="*/ 0 w 40"/>
                <a:gd name="T1" fmla="*/ 9 h 34"/>
                <a:gd name="T2" fmla="*/ 9 w 40"/>
                <a:gd name="T3" fmla="*/ 0 h 34"/>
                <a:gd name="T4" fmla="*/ 17 w 40"/>
                <a:gd name="T5" fmla="*/ 9 h 34"/>
                <a:gd name="T6" fmla="*/ 9 w 40"/>
                <a:gd name="T7" fmla="*/ 18 h 34"/>
                <a:gd name="T8" fmla="*/ 0 w 40"/>
                <a:gd name="T9" fmla="*/ 9 h 34"/>
                <a:gd name="T10" fmla="*/ 14 w 40"/>
                <a:gd name="T11" fmla="*/ 9 h 34"/>
                <a:gd name="T12" fmla="*/ 9 w 40"/>
                <a:gd name="T13" fmla="*/ 2 h 34"/>
                <a:gd name="T14" fmla="*/ 3 w 40"/>
                <a:gd name="T15" fmla="*/ 9 h 34"/>
                <a:gd name="T16" fmla="*/ 9 w 40"/>
                <a:gd name="T17" fmla="*/ 16 h 34"/>
                <a:gd name="T18" fmla="*/ 14 w 40"/>
                <a:gd name="T19" fmla="*/ 9 h 34"/>
                <a:gd name="T20" fmla="*/ 30 w 40"/>
                <a:gd name="T21" fmla="*/ 0 h 34"/>
                <a:gd name="T22" fmla="*/ 33 w 40"/>
                <a:gd name="T23" fmla="*/ 0 h 34"/>
                <a:gd name="T24" fmla="*/ 10 w 40"/>
                <a:gd name="T25" fmla="*/ 34 h 34"/>
                <a:gd name="T26" fmla="*/ 7 w 40"/>
                <a:gd name="T27" fmla="*/ 34 h 34"/>
                <a:gd name="T28" fmla="*/ 30 w 40"/>
                <a:gd name="T29" fmla="*/ 0 h 34"/>
                <a:gd name="T30" fmla="*/ 23 w 40"/>
                <a:gd name="T31" fmla="*/ 25 h 34"/>
                <a:gd name="T32" fmla="*/ 32 w 40"/>
                <a:gd name="T33" fmla="*/ 16 h 34"/>
                <a:gd name="T34" fmla="*/ 40 w 40"/>
                <a:gd name="T35" fmla="*/ 25 h 34"/>
                <a:gd name="T36" fmla="*/ 32 w 40"/>
                <a:gd name="T37" fmla="*/ 34 h 34"/>
                <a:gd name="T38" fmla="*/ 23 w 40"/>
                <a:gd name="T39" fmla="*/ 25 h 34"/>
                <a:gd name="T40" fmla="*/ 37 w 40"/>
                <a:gd name="T41" fmla="*/ 25 h 34"/>
                <a:gd name="T42" fmla="*/ 32 w 40"/>
                <a:gd name="T43" fmla="*/ 18 h 34"/>
                <a:gd name="T44" fmla="*/ 26 w 40"/>
                <a:gd name="T45" fmla="*/ 25 h 34"/>
                <a:gd name="T46" fmla="*/ 32 w 40"/>
                <a:gd name="T47" fmla="*/ 32 h 34"/>
                <a:gd name="T48" fmla="*/ 37 w 40"/>
                <a:gd name="T49" fmla="*/ 25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l="0" t="0" r="r" b="b"/>
              <a:pathLst>
                <a:path w="40" h="34">
                  <a:moveTo>
                    <a:pt x="0" y="9"/>
                  </a:moveTo>
                  <a:cubicBezTo>
                    <a:pt x="0" y="3"/>
                    <a:pt x="4" y="0"/>
                    <a:pt x="9" y="0"/>
                  </a:cubicBezTo>
                  <a:cubicBezTo>
                    <a:pt x="13" y="0"/>
                    <a:pt x="17" y="3"/>
                    <a:pt x="17" y="9"/>
                  </a:cubicBezTo>
                  <a:cubicBezTo>
                    <a:pt x="17" y="15"/>
                    <a:pt x="13" y="18"/>
                    <a:pt x="9" y="18"/>
                  </a:cubicBezTo>
                  <a:cubicBezTo>
                    <a:pt x="4" y="18"/>
                    <a:pt x="0" y="15"/>
                    <a:pt x="0" y="9"/>
                  </a:cubicBezTo>
                  <a:moveTo>
                    <a:pt x="14" y="9"/>
                  </a:moveTo>
                  <a:cubicBezTo>
                    <a:pt x="14" y="5"/>
                    <a:pt x="12" y="2"/>
                    <a:pt x="9" y="2"/>
                  </a:cubicBezTo>
                  <a:cubicBezTo>
                    <a:pt x="5" y="2"/>
                    <a:pt x="3" y="5"/>
                    <a:pt x="3" y="9"/>
                  </a:cubicBezTo>
                  <a:cubicBezTo>
                    <a:pt x="3" y="13"/>
                    <a:pt x="5" y="16"/>
                    <a:pt x="9" y="16"/>
                  </a:cubicBezTo>
                  <a:cubicBezTo>
                    <a:pt x="12" y="16"/>
                    <a:pt x="14" y="13"/>
                    <a:pt x="14" y="9"/>
                  </a:cubicBezTo>
                  <a:moveTo>
                    <a:pt x="30" y="0"/>
                  </a:moveTo>
                  <a:cubicBezTo>
                    <a:pt x="33" y="0"/>
                    <a:pt x="33" y="0"/>
                    <a:pt x="33" y="0"/>
                  </a:cubicBezTo>
                  <a:cubicBezTo>
                    <a:pt x="10" y="34"/>
                    <a:pt x="10" y="34"/>
                    <a:pt x="10" y="34"/>
                  </a:cubicBezTo>
                  <a:cubicBezTo>
                    <a:pt x="7" y="34"/>
                    <a:pt x="7" y="34"/>
                    <a:pt x="7" y="34"/>
                  </a:cubicBezTo>
                  <a:lnTo>
                    <a:pt x="30" y="0"/>
                  </a:lnTo>
                  <a:close/>
                  <a:moveTo>
                    <a:pt x="23" y="25"/>
                  </a:moveTo>
                  <a:cubicBezTo>
                    <a:pt x="23" y="19"/>
                    <a:pt x="27" y="16"/>
                    <a:pt x="32" y="16"/>
                  </a:cubicBezTo>
                  <a:cubicBezTo>
                    <a:pt x="37" y="16"/>
                    <a:pt x="40" y="19"/>
                    <a:pt x="40" y="25"/>
                  </a:cubicBezTo>
                  <a:cubicBezTo>
                    <a:pt x="40" y="31"/>
                    <a:pt x="37" y="34"/>
                    <a:pt x="32" y="34"/>
                  </a:cubicBezTo>
                  <a:cubicBezTo>
                    <a:pt x="27" y="34"/>
                    <a:pt x="23" y="31"/>
                    <a:pt x="23" y="25"/>
                  </a:cubicBezTo>
                  <a:moveTo>
                    <a:pt x="37" y="25"/>
                  </a:moveTo>
                  <a:cubicBezTo>
                    <a:pt x="37" y="21"/>
                    <a:pt x="35" y="18"/>
                    <a:pt x="32" y="18"/>
                  </a:cubicBezTo>
                  <a:cubicBezTo>
                    <a:pt x="28" y="18"/>
                    <a:pt x="26" y="21"/>
                    <a:pt x="26" y="25"/>
                  </a:cubicBezTo>
                  <a:cubicBezTo>
                    <a:pt x="26" y="29"/>
                    <a:pt x="28" y="32"/>
                    <a:pt x="32" y="32"/>
                  </a:cubicBezTo>
                  <a:cubicBezTo>
                    <a:pt x="35" y="32"/>
                    <a:pt x="37" y="29"/>
                    <a:pt x="37" y="2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16" name="组合 15"/>
          <p:cNvGrpSpPr/>
          <p:nvPr/>
        </p:nvGrpSpPr>
        <p:grpSpPr>
          <a:xfrm>
            <a:off x="3592290" y="2383112"/>
            <a:ext cx="4751389" cy="2020888"/>
            <a:chOff x="2082802" y="1739900"/>
            <a:chExt cx="4751389" cy="2020888"/>
          </a:xfrm>
        </p:grpSpPr>
        <p:grpSp>
          <p:nvGrpSpPr>
            <p:cNvPr id="17" name="组合 16"/>
            <p:cNvGrpSpPr/>
            <p:nvPr/>
          </p:nvGrpSpPr>
          <p:grpSpPr>
            <a:xfrm>
              <a:off x="2082802" y="1739900"/>
              <a:ext cx="4017962" cy="2020888"/>
              <a:chOff x="2400301" y="1790700"/>
              <a:chExt cx="4017962" cy="2020888"/>
            </a:xfrm>
            <a:solidFill>
              <a:srgbClr val="CABD6C"/>
            </a:solidFill>
          </p:grpSpPr>
          <p:sp>
            <p:nvSpPr>
              <p:cNvPr id="36" name="Freeform 91"/>
              <p:cNvSpPr>
                <a:spLocks/>
              </p:cNvSpPr>
              <p:nvPr/>
            </p:nvSpPr>
            <p:spPr bwMode="auto">
              <a:xfrm>
                <a:off x="2987676" y="1897063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37" name="Oval 92"/>
              <p:cNvSpPr>
                <a:spLocks noChangeArrowheads="1"/>
              </p:cNvSpPr>
              <p:nvPr/>
            </p:nvSpPr>
            <p:spPr bwMode="auto">
              <a:xfrm>
                <a:off x="3062288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38" name="Freeform 93"/>
              <p:cNvSpPr>
                <a:spLocks/>
              </p:cNvSpPr>
              <p:nvPr/>
            </p:nvSpPr>
            <p:spPr bwMode="auto">
              <a:xfrm>
                <a:off x="3276601" y="1897063"/>
                <a:ext cx="246063" cy="512762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8 w 23"/>
                  <a:gd name="T39" fmla="*/ 45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39" name="Oval 94"/>
              <p:cNvSpPr>
                <a:spLocks noChangeArrowheads="1"/>
              </p:cNvSpPr>
              <p:nvPr/>
            </p:nvSpPr>
            <p:spPr bwMode="auto">
              <a:xfrm>
                <a:off x="3351213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0" name="Freeform 95"/>
              <p:cNvSpPr>
                <a:spLocks/>
              </p:cNvSpPr>
              <p:nvPr/>
            </p:nvSpPr>
            <p:spPr bwMode="auto">
              <a:xfrm>
                <a:off x="3575051" y="1897063"/>
                <a:ext cx="234950" cy="512762"/>
              </a:xfrm>
              <a:custGeom>
                <a:avLst/>
                <a:gdLst>
                  <a:gd name="T0" fmla="*/ 17 w 22"/>
                  <a:gd name="T1" fmla="*/ 0 h 48"/>
                  <a:gd name="T2" fmla="*/ 5 w 22"/>
                  <a:gd name="T3" fmla="*/ 0 h 48"/>
                  <a:gd name="T4" fmla="*/ 0 w 22"/>
                  <a:gd name="T5" fmla="*/ 5 h 48"/>
                  <a:gd name="T6" fmla="*/ 0 w 22"/>
                  <a:gd name="T7" fmla="*/ 5 h 48"/>
                  <a:gd name="T8" fmla="*/ 0 w 22"/>
                  <a:gd name="T9" fmla="*/ 6 h 48"/>
                  <a:gd name="T10" fmla="*/ 0 w 22"/>
                  <a:gd name="T11" fmla="*/ 22 h 48"/>
                  <a:gd name="T12" fmla="*/ 1 w 22"/>
                  <a:gd name="T13" fmla="*/ 24 h 48"/>
                  <a:gd name="T14" fmla="*/ 3 w 22"/>
                  <a:gd name="T15" fmla="*/ 22 h 48"/>
                  <a:gd name="T16" fmla="*/ 3 w 22"/>
                  <a:gd name="T17" fmla="*/ 8 h 48"/>
                  <a:gd name="T18" fmla="*/ 5 w 22"/>
                  <a:gd name="T19" fmla="*/ 8 h 48"/>
                  <a:gd name="T20" fmla="*/ 5 w 22"/>
                  <a:gd name="T21" fmla="*/ 21 h 48"/>
                  <a:gd name="T22" fmla="*/ 5 w 22"/>
                  <a:gd name="T23" fmla="*/ 22 h 48"/>
                  <a:gd name="T24" fmla="*/ 5 w 22"/>
                  <a:gd name="T25" fmla="*/ 45 h 48"/>
                  <a:gd name="T26" fmla="*/ 8 w 22"/>
                  <a:gd name="T27" fmla="*/ 48 h 48"/>
                  <a:gd name="T28" fmla="*/ 10 w 22"/>
                  <a:gd name="T29" fmla="*/ 45 h 48"/>
                  <a:gd name="T30" fmla="*/ 10 w 22"/>
                  <a:gd name="T31" fmla="*/ 24 h 48"/>
                  <a:gd name="T32" fmla="*/ 12 w 22"/>
                  <a:gd name="T33" fmla="*/ 24 h 48"/>
                  <a:gd name="T34" fmla="*/ 12 w 22"/>
                  <a:gd name="T35" fmla="*/ 45 h 48"/>
                  <a:gd name="T36" fmla="*/ 14 w 22"/>
                  <a:gd name="T37" fmla="*/ 48 h 48"/>
                  <a:gd name="T38" fmla="*/ 17 w 22"/>
                  <a:gd name="T39" fmla="*/ 45 h 48"/>
                  <a:gd name="T40" fmla="*/ 17 w 22"/>
                  <a:gd name="T41" fmla="*/ 21 h 48"/>
                  <a:gd name="T42" fmla="*/ 17 w 22"/>
                  <a:gd name="T43" fmla="*/ 21 h 48"/>
                  <a:gd name="T44" fmla="*/ 17 w 22"/>
                  <a:gd name="T45" fmla="*/ 8 h 48"/>
                  <a:gd name="T46" fmla="*/ 18 w 22"/>
                  <a:gd name="T47" fmla="*/ 8 h 48"/>
                  <a:gd name="T48" fmla="*/ 18 w 22"/>
                  <a:gd name="T49" fmla="*/ 22 h 48"/>
                  <a:gd name="T50" fmla="*/ 20 w 22"/>
                  <a:gd name="T51" fmla="*/ 24 h 48"/>
                  <a:gd name="T52" fmla="*/ 22 w 22"/>
                  <a:gd name="T53" fmla="*/ 22 h 48"/>
                  <a:gd name="T54" fmla="*/ 22 w 22"/>
                  <a:gd name="T55" fmla="*/ 6 h 48"/>
                  <a:gd name="T56" fmla="*/ 22 w 22"/>
                  <a:gd name="T57" fmla="*/ 5 h 48"/>
                  <a:gd name="T58" fmla="*/ 22 w 22"/>
                  <a:gd name="T59" fmla="*/ 5 h 48"/>
                  <a:gd name="T60" fmla="*/ 17 w 22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2" h="48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1" name="Oval 96"/>
              <p:cNvSpPr>
                <a:spLocks noChangeArrowheads="1"/>
              </p:cNvSpPr>
              <p:nvPr/>
            </p:nvSpPr>
            <p:spPr bwMode="auto">
              <a:xfrm>
                <a:off x="3640138" y="1790700"/>
                <a:ext cx="106363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2" name="Freeform 97"/>
              <p:cNvSpPr>
                <a:spLocks/>
              </p:cNvSpPr>
              <p:nvPr/>
            </p:nvSpPr>
            <p:spPr bwMode="auto">
              <a:xfrm>
                <a:off x="2400301" y="1897063"/>
                <a:ext cx="246063" cy="512762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8 w 23"/>
                  <a:gd name="T39" fmla="*/ 45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3" name="Oval 98"/>
              <p:cNvSpPr>
                <a:spLocks noChangeArrowheads="1"/>
              </p:cNvSpPr>
              <p:nvPr/>
            </p:nvSpPr>
            <p:spPr bwMode="auto">
              <a:xfrm>
                <a:off x="2474913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4" name="Freeform 99"/>
              <p:cNvSpPr>
                <a:spLocks/>
              </p:cNvSpPr>
              <p:nvPr/>
            </p:nvSpPr>
            <p:spPr bwMode="auto">
              <a:xfrm>
                <a:off x="2698751" y="1897063"/>
                <a:ext cx="234950" cy="512762"/>
              </a:xfrm>
              <a:custGeom>
                <a:avLst/>
                <a:gdLst>
                  <a:gd name="T0" fmla="*/ 17 w 22"/>
                  <a:gd name="T1" fmla="*/ 0 h 48"/>
                  <a:gd name="T2" fmla="*/ 5 w 22"/>
                  <a:gd name="T3" fmla="*/ 0 h 48"/>
                  <a:gd name="T4" fmla="*/ 0 w 22"/>
                  <a:gd name="T5" fmla="*/ 5 h 48"/>
                  <a:gd name="T6" fmla="*/ 0 w 22"/>
                  <a:gd name="T7" fmla="*/ 5 h 48"/>
                  <a:gd name="T8" fmla="*/ 0 w 22"/>
                  <a:gd name="T9" fmla="*/ 6 h 48"/>
                  <a:gd name="T10" fmla="*/ 0 w 22"/>
                  <a:gd name="T11" fmla="*/ 22 h 48"/>
                  <a:gd name="T12" fmla="*/ 1 w 22"/>
                  <a:gd name="T13" fmla="*/ 24 h 48"/>
                  <a:gd name="T14" fmla="*/ 3 w 22"/>
                  <a:gd name="T15" fmla="*/ 22 h 48"/>
                  <a:gd name="T16" fmla="*/ 3 w 22"/>
                  <a:gd name="T17" fmla="*/ 8 h 48"/>
                  <a:gd name="T18" fmla="*/ 5 w 22"/>
                  <a:gd name="T19" fmla="*/ 8 h 48"/>
                  <a:gd name="T20" fmla="*/ 5 w 22"/>
                  <a:gd name="T21" fmla="*/ 21 h 48"/>
                  <a:gd name="T22" fmla="*/ 5 w 22"/>
                  <a:gd name="T23" fmla="*/ 22 h 48"/>
                  <a:gd name="T24" fmla="*/ 5 w 22"/>
                  <a:gd name="T25" fmla="*/ 45 h 48"/>
                  <a:gd name="T26" fmla="*/ 8 w 22"/>
                  <a:gd name="T27" fmla="*/ 48 h 48"/>
                  <a:gd name="T28" fmla="*/ 10 w 22"/>
                  <a:gd name="T29" fmla="*/ 45 h 48"/>
                  <a:gd name="T30" fmla="*/ 10 w 22"/>
                  <a:gd name="T31" fmla="*/ 24 h 48"/>
                  <a:gd name="T32" fmla="*/ 12 w 22"/>
                  <a:gd name="T33" fmla="*/ 24 h 48"/>
                  <a:gd name="T34" fmla="*/ 12 w 22"/>
                  <a:gd name="T35" fmla="*/ 45 h 48"/>
                  <a:gd name="T36" fmla="*/ 14 w 22"/>
                  <a:gd name="T37" fmla="*/ 48 h 48"/>
                  <a:gd name="T38" fmla="*/ 17 w 22"/>
                  <a:gd name="T39" fmla="*/ 45 h 48"/>
                  <a:gd name="T40" fmla="*/ 17 w 22"/>
                  <a:gd name="T41" fmla="*/ 21 h 48"/>
                  <a:gd name="T42" fmla="*/ 17 w 22"/>
                  <a:gd name="T43" fmla="*/ 21 h 48"/>
                  <a:gd name="T44" fmla="*/ 17 w 22"/>
                  <a:gd name="T45" fmla="*/ 8 h 48"/>
                  <a:gd name="T46" fmla="*/ 18 w 22"/>
                  <a:gd name="T47" fmla="*/ 8 h 48"/>
                  <a:gd name="T48" fmla="*/ 18 w 22"/>
                  <a:gd name="T49" fmla="*/ 22 h 48"/>
                  <a:gd name="T50" fmla="*/ 20 w 22"/>
                  <a:gd name="T51" fmla="*/ 24 h 48"/>
                  <a:gd name="T52" fmla="*/ 22 w 22"/>
                  <a:gd name="T53" fmla="*/ 22 h 48"/>
                  <a:gd name="T54" fmla="*/ 22 w 22"/>
                  <a:gd name="T55" fmla="*/ 6 h 48"/>
                  <a:gd name="T56" fmla="*/ 22 w 22"/>
                  <a:gd name="T57" fmla="*/ 5 h 48"/>
                  <a:gd name="T58" fmla="*/ 22 w 22"/>
                  <a:gd name="T59" fmla="*/ 5 h 48"/>
                  <a:gd name="T60" fmla="*/ 17 w 22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2" h="48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5" name="Oval 100"/>
              <p:cNvSpPr>
                <a:spLocks noChangeArrowheads="1"/>
              </p:cNvSpPr>
              <p:nvPr/>
            </p:nvSpPr>
            <p:spPr bwMode="auto">
              <a:xfrm>
                <a:off x="2763838" y="1790700"/>
                <a:ext cx="106363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6" name="Freeform 101"/>
              <p:cNvSpPr>
                <a:spLocks/>
              </p:cNvSpPr>
              <p:nvPr/>
            </p:nvSpPr>
            <p:spPr bwMode="auto">
              <a:xfrm>
                <a:off x="4441826" y="1897063"/>
                <a:ext cx="244475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5 w 23"/>
                  <a:gd name="T19" fmla="*/ 8 h 48"/>
                  <a:gd name="T20" fmla="*/ 5 w 23"/>
                  <a:gd name="T21" fmla="*/ 21 h 48"/>
                  <a:gd name="T22" fmla="*/ 5 w 23"/>
                  <a:gd name="T23" fmla="*/ 22 h 48"/>
                  <a:gd name="T24" fmla="*/ 5 w 23"/>
                  <a:gd name="T25" fmla="*/ 45 h 48"/>
                  <a:gd name="T26" fmla="*/ 8 w 23"/>
                  <a:gd name="T27" fmla="*/ 48 h 48"/>
                  <a:gd name="T28" fmla="*/ 10 w 23"/>
                  <a:gd name="T29" fmla="*/ 45 h 48"/>
                  <a:gd name="T30" fmla="*/ 10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4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19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7" name="Oval 102"/>
              <p:cNvSpPr>
                <a:spLocks noChangeArrowheads="1"/>
              </p:cNvSpPr>
              <p:nvPr/>
            </p:nvSpPr>
            <p:spPr bwMode="auto">
              <a:xfrm>
                <a:off x="4516438" y="1790700"/>
                <a:ext cx="95250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8" name="Freeform 103"/>
              <p:cNvSpPr>
                <a:spLocks/>
              </p:cNvSpPr>
              <p:nvPr/>
            </p:nvSpPr>
            <p:spPr bwMode="auto">
              <a:xfrm>
                <a:off x="4729163" y="1897063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5 w 23"/>
                  <a:gd name="T19" fmla="*/ 8 h 48"/>
                  <a:gd name="T20" fmla="*/ 5 w 23"/>
                  <a:gd name="T21" fmla="*/ 21 h 48"/>
                  <a:gd name="T22" fmla="*/ 5 w 23"/>
                  <a:gd name="T23" fmla="*/ 22 h 48"/>
                  <a:gd name="T24" fmla="*/ 5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49" name="Oval 104"/>
              <p:cNvSpPr>
                <a:spLocks noChangeArrowheads="1"/>
              </p:cNvSpPr>
              <p:nvPr/>
            </p:nvSpPr>
            <p:spPr bwMode="auto">
              <a:xfrm>
                <a:off x="4803776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0" name="Freeform 105"/>
              <p:cNvSpPr>
                <a:spLocks/>
              </p:cNvSpPr>
              <p:nvPr/>
            </p:nvSpPr>
            <p:spPr bwMode="auto">
              <a:xfrm>
                <a:off x="5018088" y="1897063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1" name="Oval 106"/>
              <p:cNvSpPr>
                <a:spLocks noChangeArrowheads="1"/>
              </p:cNvSpPr>
              <p:nvPr/>
            </p:nvSpPr>
            <p:spPr bwMode="auto">
              <a:xfrm>
                <a:off x="5092701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2" name="Freeform 107"/>
              <p:cNvSpPr>
                <a:spLocks/>
              </p:cNvSpPr>
              <p:nvPr/>
            </p:nvSpPr>
            <p:spPr bwMode="auto">
              <a:xfrm>
                <a:off x="3852863" y="1897063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5 w 23"/>
                  <a:gd name="T19" fmla="*/ 8 h 48"/>
                  <a:gd name="T20" fmla="*/ 5 w 23"/>
                  <a:gd name="T21" fmla="*/ 21 h 48"/>
                  <a:gd name="T22" fmla="*/ 5 w 23"/>
                  <a:gd name="T23" fmla="*/ 22 h 48"/>
                  <a:gd name="T24" fmla="*/ 5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3" name="Oval 108"/>
              <p:cNvSpPr>
                <a:spLocks noChangeArrowheads="1"/>
              </p:cNvSpPr>
              <p:nvPr/>
            </p:nvSpPr>
            <p:spPr bwMode="auto">
              <a:xfrm>
                <a:off x="3927476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4" name="Freeform 109"/>
              <p:cNvSpPr>
                <a:spLocks/>
              </p:cNvSpPr>
              <p:nvPr/>
            </p:nvSpPr>
            <p:spPr bwMode="auto">
              <a:xfrm>
                <a:off x="4141788" y="1897063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5" name="Oval 110"/>
              <p:cNvSpPr>
                <a:spLocks noChangeArrowheads="1"/>
              </p:cNvSpPr>
              <p:nvPr/>
            </p:nvSpPr>
            <p:spPr bwMode="auto">
              <a:xfrm>
                <a:off x="4216401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6" name="Freeform 111"/>
              <p:cNvSpPr>
                <a:spLocks/>
              </p:cNvSpPr>
              <p:nvPr/>
            </p:nvSpPr>
            <p:spPr bwMode="auto">
              <a:xfrm>
                <a:off x="5883276" y="1897063"/>
                <a:ext cx="246063" cy="512762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8 w 23"/>
                  <a:gd name="T39" fmla="*/ 45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7" name="Oval 112"/>
              <p:cNvSpPr>
                <a:spLocks noChangeArrowheads="1"/>
              </p:cNvSpPr>
              <p:nvPr/>
            </p:nvSpPr>
            <p:spPr bwMode="auto">
              <a:xfrm>
                <a:off x="5957888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8" name="Freeform 113"/>
              <p:cNvSpPr>
                <a:spLocks/>
              </p:cNvSpPr>
              <p:nvPr/>
            </p:nvSpPr>
            <p:spPr bwMode="auto">
              <a:xfrm>
                <a:off x="6183313" y="1897063"/>
                <a:ext cx="234950" cy="512762"/>
              </a:xfrm>
              <a:custGeom>
                <a:avLst/>
                <a:gdLst>
                  <a:gd name="T0" fmla="*/ 17 w 22"/>
                  <a:gd name="T1" fmla="*/ 0 h 48"/>
                  <a:gd name="T2" fmla="*/ 5 w 22"/>
                  <a:gd name="T3" fmla="*/ 0 h 48"/>
                  <a:gd name="T4" fmla="*/ 0 w 22"/>
                  <a:gd name="T5" fmla="*/ 5 h 48"/>
                  <a:gd name="T6" fmla="*/ 0 w 22"/>
                  <a:gd name="T7" fmla="*/ 5 h 48"/>
                  <a:gd name="T8" fmla="*/ 0 w 22"/>
                  <a:gd name="T9" fmla="*/ 6 h 48"/>
                  <a:gd name="T10" fmla="*/ 0 w 22"/>
                  <a:gd name="T11" fmla="*/ 22 h 48"/>
                  <a:gd name="T12" fmla="*/ 1 w 22"/>
                  <a:gd name="T13" fmla="*/ 24 h 48"/>
                  <a:gd name="T14" fmla="*/ 3 w 22"/>
                  <a:gd name="T15" fmla="*/ 22 h 48"/>
                  <a:gd name="T16" fmla="*/ 3 w 22"/>
                  <a:gd name="T17" fmla="*/ 8 h 48"/>
                  <a:gd name="T18" fmla="*/ 5 w 22"/>
                  <a:gd name="T19" fmla="*/ 8 h 48"/>
                  <a:gd name="T20" fmla="*/ 5 w 22"/>
                  <a:gd name="T21" fmla="*/ 21 h 48"/>
                  <a:gd name="T22" fmla="*/ 5 w 22"/>
                  <a:gd name="T23" fmla="*/ 22 h 48"/>
                  <a:gd name="T24" fmla="*/ 5 w 22"/>
                  <a:gd name="T25" fmla="*/ 45 h 48"/>
                  <a:gd name="T26" fmla="*/ 8 w 22"/>
                  <a:gd name="T27" fmla="*/ 48 h 48"/>
                  <a:gd name="T28" fmla="*/ 10 w 22"/>
                  <a:gd name="T29" fmla="*/ 45 h 48"/>
                  <a:gd name="T30" fmla="*/ 10 w 22"/>
                  <a:gd name="T31" fmla="*/ 24 h 48"/>
                  <a:gd name="T32" fmla="*/ 12 w 22"/>
                  <a:gd name="T33" fmla="*/ 24 h 48"/>
                  <a:gd name="T34" fmla="*/ 12 w 22"/>
                  <a:gd name="T35" fmla="*/ 45 h 48"/>
                  <a:gd name="T36" fmla="*/ 14 w 22"/>
                  <a:gd name="T37" fmla="*/ 48 h 48"/>
                  <a:gd name="T38" fmla="*/ 17 w 22"/>
                  <a:gd name="T39" fmla="*/ 45 h 48"/>
                  <a:gd name="T40" fmla="*/ 17 w 22"/>
                  <a:gd name="T41" fmla="*/ 21 h 48"/>
                  <a:gd name="T42" fmla="*/ 17 w 22"/>
                  <a:gd name="T43" fmla="*/ 21 h 48"/>
                  <a:gd name="T44" fmla="*/ 17 w 22"/>
                  <a:gd name="T45" fmla="*/ 8 h 48"/>
                  <a:gd name="T46" fmla="*/ 18 w 22"/>
                  <a:gd name="T47" fmla="*/ 8 h 48"/>
                  <a:gd name="T48" fmla="*/ 18 w 22"/>
                  <a:gd name="T49" fmla="*/ 22 h 48"/>
                  <a:gd name="T50" fmla="*/ 20 w 22"/>
                  <a:gd name="T51" fmla="*/ 24 h 48"/>
                  <a:gd name="T52" fmla="*/ 22 w 22"/>
                  <a:gd name="T53" fmla="*/ 22 h 48"/>
                  <a:gd name="T54" fmla="*/ 22 w 22"/>
                  <a:gd name="T55" fmla="*/ 6 h 48"/>
                  <a:gd name="T56" fmla="*/ 22 w 22"/>
                  <a:gd name="T57" fmla="*/ 5 h 48"/>
                  <a:gd name="T58" fmla="*/ 22 w 22"/>
                  <a:gd name="T59" fmla="*/ 5 h 48"/>
                  <a:gd name="T60" fmla="*/ 17 w 22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2" h="48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59" name="Oval 114"/>
              <p:cNvSpPr>
                <a:spLocks noChangeArrowheads="1"/>
              </p:cNvSpPr>
              <p:nvPr/>
            </p:nvSpPr>
            <p:spPr bwMode="auto">
              <a:xfrm>
                <a:off x="6246813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0" name="Freeform 115"/>
              <p:cNvSpPr>
                <a:spLocks/>
              </p:cNvSpPr>
              <p:nvPr/>
            </p:nvSpPr>
            <p:spPr bwMode="auto">
              <a:xfrm>
                <a:off x="5295901" y="1897063"/>
                <a:ext cx="246063" cy="512762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5 h 48"/>
                  <a:gd name="T26" fmla="*/ 9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3 w 23"/>
                  <a:gd name="T33" fmla="*/ 24 h 48"/>
                  <a:gd name="T34" fmla="*/ 13 w 23"/>
                  <a:gd name="T35" fmla="*/ 45 h 48"/>
                  <a:gd name="T36" fmla="*/ 15 w 23"/>
                  <a:gd name="T37" fmla="*/ 48 h 48"/>
                  <a:gd name="T38" fmla="*/ 18 w 23"/>
                  <a:gd name="T39" fmla="*/ 45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9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3" y="24"/>
                      <a:pt x="13" y="24"/>
                      <a:pt x="13" y="24"/>
                    </a:cubicBezTo>
                    <a:cubicBezTo>
                      <a:pt x="13" y="45"/>
                      <a:pt x="13" y="45"/>
                      <a:pt x="13" y="45"/>
                    </a:cubicBezTo>
                    <a:cubicBezTo>
                      <a:pt x="13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1" name="Oval 116"/>
              <p:cNvSpPr>
                <a:spLocks noChangeArrowheads="1"/>
              </p:cNvSpPr>
              <p:nvPr/>
            </p:nvSpPr>
            <p:spPr bwMode="auto">
              <a:xfrm>
                <a:off x="5370513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2" name="Freeform 117"/>
              <p:cNvSpPr>
                <a:spLocks/>
              </p:cNvSpPr>
              <p:nvPr/>
            </p:nvSpPr>
            <p:spPr bwMode="auto">
              <a:xfrm>
                <a:off x="5595938" y="1897063"/>
                <a:ext cx="244475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3 w 23"/>
                  <a:gd name="T15" fmla="*/ 22 h 48"/>
                  <a:gd name="T16" fmla="*/ 3 w 23"/>
                  <a:gd name="T17" fmla="*/ 8 h 48"/>
                  <a:gd name="T18" fmla="*/ 5 w 23"/>
                  <a:gd name="T19" fmla="*/ 8 h 48"/>
                  <a:gd name="T20" fmla="*/ 5 w 23"/>
                  <a:gd name="T21" fmla="*/ 21 h 48"/>
                  <a:gd name="T22" fmla="*/ 5 w 23"/>
                  <a:gd name="T23" fmla="*/ 22 h 48"/>
                  <a:gd name="T24" fmla="*/ 5 w 23"/>
                  <a:gd name="T25" fmla="*/ 45 h 48"/>
                  <a:gd name="T26" fmla="*/ 8 w 23"/>
                  <a:gd name="T27" fmla="*/ 48 h 48"/>
                  <a:gd name="T28" fmla="*/ 10 w 23"/>
                  <a:gd name="T29" fmla="*/ 45 h 48"/>
                  <a:gd name="T30" fmla="*/ 10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4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8 w 23"/>
                  <a:gd name="T47" fmla="*/ 8 h 48"/>
                  <a:gd name="T48" fmla="*/ 18 w 23"/>
                  <a:gd name="T49" fmla="*/ 22 h 48"/>
                  <a:gd name="T50" fmla="*/ 20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3" name="Oval 118"/>
              <p:cNvSpPr>
                <a:spLocks noChangeArrowheads="1"/>
              </p:cNvSpPr>
              <p:nvPr/>
            </p:nvSpPr>
            <p:spPr bwMode="auto">
              <a:xfrm>
                <a:off x="5670551" y="1790700"/>
                <a:ext cx="95250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4" name="Freeform 119"/>
              <p:cNvSpPr>
                <a:spLocks/>
              </p:cNvSpPr>
              <p:nvPr/>
            </p:nvSpPr>
            <p:spPr bwMode="auto">
              <a:xfrm>
                <a:off x="2987676" y="2603500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6 w 23"/>
                  <a:gd name="T19" fmla="*/ 7 h 48"/>
                  <a:gd name="T20" fmla="*/ 6 w 23"/>
                  <a:gd name="T21" fmla="*/ 21 h 48"/>
                  <a:gd name="T22" fmla="*/ 6 w 23"/>
                  <a:gd name="T23" fmla="*/ 21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5" name="Oval 120"/>
              <p:cNvSpPr>
                <a:spLocks noChangeArrowheads="1"/>
              </p:cNvSpPr>
              <p:nvPr/>
            </p:nvSpPr>
            <p:spPr bwMode="auto">
              <a:xfrm>
                <a:off x="3062288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6" name="Freeform 121"/>
              <p:cNvSpPr>
                <a:spLocks/>
              </p:cNvSpPr>
              <p:nvPr/>
            </p:nvSpPr>
            <p:spPr bwMode="auto">
              <a:xfrm>
                <a:off x="3276601" y="2603500"/>
                <a:ext cx="246063" cy="512762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6 w 23"/>
                  <a:gd name="T19" fmla="*/ 7 h 48"/>
                  <a:gd name="T20" fmla="*/ 6 w 23"/>
                  <a:gd name="T21" fmla="*/ 21 h 48"/>
                  <a:gd name="T22" fmla="*/ 6 w 23"/>
                  <a:gd name="T23" fmla="*/ 21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8 w 23"/>
                  <a:gd name="T39" fmla="*/ 45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7" name="Oval 122"/>
              <p:cNvSpPr>
                <a:spLocks noChangeArrowheads="1"/>
              </p:cNvSpPr>
              <p:nvPr/>
            </p:nvSpPr>
            <p:spPr bwMode="auto">
              <a:xfrm>
                <a:off x="3351213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8" name="Freeform 123"/>
              <p:cNvSpPr>
                <a:spLocks/>
              </p:cNvSpPr>
              <p:nvPr/>
            </p:nvSpPr>
            <p:spPr bwMode="auto">
              <a:xfrm>
                <a:off x="3575051" y="2603500"/>
                <a:ext cx="234950" cy="512762"/>
              </a:xfrm>
              <a:custGeom>
                <a:avLst/>
                <a:gdLst>
                  <a:gd name="T0" fmla="*/ 17 w 22"/>
                  <a:gd name="T1" fmla="*/ 0 h 48"/>
                  <a:gd name="T2" fmla="*/ 5 w 22"/>
                  <a:gd name="T3" fmla="*/ 0 h 48"/>
                  <a:gd name="T4" fmla="*/ 0 w 22"/>
                  <a:gd name="T5" fmla="*/ 4 h 48"/>
                  <a:gd name="T6" fmla="*/ 0 w 22"/>
                  <a:gd name="T7" fmla="*/ 5 h 48"/>
                  <a:gd name="T8" fmla="*/ 0 w 22"/>
                  <a:gd name="T9" fmla="*/ 5 h 48"/>
                  <a:gd name="T10" fmla="*/ 0 w 22"/>
                  <a:gd name="T11" fmla="*/ 21 h 48"/>
                  <a:gd name="T12" fmla="*/ 1 w 22"/>
                  <a:gd name="T13" fmla="*/ 23 h 48"/>
                  <a:gd name="T14" fmla="*/ 3 w 22"/>
                  <a:gd name="T15" fmla="*/ 21 h 48"/>
                  <a:gd name="T16" fmla="*/ 3 w 22"/>
                  <a:gd name="T17" fmla="*/ 7 h 48"/>
                  <a:gd name="T18" fmla="*/ 5 w 22"/>
                  <a:gd name="T19" fmla="*/ 7 h 48"/>
                  <a:gd name="T20" fmla="*/ 5 w 22"/>
                  <a:gd name="T21" fmla="*/ 21 h 48"/>
                  <a:gd name="T22" fmla="*/ 5 w 22"/>
                  <a:gd name="T23" fmla="*/ 21 h 48"/>
                  <a:gd name="T24" fmla="*/ 5 w 22"/>
                  <a:gd name="T25" fmla="*/ 45 h 48"/>
                  <a:gd name="T26" fmla="*/ 8 w 22"/>
                  <a:gd name="T27" fmla="*/ 48 h 48"/>
                  <a:gd name="T28" fmla="*/ 10 w 22"/>
                  <a:gd name="T29" fmla="*/ 45 h 48"/>
                  <a:gd name="T30" fmla="*/ 10 w 22"/>
                  <a:gd name="T31" fmla="*/ 24 h 48"/>
                  <a:gd name="T32" fmla="*/ 12 w 22"/>
                  <a:gd name="T33" fmla="*/ 24 h 48"/>
                  <a:gd name="T34" fmla="*/ 12 w 22"/>
                  <a:gd name="T35" fmla="*/ 45 h 48"/>
                  <a:gd name="T36" fmla="*/ 14 w 22"/>
                  <a:gd name="T37" fmla="*/ 48 h 48"/>
                  <a:gd name="T38" fmla="*/ 17 w 22"/>
                  <a:gd name="T39" fmla="*/ 45 h 48"/>
                  <a:gd name="T40" fmla="*/ 17 w 22"/>
                  <a:gd name="T41" fmla="*/ 21 h 48"/>
                  <a:gd name="T42" fmla="*/ 17 w 22"/>
                  <a:gd name="T43" fmla="*/ 21 h 48"/>
                  <a:gd name="T44" fmla="*/ 17 w 22"/>
                  <a:gd name="T45" fmla="*/ 7 h 48"/>
                  <a:gd name="T46" fmla="*/ 18 w 22"/>
                  <a:gd name="T47" fmla="*/ 7 h 48"/>
                  <a:gd name="T48" fmla="*/ 18 w 22"/>
                  <a:gd name="T49" fmla="*/ 21 h 48"/>
                  <a:gd name="T50" fmla="*/ 20 w 22"/>
                  <a:gd name="T51" fmla="*/ 23 h 48"/>
                  <a:gd name="T52" fmla="*/ 22 w 22"/>
                  <a:gd name="T53" fmla="*/ 21 h 48"/>
                  <a:gd name="T54" fmla="*/ 22 w 22"/>
                  <a:gd name="T55" fmla="*/ 5 h 48"/>
                  <a:gd name="T56" fmla="*/ 22 w 22"/>
                  <a:gd name="T57" fmla="*/ 5 h 48"/>
                  <a:gd name="T58" fmla="*/ 22 w 22"/>
                  <a:gd name="T59" fmla="*/ 4 h 48"/>
                  <a:gd name="T60" fmla="*/ 17 w 22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2" h="48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0" y="23"/>
                      <a:pt x="1" y="23"/>
                    </a:cubicBezTo>
                    <a:cubicBezTo>
                      <a:pt x="2" y="23"/>
                      <a:pt x="3" y="22"/>
                      <a:pt x="3" y="21"/>
                    </a:cubicBezTo>
                    <a:cubicBezTo>
                      <a:pt x="3" y="7"/>
                      <a:pt x="3" y="7"/>
                      <a:pt x="3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2"/>
                      <a:pt x="19" y="23"/>
                      <a:pt x="20" y="23"/>
                    </a:cubicBezTo>
                    <a:cubicBezTo>
                      <a:pt x="21" y="23"/>
                      <a:pt x="22" y="22"/>
                      <a:pt x="22" y="21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4"/>
                      <a:pt x="22" y="4"/>
                      <a:pt x="22" y="4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69" name="Oval 124"/>
              <p:cNvSpPr>
                <a:spLocks noChangeArrowheads="1"/>
              </p:cNvSpPr>
              <p:nvPr/>
            </p:nvSpPr>
            <p:spPr bwMode="auto">
              <a:xfrm>
                <a:off x="3640138" y="2495550"/>
                <a:ext cx="106363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0" name="Freeform 125"/>
              <p:cNvSpPr>
                <a:spLocks/>
              </p:cNvSpPr>
              <p:nvPr/>
            </p:nvSpPr>
            <p:spPr bwMode="auto">
              <a:xfrm>
                <a:off x="2400301" y="2603500"/>
                <a:ext cx="246063" cy="512762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6 w 23"/>
                  <a:gd name="T19" fmla="*/ 7 h 48"/>
                  <a:gd name="T20" fmla="*/ 6 w 23"/>
                  <a:gd name="T21" fmla="*/ 21 h 48"/>
                  <a:gd name="T22" fmla="*/ 6 w 23"/>
                  <a:gd name="T23" fmla="*/ 21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8 w 23"/>
                  <a:gd name="T39" fmla="*/ 45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1" name="Oval 126"/>
              <p:cNvSpPr>
                <a:spLocks noChangeArrowheads="1"/>
              </p:cNvSpPr>
              <p:nvPr/>
            </p:nvSpPr>
            <p:spPr bwMode="auto">
              <a:xfrm>
                <a:off x="2474913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2" name="Freeform 127"/>
              <p:cNvSpPr>
                <a:spLocks/>
              </p:cNvSpPr>
              <p:nvPr/>
            </p:nvSpPr>
            <p:spPr bwMode="auto">
              <a:xfrm>
                <a:off x="2698751" y="2603500"/>
                <a:ext cx="234950" cy="512762"/>
              </a:xfrm>
              <a:custGeom>
                <a:avLst/>
                <a:gdLst>
                  <a:gd name="T0" fmla="*/ 17 w 22"/>
                  <a:gd name="T1" fmla="*/ 0 h 48"/>
                  <a:gd name="T2" fmla="*/ 5 w 22"/>
                  <a:gd name="T3" fmla="*/ 0 h 48"/>
                  <a:gd name="T4" fmla="*/ 0 w 22"/>
                  <a:gd name="T5" fmla="*/ 4 h 48"/>
                  <a:gd name="T6" fmla="*/ 0 w 22"/>
                  <a:gd name="T7" fmla="*/ 5 h 48"/>
                  <a:gd name="T8" fmla="*/ 0 w 22"/>
                  <a:gd name="T9" fmla="*/ 5 h 48"/>
                  <a:gd name="T10" fmla="*/ 0 w 22"/>
                  <a:gd name="T11" fmla="*/ 21 h 48"/>
                  <a:gd name="T12" fmla="*/ 1 w 22"/>
                  <a:gd name="T13" fmla="*/ 23 h 48"/>
                  <a:gd name="T14" fmla="*/ 3 w 22"/>
                  <a:gd name="T15" fmla="*/ 21 h 48"/>
                  <a:gd name="T16" fmla="*/ 3 w 22"/>
                  <a:gd name="T17" fmla="*/ 7 h 48"/>
                  <a:gd name="T18" fmla="*/ 5 w 22"/>
                  <a:gd name="T19" fmla="*/ 7 h 48"/>
                  <a:gd name="T20" fmla="*/ 5 w 22"/>
                  <a:gd name="T21" fmla="*/ 21 h 48"/>
                  <a:gd name="T22" fmla="*/ 5 w 22"/>
                  <a:gd name="T23" fmla="*/ 21 h 48"/>
                  <a:gd name="T24" fmla="*/ 5 w 22"/>
                  <a:gd name="T25" fmla="*/ 45 h 48"/>
                  <a:gd name="T26" fmla="*/ 8 w 22"/>
                  <a:gd name="T27" fmla="*/ 48 h 48"/>
                  <a:gd name="T28" fmla="*/ 10 w 22"/>
                  <a:gd name="T29" fmla="*/ 45 h 48"/>
                  <a:gd name="T30" fmla="*/ 10 w 22"/>
                  <a:gd name="T31" fmla="*/ 24 h 48"/>
                  <a:gd name="T32" fmla="*/ 12 w 22"/>
                  <a:gd name="T33" fmla="*/ 24 h 48"/>
                  <a:gd name="T34" fmla="*/ 12 w 22"/>
                  <a:gd name="T35" fmla="*/ 45 h 48"/>
                  <a:gd name="T36" fmla="*/ 14 w 22"/>
                  <a:gd name="T37" fmla="*/ 48 h 48"/>
                  <a:gd name="T38" fmla="*/ 17 w 22"/>
                  <a:gd name="T39" fmla="*/ 45 h 48"/>
                  <a:gd name="T40" fmla="*/ 17 w 22"/>
                  <a:gd name="T41" fmla="*/ 21 h 48"/>
                  <a:gd name="T42" fmla="*/ 17 w 22"/>
                  <a:gd name="T43" fmla="*/ 21 h 48"/>
                  <a:gd name="T44" fmla="*/ 17 w 22"/>
                  <a:gd name="T45" fmla="*/ 7 h 48"/>
                  <a:gd name="T46" fmla="*/ 18 w 22"/>
                  <a:gd name="T47" fmla="*/ 7 h 48"/>
                  <a:gd name="T48" fmla="*/ 18 w 22"/>
                  <a:gd name="T49" fmla="*/ 21 h 48"/>
                  <a:gd name="T50" fmla="*/ 20 w 22"/>
                  <a:gd name="T51" fmla="*/ 23 h 48"/>
                  <a:gd name="T52" fmla="*/ 22 w 22"/>
                  <a:gd name="T53" fmla="*/ 21 h 48"/>
                  <a:gd name="T54" fmla="*/ 22 w 22"/>
                  <a:gd name="T55" fmla="*/ 5 h 48"/>
                  <a:gd name="T56" fmla="*/ 22 w 22"/>
                  <a:gd name="T57" fmla="*/ 5 h 48"/>
                  <a:gd name="T58" fmla="*/ 22 w 22"/>
                  <a:gd name="T59" fmla="*/ 4 h 48"/>
                  <a:gd name="T60" fmla="*/ 17 w 22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2" h="48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0" y="23"/>
                      <a:pt x="1" y="23"/>
                    </a:cubicBezTo>
                    <a:cubicBezTo>
                      <a:pt x="2" y="23"/>
                      <a:pt x="3" y="22"/>
                      <a:pt x="3" y="21"/>
                    </a:cubicBezTo>
                    <a:cubicBezTo>
                      <a:pt x="3" y="7"/>
                      <a:pt x="3" y="7"/>
                      <a:pt x="3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2"/>
                      <a:pt x="19" y="23"/>
                      <a:pt x="20" y="23"/>
                    </a:cubicBezTo>
                    <a:cubicBezTo>
                      <a:pt x="21" y="23"/>
                      <a:pt x="22" y="22"/>
                      <a:pt x="22" y="21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4"/>
                      <a:pt x="22" y="4"/>
                      <a:pt x="22" y="4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3" name="Oval 128"/>
              <p:cNvSpPr>
                <a:spLocks noChangeArrowheads="1"/>
              </p:cNvSpPr>
              <p:nvPr/>
            </p:nvSpPr>
            <p:spPr bwMode="auto">
              <a:xfrm>
                <a:off x="2763838" y="2495550"/>
                <a:ext cx="106363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4" name="Freeform 129"/>
              <p:cNvSpPr>
                <a:spLocks/>
              </p:cNvSpPr>
              <p:nvPr/>
            </p:nvSpPr>
            <p:spPr bwMode="auto">
              <a:xfrm>
                <a:off x="4441826" y="2603500"/>
                <a:ext cx="244475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5 w 23"/>
                  <a:gd name="T19" fmla="*/ 7 h 48"/>
                  <a:gd name="T20" fmla="*/ 5 w 23"/>
                  <a:gd name="T21" fmla="*/ 21 h 48"/>
                  <a:gd name="T22" fmla="*/ 5 w 23"/>
                  <a:gd name="T23" fmla="*/ 21 h 48"/>
                  <a:gd name="T24" fmla="*/ 5 w 23"/>
                  <a:gd name="T25" fmla="*/ 45 h 48"/>
                  <a:gd name="T26" fmla="*/ 8 w 23"/>
                  <a:gd name="T27" fmla="*/ 48 h 48"/>
                  <a:gd name="T28" fmla="*/ 10 w 23"/>
                  <a:gd name="T29" fmla="*/ 45 h 48"/>
                  <a:gd name="T30" fmla="*/ 10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4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19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5" name="Oval 130"/>
              <p:cNvSpPr>
                <a:spLocks noChangeArrowheads="1"/>
              </p:cNvSpPr>
              <p:nvPr/>
            </p:nvSpPr>
            <p:spPr bwMode="auto">
              <a:xfrm>
                <a:off x="4516438" y="2495550"/>
                <a:ext cx="95250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6" name="Freeform 131"/>
              <p:cNvSpPr>
                <a:spLocks/>
              </p:cNvSpPr>
              <p:nvPr/>
            </p:nvSpPr>
            <p:spPr bwMode="auto">
              <a:xfrm>
                <a:off x="4729163" y="2603500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5 w 23"/>
                  <a:gd name="T19" fmla="*/ 7 h 48"/>
                  <a:gd name="T20" fmla="*/ 5 w 23"/>
                  <a:gd name="T21" fmla="*/ 21 h 48"/>
                  <a:gd name="T22" fmla="*/ 5 w 23"/>
                  <a:gd name="T23" fmla="*/ 21 h 48"/>
                  <a:gd name="T24" fmla="*/ 5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7" name="Oval 132"/>
              <p:cNvSpPr>
                <a:spLocks noChangeArrowheads="1"/>
              </p:cNvSpPr>
              <p:nvPr/>
            </p:nvSpPr>
            <p:spPr bwMode="auto">
              <a:xfrm>
                <a:off x="4803776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8" name="Freeform 133"/>
              <p:cNvSpPr>
                <a:spLocks/>
              </p:cNvSpPr>
              <p:nvPr/>
            </p:nvSpPr>
            <p:spPr bwMode="auto">
              <a:xfrm>
                <a:off x="5018088" y="2603500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6 w 23"/>
                  <a:gd name="T19" fmla="*/ 7 h 48"/>
                  <a:gd name="T20" fmla="*/ 6 w 23"/>
                  <a:gd name="T21" fmla="*/ 21 h 48"/>
                  <a:gd name="T22" fmla="*/ 6 w 23"/>
                  <a:gd name="T23" fmla="*/ 21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79" name="Oval 134"/>
              <p:cNvSpPr>
                <a:spLocks noChangeArrowheads="1"/>
              </p:cNvSpPr>
              <p:nvPr/>
            </p:nvSpPr>
            <p:spPr bwMode="auto">
              <a:xfrm>
                <a:off x="5092701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0" name="Freeform 135"/>
              <p:cNvSpPr>
                <a:spLocks/>
              </p:cNvSpPr>
              <p:nvPr/>
            </p:nvSpPr>
            <p:spPr bwMode="auto">
              <a:xfrm>
                <a:off x="3852863" y="2603500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5 w 23"/>
                  <a:gd name="T19" fmla="*/ 7 h 48"/>
                  <a:gd name="T20" fmla="*/ 5 w 23"/>
                  <a:gd name="T21" fmla="*/ 21 h 48"/>
                  <a:gd name="T22" fmla="*/ 5 w 23"/>
                  <a:gd name="T23" fmla="*/ 21 h 48"/>
                  <a:gd name="T24" fmla="*/ 5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1" name="Oval 136"/>
              <p:cNvSpPr>
                <a:spLocks noChangeArrowheads="1"/>
              </p:cNvSpPr>
              <p:nvPr/>
            </p:nvSpPr>
            <p:spPr bwMode="auto">
              <a:xfrm>
                <a:off x="3927476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2" name="Freeform 137"/>
              <p:cNvSpPr>
                <a:spLocks/>
              </p:cNvSpPr>
              <p:nvPr/>
            </p:nvSpPr>
            <p:spPr bwMode="auto">
              <a:xfrm>
                <a:off x="4141788" y="2603500"/>
                <a:ext cx="246063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6 w 23"/>
                  <a:gd name="T19" fmla="*/ 7 h 48"/>
                  <a:gd name="T20" fmla="*/ 6 w 23"/>
                  <a:gd name="T21" fmla="*/ 21 h 48"/>
                  <a:gd name="T22" fmla="*/ 6 w 23"/>
                  <a:gd name="T23" fmla="*/ 21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3" name="Oval 138"/>
              <p:cNvSpPr>
                <a:spLocks noChangeArrowheads="1"/>
              </p:cNvSpPr>
              <p:nvPr/>
            </p:nvSpPr>
            <p:spPr bwMode="auto">
              <a:xfrm>
                <a:off x="4216401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4" name="Freeform 139"/>
              <p:cNvSpPr>
                <a:spLocks/>
              </p:cNvSpPr>
              <p:nvPr/>
            </p:nvSpPr>
            <p:spPr bwMode="auto">
              <a:xfrm>
                <a:off x="5883276" y="2603500"/>
                <a:ext cx="246063" cy="512762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6 w 23"/>
                  <a:gd name="T19" fmla="*/ 7 h 48"/>
                  <a:gd name="T20" fmla="*/ 6 w 23"/>
                  <a:gd name="T21" fmla="*/ 21 h 48"/>
                  <a:gd name="T22" fmla="*/ 6 w 23"/>
                  <a:gd name="T23" fmla="*/ 21 h 48"/>
                  <a:gd name="T24" fmla="*/ 6 w 23"/>
                  <a:gd name="T25" fmla="*/ 45 h 48"/>
                  <a:gd name="T26" fmla="*/ 8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5 w 23"/>
                  <a:gd name="T37" fmla="*/ 48 h 48"/>
                  <a:gd name="T38" fmla="*/ 18 w 23"/>
                  <a:gd name="T39" fmla="*/ 45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5" name="Oval 140"/>
              <p:cNvSpPr>
                <a:spLocks noChangeArrowheads="1"/>
              </p:cNvSpPr>
              <p:nvPr/>
            </p:nvSpPr>
            <p:spPr bwMode="auto">
              <a:xfrm>
                <a:off x="5957888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6" name="Freeform 141"/>
              <p:cNvSpPr>
                <a:spLocks/>
              </p:cNvSpPr>
              <p:nvPr/>
            </p:nvSpPr>
            <p:spPr bwMode="auto">
              <a:xfrm>
                <a:off x="6183313" y="2603500"/>
                <a:ext cx="234950" cy="512762"/>
              </a:xfrm>
              <a:custGeom>
                <a:avLst/>
                <a:gdLst>
                  <a:gd name="T0" fmla="*/ 17 w 22"/>
                  <a:gd name="T1" fmla="*/ 0 h 48"/>
                  <a:gd name="T2" fmla="*/ 5 w 22"/>
                  <a:gd name="T3" fmla="*/ 0 h 48"/>
                  <a:gd name="T4" fmla="*/ 0 w 22"/>
                  <a:gd name="T5" fmla="*/ 4 h 48"/>
                  <a:gd name="T6" fmla="*/ 0 w 22"/>
                  <a:gd name="T7" fmla="*/ 5 h 48"/>
                  <a:gd name="T8" fmla="*/ 0 w 22"/>
                  <a:gd name="T9" fmla="*/ 5 h 48"/>
                  <a:gd name="T10" fmla="*/ 0 w 22"/>
                  <a:gd name="T11" fmla="*/ 21 h 48"/>
                  <a:gd name="T12" fmla="*/ 1 w 22"/>
                  <a:gd name="T13" fmla="*/ 23 h 48"/>
                  <a:gd name="T14" fmla="*/ 3 w 22"/>
                  <a:gd name="T15" fmla="*/ 21 h 48"/>
                  <a:gd name="T16" fmla="*/ 3 w 22"/>
                  <a:gd name="T17" fmla="*/ 7 h 48"/>
                  <a:gd name="T18" fmla="*/ 5 w 22"/>
                  <a:gd name="T19" fmla="*/ 7 h 48"/>
                  <a:gd name="T20" fmla="*/ 5 w 22"/>
                  <a:gd name="T21" fmla="*/ 21 h 48"/>
                  <a:gd name="T22" fmla="*/ 5 w 22"/>
                  <a:gd name="T23" fmla="*/ 21 h 48"/>
                  <a:gd name="T24" fmla="*/ 5 w 22"/>
                  <a:gd name="T25" fmla="*/ 45 h 48"/>
                  <a:gd name="T26" fmla="*/ 8 w 22"/>
                  <a:gd name="T27" fmla="*/ 48 h 48"/>
                  <a:gd name="T28" fmla="*/ 10 w 22"/>
                  <a:gd name="T29" fmla="*/ 45 h 48"/>
                  <a:gd name="T30" fmla="*/ 10 w 22"/>
                  <a:gd name="T31" fmla="*/ 24 h 48"/>
                  <a:gd name="T32" fmla="*/ 12 w 22"/>
                  <a:gd name="T33" fmla="*/ 24 h 48"/>
                  <a:gd name="T34" fmla="*/ 12 w 22"/>
                  <a:gd name="T35" fmla="*/ 45 h 48"/>
                  <a:gd name="T36" fmla="*/ 14 w 22"/>
                  <a:gd name="T37" fmla="*/ 48 h 48"/>
                  <a:gd name="T38" fmla="*/ 17 w 22"/>
                  <a:gd name="T39" fmla="*/ 45 h 48"/>
                  <a:gd name="T40" fmla="*/ 17 w 22"/>
                  <a:gd name="T41" fmla="*/ 21 h 48"/>
                  <a:gd name="T42" fmla="*/ 17 w 22"/>
                  <a:gd name="T43" fmla="*/ 21 h 48"/>
                  <a:gd name="T44" fmla="*/ 17 w 22"/>
                  <a:gd name="T45" fmla="*/ 7 h 48"/>
                  <a:gd name="T46" fmla="*/ 18 w 22"/>
                  <a:gd name="T47" fmla="*/ 7 h 48"/>
                  <a:gd name="T48" fmla="*/ 18 w 22"/>
                  <a:gd name="T49" fmla="*/ 21 h 48"/>
                  <a:gd name="T50" fmla="*/ 20 w 22"/>
                  <a:gd name="T51" fmla="*/ 23 h 48"/>
                  <a:gd name="T52" fmla="*/ 22 w 22"/>
                  <a:gd name="T53" fmla="*/ 21 h 48"/>
                  <a:gd name="T54" fmla="*/ 22 w 22"/>
                  <a:gd name="T55" fmla="*/ 5 h 48"/>
                  <a:gd name="T56" fmla="*/ 22 w 22"/>
                  <a:gd name="T57" fmla="*/ 5 h 48"/>
                  <a:gd name="T58" fmla="*/ 22 w 22"/>
                  <a:gd name="T59" fmla="*/ 4 h 48"/>
                  <a:gd name="T60" fmla="*/ 17 w 22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2" h="48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0" y="23"/>
                      <a:pt x="1" y="23"/>
                    </a:cubicBezTo>
                    <a:cubicBezTo>
                      <a:pt x="2" y="23"/>
                      <a:pt x="3" y="22"/>
                      <a:pt x="3" y="21"/>
                    </a:cubicBezTo>
                    <a:cubicBezTo>
                      <a:pt x="3" y="7"/>
                      <a:pt x="3" y="7"/>
                      <a:pt x="3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2"/>
                      <a:pt x="19" y="23"/>
                      <a:pt x="20" y="23"/>
                    </a:cubicBezTo>
                    <a:cubicBezTo>
                      <a:pt x="21" y="23"/>
                      <a:pt x="22" y="22"/>
                      <a:pt x="22" y="21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4"/>
                      <a:pt x="22" y="4"/>
                      <a:pt x="22" y="4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7" name="Oval 142"/>
              <p:cNvSpPr>
                <a:spLocks noChangeArrowheads="1"/>
              </p:cNvSpPr>
              <p:nvPr/>
            </p:nvSpPr>
            <p:spPr bwMode="auto">
              <a:xfrm>
                <a:off x="6246813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8" name="Freeform 143"/>
              <p:cNvSpPr>
                <a:spLocks/>
              </p:cNvSpPr>
              <p:nvPr/>
            </p:nvSpPr>
            <p:spPr bwMode="auto">
              <a:xfrm>
                <a:off x="5295901" y="2603500"/>
                <a:ext cx="246063" cy="512762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4 w 23"/>
                  <a:gd name="T15" fmla="*/ 21 h 48"/>
                  <a:gd name="T16" fmla="*/ 4 w 23"/>
                  <a:gd name="T17" fmla="*/ 7 h 48"/>
                  <a:gd name="T18" fmla="*/ 6 w 23"/>
                  <a:gd name="T19" fmla="*/ 7 h 48"/>
                  <a:gd name="T20" fmla="*/ 6 w 23"/>
                  <a:gd name="T21" fmla="*/ 21 h 48"/>
                  <a:gd name="T22" fmla="*/ 6 w 23"/>
                  <a:gd name="T23" fmla="*/ 21 h 48"/>
                  <a:gd name="T24" fmla="*/ 6 w 23"/>
                  <a:gd name="T25" fmla="*/ 45 h 48"/>
                  <a:gd name="T26" fmla="*/ 9 w 23"/>
                  <a:gd name="T27" fmla="*/ 48 h 48"/>
                  <a:gd name="T28" fmla="*/ 11 w 23"/>
                  <a:gd name="T29" fmla="*/ 45 h 48"/>
                  <a:gd name="T30" fmla="*/ 11 w 23"/>
                  <a:gd name="T31" fmla="*/ 24 h 48"/>
                  <a:gd name="T32" fmla="*/ 13 w 23"/>
                  <a:gd name="T33" fmla="*/ 24 h 48"/>
                  <a:gd name="T34" fmla="*/ 13 w 23"/>
                  <a:gd name="T35" fmla="*/ 45 h 48"/>
                  <a:gd name="T36" fmla="*/ 15 w 23"/>
                  <a:gd name="T37" fmla="*/ 48 h 48"/>
                  <a:gd name="T38" fmla="*/ 18 w 23"/>
                  <a:gd name="T39" fmla="*/ 45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7 h 48"/>
                  <a:gd name="T46" fmla="*/ 19 w 23"/>
                  <a:gd name="T47" fmla="*/ 7 h 48"/>
                  <a:gd name="T48" fmla="*/ 19 w 23"/>
                  <a:gd name="T49" fmla="*/ 21 h 48"/>
                  <a:gd name="T50" fmla="*/ 21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9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3" y="24"/>
                      <a:pt x="13" y="24"/>
                      <a:pt x="13" y="24"/>
                    </a:cubicBezTo>
                    <a:cubicBezTo>
                      <a:pt x="13" y="45"/>
                      <a:pt x="13" y="45"/>
                      <a:pt x="13" y="45"/>
                    </a:cubicBezTo>
                    <a:cubicBezTo>
                      <a:pt x="13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89" name="Oval 144"/>
              <p:cNvSpPr>
                <a:spLocks noChangeArrowheads="1"/>
              </p:cNvSpPr>
              <p:nvPr/>
            </p:nvSpPr>
            <p:spPr bwMode="auto">
              <a:xfrm>
                <a:off x="5370513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0" name="Freeform 145"/>
              <p:cNvSpPr>
                <a:spLocks/>
              </p:cNvSpPr>
              <p:nvPr/>
            </p:nvSpPr>
            <p:spPr bwMode="auto">
              <a:xfrm>
                <a:off x="5595938" y="2603500"/>
                <a:ext cx="244475" cy="512762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4 h 48"/>
                  <a:gd name="T6" fmla="*/ 0 w 23"/>
                  <a:gd name="T7" fmla="*/ 5 h 48"/>
                  <a:gd name="T8" fmla="*/ 0 w 23"/>
                  <a:gd name="T9" fmla="*/ 5 h 48"/>
                  <a:gd name="T10" fmla="*/ 0 w 23"/>
                  <a:gd name="T11" fmla="*/ 21 h 48"/>
                  <a:gd name="T12" fmla="*/ 2 w 23"/>
                  <a:gd name="T13" fmla="*/ 23 h 48"/>
                  <a:gd name="T14" fmla="*/ 3 w 23"/>
                  <a:gd name="T15" fmla="*/ 21 h 48"/>
                  <a:gd name="T16" fmla="*/ 3 w 23"/>
                  <a:gd name="T17" fmla="*/ 7 h 48"/>
                  <a:gd name="T18" fmla="*/ 5 w 23"/>
                  <a:gd name="T19" fmla="*/ 7 h 48"/>
                  <a:gd name="T20" fmla="*/ 5 w 23"/>
                  <a:gd name="T21" fmla="*/ 21 h 48"/>
                  <a:gd name="T22" fmla="*/ 5 w 23"/>
                  <a:gd name="T23" fmla="*/ 21 h 48"/>
                  <a:gd name="T24" fmla="*/ 5 w 23"/>
                  <a:gd name="T25" fmla="*/ 45 h 48"/>
                  <a:gd name="T26" fmla="*/ 8 w 23"/>
                  <a:gd name="T27" fmla="*/ 48 h 48"/>
                  <a:gd name="T28" fmla="*/ 10 w 23"/>
                  <a:gd name="T29" fmla="*/ 45 h 48"/>
                  <a:gd name="T30" fmla="*/ 10 w 23"/>
                  <a:gd name="T31" fmla="*/ 24 h 48"/>
                  <a:gd name="T32" fmla="*/ 12 w 23"/>
                  <a:gd name="T33" fmla="*/ 24 h 48"/>
                  <a:gd name="T34" fmla="*/ 12 w 23"/>
                  <a:gd name="T35" fmla="*/ 45 h 48"/>
                  <a:gd name="T36" fmla="*/ 14 w 23"/>
                  <a:gd name="T37" fmla="*/ 48 h 48"/>
                  <a:gd name="T38" fmla="*/ 17 w 23"/>
                  <a:gd name="T39" fmla="*/ 45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7 h 48"/>
                  <a:gd name="T46" fmla="*/ 18 w 23"/>
                  <a:gd name="T47" fmla="*/ 7 h 48"/>
                  <a:gd name="T48" fmla="*/ 18 w 23"/>
                  <a:gd name="T49" fmla="*/ 21 h 48"/>
                  <a:gd name="T50" fmla="*/ 20 w 23"/>
                  <a:gd name="T51" fmla="*/ 23 h 48"/>
                  <a:gd name="T52" fmla="*/ 23 w 23"/>
                  <a:gd name="T53" fmla="*/ 21 h 48"/>
                  <a:gd name="T54" fmla="*/ 23 w 23"/>
                  <a:gd name="T55" fmla="*/ 5 h 48"/>
                  <a:gd name="T56" fmla="*/ 23 w 23"/>
                  <a:gd name="T57" fmla="*/ 5 h 48"/>
                  <a:gd name="T58" fmla="*/ 23 w 23"/>
                  <a:gd name="T59" fmla="*/ 4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3" y="22"/>
                      <a:pt x="3" y="21"/>
                    </a:cubicBezTo>
                    <a:cubicBezTo>
                      <a:pt x="3" y="7"/>
                      <a:pt x="3" y="7"/>
                      <a:pt x="3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2"/>
                      <a:pt x="19" y="23"/>
                      <a:pt x="20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1" name="Oval 146"/>
              <p:cNvSpPr>
                <a:spLocks noChangeArrowheads="1"/>
              </p:cNvSpPr>
              <p:nvPr/>
            </p:nvSpPr>
            <p:spPr bwMode="auto">
              <a:xfrm>
                <a:off x="5670551" y="2495550"/>
                <a:ext cx="95250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2" name="Freeform 147"/>
              <p:cNvSpPr>
                <a:spLocks/>
              </p:cNvSpPr>
              <p:nvPr/>
            </p:nvSpPr>
            <p:spPr bwMode="auto">
              <a:xfrm>
                <a:off x="2987676" y="3297238"/>
                <a:ext cx="246063" cy="514350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6 h 48"/>
                  <a:gd name="T26" fmla="*/ 8 w 23"/>
                  <a:gd name="T27" fmla="*/ 48 h 48"/>
                  <a:gd name="T28" fmla="*/ 11 w 23"/>
                  <a:gd name="T29" fmla="*/ 46 h 48"/>
                  <a:gd name="T30" fmla="*/ 11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5 w 23"/>
                  <a:gd name="T37" fmla="*/ 48 h 48"/>
                  <a:gd name="T38" fmla="*/ 17 w 23"/>
                  <a:gd name="T39" fmla="*/ 46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3" name="Oval 148"/>
              <p:cNvSpPr>
                <a:spLocks noChangeArrowheads="1"/>
              </p:cNvSpPr>
              <p:nvPr/>
            </p:nvSpPr>
            <p:spPr bwMode="auto">
              <a:xfrm>
                <a:off x="3062288" y="3190875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4" name="Freeform 149"/>
              <p:cNvSpPr>
                <a:spLocks/>
              </p:cNvSpPr>
              <p:nvPr/>
            </p:nvSpPr>
            <p:spPr bwMode="auto">
              <a:xfrm>
                <a:off x="3276601" y="3297238"/>
                <a:ext cx="246063" cy="514350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6 h 48"/>
                  <a:gd name="T26" fmla="*/ 8 w 23"/>
                  <a:gd name="T27" fmla="*/ 48 h 48"/>
                  <a:gd name="T28" fmla="*/ 11 w 23"/>
                  <a:gd name="T29" fmla="*/ 46 h 48"/>
                  <a:gd name="T30" fmla="*/ 11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5 w 23"/>
                  <a:gd name="T37" fmla="*/ 48 h 48"/>
                  <a:gd name="T38" fmla="*/ 18 w 23"/>
                  <a:gd name="T39" fmla="*/ 46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6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5" name="Oval 150"/>
              <p:cNvSpPr>
                <a:spLocks noChangeArrowheads="1"/>
              </p:cNvSpPr>
              <p:nvPr/>
            </p:nvSpPr>
            <p:spPr bwMode="auto">
              <a:xfrm>
                <a:off x="3351213" y="3190875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6" name="Freeform 151"/>
              <p:cNvSpPr>
                <a:spLocks/>
              </p:cNvSpPr>
              <p:nvPr/>
            </p:nvSpPr>
            <p:spPr bwMode="auto">
              <a:xfrm>
                <a:off x="3575051" y="3297238"/>
                <a:ext cx="234950" cy="514350"/>
              </a:xfrm>
              <a:custGeom>
                <a:avLst/>
                <a:gdLst>
                  <a:gd name="T0" fmla="*/ 17 w 22"/>
                  <a:gd name="T1" fmla="*/ 0 h 48"/>
                  <a:gd name="T2" fmla="*/ 5 w 22"/>
                  <a:gd name="T3" fmla="*/ 0 h 48"/>
                  <a:gd name="T4" fmla="*/ 0 w 22"/>
                  <a:gd name="T5" fmla="*/ 5 h 48"/>
                  <a:gd name="T6" fmla="*/ 0 w 22"/>
                  <a:gd name="T7" fmla="*/ 5 h 48"/>
                  <a:gd name="T8" fmla="*/ 0 w 22"/>
                  <a:gd name="T9" fmla="*/ 6 h 48"/>
                  <a:gd name="T10" fmla="*/ 0 w 22"/>
                  <a:gd name="T11" fmla="*/ 22 h 48"/>
                  <a:gd name="T12" fmla="*/ 1 w 22"/>
                  <a:gd name="T13" fmla="*/ 24 h 48"/>
                  <a:gd name="T14" fmla="*/ 3 w 22"/>
                  <a:gd name="T15" fmla="*/ 22 h 48"/>
                  <a:gd name="T16" fmla="*/ 3 w 22"/>
                  <a:gd name="T17" fmla="*/ 8 h 48"/>
                  <a:gd name="T18" fmla="*/ 5 w 22"/>
                  <a:gd name="T19" fmla="*/ 8 h 48"/>
                  <a:gd name="T20" fmla="*/ 5 w 22"/>
                  <a:gd name="T21" fmla="*/ 21 h 48"/>
                  <a:gd name="T22" fmla="*/ 5 w 22"/>
                  <a:gd name="T23" fmla="*/ 22 h 48"/>
                  <a:gd name="T24" fmla="*/ 5 w 22"/>
                  <a:gd name="T25" fmla="*/ 46 h 48"/>
                  <a:gd name="T26" fmla="*/ 8 w 22"/>
                  <a:gd name="T27" fmla="*/ 48 h 48"/>
                  <a:gd name="T28" fmla="*/ 10 w 22"/>
                  <a:gd name="T29" fmla="*/ 46 h 48"/>
                  <a:gd name="T30" fmla="*/ 10 w 22"/>
                  <a:gd name="T31" fmla="*/ 25 h 48"/>
                  <a:gd name="T32" fmla="*/ 12 w 22"/>
                  <a:gd name="T33" fmla="*/ 25 h 48"/>
                  <a:gd name="T34" fmla="*/ 12 w 22"/>
                  <a:gd name="T35" fmla="*/ 46 h 48"/>
                  <a:gd name="T36" fmla="*/ 14 w 22"/>
                  <a:gd name="T37" fmla="*/ 48 h 48"/>
                  <a:gd name="T38" fmla="*/ 17 w 22"/>
                  <a:gd name="T39" fmla="*/ 46 h 48"/>
                  <a:gd name="T40" fmla="*/ 17 w 22"/>
                  <a:gd name="T41" fmla="*/ 21 h 48"/>
                  <a:gd name="T42" fmla="*/ 17 w 22"/>
                  <a:gd name="T43" fmla="*/ 21 h 48"/>
                  <a:gd name="T44" fmla="*/ 17 w 22"/>
                  <a:gd name="T45" fmla="*/ 8 h 48"/>
                  <a:gd name="T46" fmla="*/ 18 w 22"/>
                  <a:gd name="T47" fmla="*/ 8 h 48"/>
                  <a:gd name="T48" fmla="*/ 18 w 22"/>
                  <a:gd name="T49" fmla="*/ 22 h 48"/>
                  <a:gd name="T50" fmla="*/ 20 w 22"/>
                  <a:gd name="T51" fmla="*/ 24 h 48"/>
                  <a:gd name="T52" fmla="*/ 22 w 22"/>
                  <a:gd name="T53" fmla="*/ 22 h 48"/>
                  <a:gd name="T54" fmla="*/ 22 w 22"/>
                  <a:gd name="T55" fmla="*/ 6 h 48"/>
                  <a:gd name="T56" fmla="*/ 22 w 22"/>
                  <a:gd name="T57" fmla="*/ 5 h 48"/>
                  <a:gd name="T58" fmla="*/ 22 w 22"/>
                  <a:gd name="T59" fmla="*/ 5 h 48"/>
                  <a:gd name="T60" fmla="*/ 17 w 22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2" h="48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7" name="Oval 152"/>
              <p:cNvSpPr>
                <a:spLocks noChangeArrowheads="1"/>
              </p:cNvSpPr>
              <p:nvPr/>
            </p:nvSpPr>
            <p:spPr bwMode="auto">
              <a:xfrm>
                <a:off x="3640138" y="3190875"/>
                <a:ext cx="106363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8" name="Freeform 153"/>
              <p:cNvSpPr>
                <a:spLocks/>
              </p:cNvSpPr>
              <p:nvPr/>
            </p:nvSpPr>
            <p:spPr bwMode="auto">
              <a:xfrm>
                <a:off x="2400301" y="3297238"/>
                <a:ext cx="246063" cy="514350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6 h 48"/>
                  <a:gd name="T26" fmla="*/ 8 w 23"/>
                  <a:gd name="T27" fmla="*/ 48 h 48"/>
                  <a:gd name="T28" fmla="*/ 11 w 23"/>
                  <a:gd name="T29" fmla="*/ 46 h 48"/>
                  <a:gd name="T30" fmla="*/ 11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5 w 23"/>
                  <a:gd name="T37" fmla="*/ 48 h 48"/>
                  <a:gd name="T38" fmla="*/ 18 w 23"/>
                  <a:gd name="T39" fmla="*/ 46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6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99" name="Oval 154"/>
              <p:cNvSpPr>
                <a:spLocks noChangeArrowheads="1"/>
              </p:cNvSpPr>
              <p:nvPr/>
            </p:nvSpPr>
            <p:spPr bwMode="auto">
              <a:xfrm>
                <a:off x="2474913" y="3190875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00" name="Freeform 155"/>
              <p:cNvSpPr>
                <a:spLocks/>
              </p:cNvSpPr>
              <p:nvPr/>
            </p:nvSpPr>
            <p:spPr bwMode="auto">
              <a:xfrm>
                <a:off x="2698751" y="3297238"/>
                <a:ext cx="234950" cy="514350"/>
              </a:xfrm>
              <a:custGeom>
                <a:avLst/>
                <a:gdLst>
                  <a:gd name="T0" fmla="*/ 17 w 22"/>
                  <a:gd name="T1" fmla="*/ 0 h 48"/>
                  <a:gd name="T2" fmla="*/ 5 w 22"/>
                  <a:gd name="T3" fmla="*/ 0 h 48"/>
                  <a:gd name="T4" fmla="*/ 0 w 22"/>
                  <a:gd name="T5" fmla="*/ 5 h 48"/>
                  <a:gd name="T6" fmla="*/ 0 w 22"/>
                  <a:gd name="T7" fmla="*/ 5 h 48"/>
                  <a:gd name="T8" fmla="*/ 0 w 22"/>
                  <a:gd name="T9" fmla="*/ 6 h 48"/>
                  <a:gd name="T10" fmla="*/ 0 w 22"/>
                  <a:gd name="T11" fmla="*/ 22 h 48"/>
                  <a:gd name="T12" fmla="*/ 1 w 22"/>
                  <a:gd name="T13" fmla="*/ 24 h 48"/>
                  <a:gd name="T14" fmla="*/ 3 w 22"/>
                  <a:gd name="T15" fmla="*/ 22 h 48"/>
                  <a:gd name="T16" fmla="*/ 3 w 22"/>
                  <a:gd name="T17" fmla="*/ 8 h 48"/>
                  <a:gd name="T18" fmla="*/ 5 w 22"/>
                  <a:gd name="T19" fmla="*/ 8 h 48"/>
                  <a:gd name="T20" fmla="*/ 5 w 22"/>
                  <a:gd name="T21" fmla="*/ 21 h 48"/>
                  <a:gd name="T22" fmla="*/ 5 w 22"/>
                  <a:gd name="T23" fmla="*/ 22 h 48"/>
                  <a:gd name="T24" fmla="*/ 5 w 22"/>
                  <a:gd name="T25" fmla="*/ 46 h 48"/>
                  <a:gd name="T26" fmla="*/ 8 w 22"/>
                  <a:gd name="T27" fmla="*/ 48 h 48"/>
                  <a:gd name="T28" fmla="*/ 10 w 22"/>
                  <a:gd name="T29" fmla="*/ 46 h 48"/>
                  <a:gd name="T30" fmla="*/ 10 w 22"/>
                  <a:gd name="T31" fmla="*/ 25 h 48"/>
                  <a:gd name="T32" fmla="*/ 12 w 22"/>
                  <a:gd name="T33" fmla="*/ 25 h 48"/>
                  <a:gd name="T34" fmla="*/ 12 w 22"/>
                  <a:gd name="T35" fmla="*/ 46 h 48"/>
                  <a:gd name="T36" fmla="*/ 14 w 22"/>
                  <a:gd name="T37" fmla="*/ 48 h 48"/>
                  <a:gd name="T38" fmla="*/ 17 w 22"/>
                  <a:gd name="T39" fmla="*/ 46 h 48"/>
                  <a:gd name="T40" fmla="*/ 17 w 22"/>
                  <a:gd name="T41" fmla="*/ 21 h 48"/>
                  <a:gd name="T42" fmla="*/ 17 w 22"/>
                  <a:gd name="T43" fmla="*/ 21 h 48"/>
                  <a:gd name="T44" fmla="*/ 17 w 22"/>
                  <a:gd name="T45" fmla="*/ 8 h 48"/>
                  <a:gd name="T46" fmla="*/ 18 w 22"/>
                  <a:gd name="T47" fmla="*/ 8 h 48"/>
                  <a:gd name="T48" fmla="*/ 18 w 22"/>
                  <a:gd name="T49" fmla="*/ 22 h 48"/>
                  <a:gd name="T50" fmla="*/ 20 w 22"/>
                  <a:gd name="T51" fmla="*/ 24 h 48"/>
                  <a:gd name="T52" fmla="*/ 22 w 22"/>
                  <a:gd name="T53" fmla="*/ 22 h 48"/>
                  <a:gd name="T54" fmla="*/ 22 w 22"/>
                  <a:gd name="T55" fmla="*/ 6 h 48"/>
                  <a:gd name="T56" fmla="*/ 22 w 22"/>
                  <a:gd name="T57" fmla="*/ 5 h 48"/>
                  <a:gd name="T58" fmla="*/ 22 w 22"/>
                  <a:gd name="T59" fmla="*/ 5 h 48"/>
                  <a:gd name="T60" fmla="*/ 17 w 22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2" h="48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01" name="Oval 156"/>
              <p:cNvSpPr>
                <a:spLocks noChangeArrowheads="1"/>
              </p:cNvSpPr>
              <p:nvPr/>
            </p:nvSpPr>
            <p:spPr bwMode="auto">
              <a:xfrm>
                <a:off x="2763838" y="3190875"/>
                <a:ext cx="106363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02" name="Freeform 163"/>
              <p:cNvSpPr>
                <a:spLocks/>
              </p:cNvSpPr>
              <p:nvPr/>
            </p:nvSpPr>
            <p:spPr bwMode="auto">
              <a:xfrm>
                <a:off x="3852863" y="3297238"/>
                <a:ext cx="246063" cy="514350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5 w 23"/>
                  <a:gd name="T19" fmla="*/ 8 h 48"/>
                  <a:gd name="T20" fmla="*/ 5 w 23"/>
                  <a:gd name="T21" fmla="*/ 21 h 48"/>
                  <a:gd name="T22" fmla="*/ 5 w 23"/>
                  <a:gd name="T23" fmla="*/ 22 h 48"/>
                  <a:gd name="T24" fmla="*/ 5 w 23"/>
                  <a:gd name="T25" fmla="*/ 46 h 48"/>
                  <a:gd name="T26" fmla="*/ 8 w 23"/>
                  <a:gd name="T27" fmla="*/ 48 h 48"/>
                  <a:gd name="T28" fmla="*/ 11 w 23"/>
                  <a:gd name="T29" fmla="*/ 46 h 48"/>
                  <a:gd name="T30" fmla="*/ 11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5 w 23"/>
                  <a:gd name="T37" fmla="*/ 48 h 48"/>
                  <a:gd name="T38" fmla="*/ 17 w 23"/>
                  <a:gd name="T39" fmla="*/ 46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103" name="Oval 164"/>
              <p:cNvSpPr>
                <a:spLocks noChangeArrowheads="1"/>
              </p:cNvSpPr>
              <p:nvPr/>
            </p:nvSpPr>
            <p:spPr bwMode="auto">
              <a:xfrm>
                <a:off x="3927476" y="3190875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grpSp>
          <p:nvGrpSpPr>
            <p:cNvPr id="18" name="组合 17"/>
            <p:cNvGrpSpPr/>
            <p:nvPr/>
          </p:nvGrpSpPr>
          <p:grpSpPr>
            <a:xfrm>
              <a:off x="3824289" y="3140075"/>
              <a:ext cx="2276475" cy="620713"/>
              <a:chOff x="4141788" y="3190875"/>
              <a:chExt cx="2276475" cy="620713"/>
            </a:xfrm>
          </p:grpSpPr>
          <p:sp>
            <p:nvSpPr>
              <p:cNvPr id="20" name="Freeform 157"/>
              <p:cNvSpPr>
                <a:spLocks/>
              </p:cNvSpPr>
              <p:nvPr/>
            </p:nvSpPr>
            <p:spPr bwMode="auto">
              <a:xfrm>
                <a:off x="4441826" y="3297238"/>
                <a:ext cx="244475" cy="514350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5 w 23"/>
                  <a:gd name="T19" fmla="*/ 8 h 48"/>
                  <a:gd name="T20" fmla="*/ 5 w 23"/>
                  <a:gd name="T21" fmla="*/ 21 h 48"/>
                  <a:gd name="T22" fmla="*/ 5 w 23"/>
                  <a:gd name="T23" fmla="*/ 22 h 48"/>
                  <a:gd name="T24" fmla="*/ 5 w 23"/>
                  <a:gd name="T25" fmla="*/ 46 h 48"/>
                  <a:gd name="T26" fmla="*/ 8 w 23"/>
                  <a:gd name="T27" fmla="*/ 48 h 48"/>
                  <a:gd name="T28" fmla="*/ 10 w 23"/>
                  <a:gd name="T29" fmla="*/ 46 h 48"/>
                  <a:gd name="T30" fmla="*/ 10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4 w 23"/>
                  <a:gd name="T37" fmla="*/ 48 h 48"/>
                  <a:gd name="T38" fmla="*/ 17 w 23"/>
                  <a:gd name="T39" fmla="*/ 46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19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1" name="Oval 158"/>
              <p:cNvSpPr>
                <a:spLocks noChangeArrowheads="1"/>
              </p:cNvSpPr>
              <p:nvPr/>
            </p:nvSpPr>
            <p:spPr bwMode="auto">
              <a:xfrm>
                <a:off x="4516438" y="3190875"/>
                <a:ext cx="95250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2" name="Freeform 159"/>
              <p:cNvSpPr>
                <a:spLocks/>
              </p:cNvSpPr>
              <p:nvPr/>
            </p:nvSpPr>
            <p:spPr bwMode="auto">
              <a:xfrm>
                <a:off x="4729163" y="3297238"/>
                <a:ext cx="246063" cy="514350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5 w 23"/>
                  <a:gd name="T19" fmla="*/ 8 h 48"/>
                  <a:gd name="T20" fmla="*/ 5 w 23"/>
                  <a:gd name="T21" fmla="*/ 21 h 48"/>
                  <a:gd name="T22" fmla="*/ 5 w 23"/>
                  <a:gd name="T23" fmla="*/ 22 h 48"/>
                  <a:gd name="T24" fmla="*/ 5 w 23"/>
                  <a:gd name="T25" fmla="*/ 46 h 48"/>
                  <a:gd name="T26" fmla="*/ 8 w 23"/>
                  <a:gd name="T27" fmla="*/ 48 h 48"/>
                  <a:gd name="T28" fmla="*/ 11 w 23"/>
                  <a:gd name="T29" fmla="*/ 46 h 48"/>
                  <a:gd name="T30" fmla="*/ 11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5 w 23"/>
                  <a:gd name="T37" fmla="*/ 48 h 48"/>
                  <a:gd name="T38" fmla="*/ 17 w 23"/>
                  <a:gd name="T39" fmla="*/ 46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3" name="Oval 160"/>
              <p:cNvSpPr>
                <a:spLocks noChangeArrowheads="1"/>
              </p:cNvSpPr>
              <p:nvPr/>
            </p:nvSpPr>
            <p:spPr bwMode="auto">
              <a:xfrm>
                <a:off x="4803776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4" name="Freeform 161"/>
              <p:cNvSpPr>
                <a:spLocks/>
              </p:cNvSpPr>
              <p:nvPr/>
            </p:nvSpPr>
            <p:spPr bwMode="auto">
              <a:xfrm>
                <a:off x="5018088" y="3297238"/>
                <a:ext cx="246063" cy="514350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6 h 48"/>
                  <a:gd name="T26" fmla="*/ 8 w 23"/>
                  <a:gd name="T27" fmla="*/ 48 h 48"/>
                  <a:gd name="T28" fmla="*/ 11 w 23"/>
                  <a:gd name="T29" fmla="*/ 46 h 48"/>
                  <a:gd name="T30" fmla="*/ 11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5 w 23"/>
                  <a:gd name="T37" fmla="*/ 48 h 48"/>
                  <a:gd name="T38" fmla="*/ 17 w 23"/>
                  <a:gd name="T39" fmla="*/ 46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5" name="Oval 162"/>
              <p:cNvSpPr>
                <a:spLocks noChangeArrowheads="1"/>
              </p:cNvSpPr>
              <p:nvPr/>
            </p:nvSpPr>
            <p:spPr bwMode="auto">
              <a:xfrm>
                <a:off x="5092701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6" name="Freeform 165"/>
              <p:cNvSpPr>
                <a:spLocks/>
              </p:cNvSpPr>
              <p:nvPr/>
            </p:nvSpPr>
            <p:spPr bwMode="auto">
              <a:xfrm>
                <a:off x="4141788" y="3297238"/>
                <a:ext cx="246063" cy="514350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6 h 48"/>
                  <a:gd name="T26" fmla="*/ 8 w 23"/>
                  <a:gd name="T27" fmla="*/ 48 h 48"/>
                  <a:gd name="T28" fmla="*/ 11 w 23"/>
                  <a:gd name="T29" fmla="*/ 46 h 48"/>
                  <a:gd name="T30" fmla="*/ 11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5 w 23"/>
                  <a:gd name="T37" fmla="*/ 48 h 48"/>
                  <a:gd name="T38" fmla="*/ 17 w 23"/>
                  <a:gd name="T39" fmla="*/ 46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7" name="Oval 166"/>
              <p:cNvSpPr>
                <a:spLocks noChangeArrowheads="1"/>
              </p:cNvSpPr>
              <p:nvPr/>
            </p:nvSpPr>
            <p:spPr bwMode="auto">
              <a:xfrm>
                <a:off x="4216401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8" name="Freeform 167"/>
              <p:cNvSpPr>
                <a:spLocks/>
              </p:cNvSpPr>
              <p:nvPr/>
            </p:nvSpPr>
            <p:spPr bwMode="auto">
              <a:xfrm>
                <a:off x="5883276" y="3297238"/>
                <a:ext cx="246063" cy="514350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6 h 48"/>
                  <a:gd name="T26" fmla="*/ 8 w 23"/>
                  <a:gd name="T27" fmla="*/ 48 h 48"/>
                  <a:gd name="T28" fmla="*/ 11 w 23"/>
                  <a:gd name="T29" fmla="*/ 46 h 48"/>
                  <a:gd name="T30" fmla="*/ 11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5 w 23"/>
                  <a:gd name="T37" fmla="*/ 48 h 48"/>
                  <a:gd name="T38" fmla="*/ 18 w 23"/>
                  <a:gd name="T39" fmla="*/ 46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6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29" name="Oval 168"/>
              <p:cNvSpPr>
                <a:spLocks noChangeArrowheads="1"/>
              </p:cNvSpPr>
              <p:nvPr/>
            </p:nvSpPr>
            <p:spPr bwMode="auto">
              <a:xfrm>
                <a:off x="5957888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30" name="Freeform 169"/>
              <p:cNvSpPr>
                <a:spLocks/>
              </p:cNvSpPr>
              <p:nvPr/>
            </p:nvSpPr>
            <p:spPr bwMode="auto">
              <a:xfrm>
                <a:off x="6183313" y="3297238"/>
                <a:ext cx="234950" cy="514350"/>
              </a:xfrm>
              <a:custGeom>
                <a:avLst/>
                <a:gdLst>
                  <a:gd name="T0" fmla="*/ 17 w 22"/>
                  <a:gd name="T1" fmla="*/ 0 h 48"/>
                  <a:gd name="T2" fmla="*/ 5 w 22"/>
                  <a:gd name="T3" fmla="*/ 0 h 48"/>
                  <a:gd name="T4" fmla="*/ 0 w 22"/>
                  <a:gd name="T5" fmla="*/ 5 h 48"/>
                  <a:gd name="T6" fmla="*/ 0 w 22"/>
                  <a:gd name="T7" fmla="*/ 5 h 48"/>
                  <a:gd name="T8" fmla="*/ 0 w 22"/>
                  <a:gd name="T9" fmla="*/ 6 h 48"/>
                  <a:gd name="T10" fmla="*/ 0 w 22"/>
                  <a:gd name="T11" fmla="*/ 22 h 48"/>
                  <a:gd name="T12" fmla="*/ 1 w 22"/>
                  <a:gd name="T13" fmla="*/ 24 h 48"/>
                  <a:gd name="T14" fmla="*/ 3 w 22"/>
                  <a:gd name="T15" fmla="*/ 22 h 48"/>
                  <a:gd name="T16" fmla="*/ 3 w 22"/>
                  <a:gd name="T17" fmla="*/ 8 h 48"/>
                  <a:gd name="T18" fmla="*/ 5 w 22"/>
                  <a:gd name="T19" fmla="*/ 8 h 48"/>
                  <a:gd name="T20" fmla="*/ 5 w 22"/>
                  <a:gd name="T21" fmla="*/ 21 h 48"/>
                  <a:gd name="T22" fmla="*/ 5 w 22"/>
                  <a:gd name="T23" fmla="*/ 22 h 48"/>
                  <a:gd name="T24" fmla="*/ 5 w 22"/>
                  <a:gd name="T25" fmla="*/ 46 h 48"/>
                  <a:gd name="T26" fmla="*/ 8 w 22"/>
                  <a:gd name="T27" fmla="*/ 48 h 48"/>
                  <a:gd name="T28" fmla="*/ 10 w 22"/>
                  <a:gd name="T29" fmla="*/ 46 h 48"/>
                  <a:gd name="T30" fmla="*/ 10 w 22"/>
                  <a:gd name="T31" fmla="*/ 25 h 48"/>
                  <a:gd name="T32" fmla="*/ 12 w 22"/>
                  <a:gd name="T33" fmla="*/ 25 h 48"/>
                  <a:gd name="T34" fmla="*/ 12 w 22"/>
                  <a:gd name="T35" fmla="*/ 46 h 48"/>
                  <a:gd name="T36" fmla="*/ 14 w 22"/>
                  <a:gd name="T37" fmla="*/ 48 h 48"/>
                  <a:gd name="T38" fmla="*/ 17 w 22"/>
                  <a:gd name="T39" fmla="*/ 46 h 48"/>
                  <a:gd name="T40" fmla="*/ 17 w 22"/>
                  <a:gd name="T41" fmla="*/ 21 h 48"/>
                  <a:gd name="T42" fmla="*/ 17 w 22"/>
                  <a:gd name="T43" fmla="*/ 21 h 48"/>
                  <a:gd name="T44" fmla="*/ 17 w 22"/>
                  <a:gd name="T45" fmla="*/ 8 h 48"/>
                  <a:gd name="T46" fmla="*/ 18 w 22"/>
                  <a:gd name="T47" fmla="*/ 8 h 48"/>
                  <a:gd name="T48" fmla="*/ 18 w 22"/>
                  <a:gd name="T49" fmla="*/ 22 h 48"/>
                  <a:gd name="T50" fmla="*/ 20 w 22"/>
                  <a:gd name="T51" fmla="*/ 24 h 48"/>
                  <a:gd name="T52" fmla="*/ 22 w 22"/>
                  <a:gd name="T53" fmla="*/ 22 h 48"/>
                  <a:gd name="T54" fmla="*/ 22 w 22"/>
                  <a:gd name="T55" fmla="*/ 6 h 48"/>
                  <a:gd name="T56" fmla="*/ 22 w 22"/>
                  <a:gd name="T57" fmla="*/ 5 h 48"/>
                  <a:gd name="T58" fmla="*/ 22 w 22"/>
                  <a:gd name="T59" fmla="*/ 5 h 48"/>
                  <a:gd name="T60" fmla="*/ 17 w 22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2" h="48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31" name="Oval 170"/>
              <p:cNvSpPr>
                <a:spLocks noChangeArrowheads="1"/>
              </p:cNvSpPr>
              <p:nvPr/>
            </p:nvSpPr>
            <p:spPr bwMode="auto">
              <a:xfrm>
                <a:off x="6246813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32" name="Freeform 171"/>
              <p:cNvSpPr>
                <a:spLocks/>
              </p:cNvSpPr>
              <p:nvPr/>
            </p:nvSpPr>
            <p:spPr bwMode="auto">
              <a:xfrm>
                <a:off x="5295901" y="3297238"/>
                <a:ext cx="246063" cy="514350"/>
              </a:xfrm>
              <a:custGeom>
                <a:avLst/>
                <a:gdLst>
                  <a:gd name="T0" fmla="*/ 18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4 w 23"/>
                  <a:gd name="T15" fmla="*/ 22 h 48"/>
                  <a:gd name="T16" fmla="*/ 4 w 23"/>
                  <a:gd name="T17" fmla="*/ 8 h 48"/>
                  <a:gd name="T18" fmla="*/ 6 w 23"/>
                  <a:gd name="T19" fmla="*/ 8 h 48"/>
                  <a:gd name="T20" fmla="*/ 6 w 23"/>
                  <a:gd name="T21" fmla="*/ 21 h 48"/>
                  <a:gd name="T22" fmla="*/ 6 w 23"/>
                  <a:gd name="T23" fmla="*/ 22 h 48"/>
                  <a:gd name="T24" fmla="*/ 6 w 23"/>
                  <a:gd name="T25" fmla="*/ 46 h 48"/>
                  <a:gd name="T26" fmla="*/ 9 w 23"/>
                  <a:gd name="T27" fmla="*/ 48 h 48"/>
                  <a:gd name="T28" fmla="*/ 11 w 23"/>
                  <a:gd name="T29" fmla="*/ 46 h 48"/>
                  <a:gd name="T30" fmla="*/ 11 w 23"/>
                  <a:gd name="T31" fmla="*/ 25 h 48"/>
                  <a:gd name="T32" fmla="*/ 13 w 23"/>
                  <a:gd name="T33" fmla="*/ 25 h 48"/>
                  <a:gd name="T34" fmla="*/ 13 w 23"/>
                  <a:gd name="T35" fmla="*/ 46 h 48"/>
                  <a:gd name="T36" fmla="*/ 15 w 23"/>
                  <a:gd name="T37" fmla="*/ 48 h 48"/>
                  <a:gd name="T38" fmla="*/ 18 w 23"/>
                  <a:gd name="T39" fmla="*/ 46 h 48"/>
                  <a:gd name="T40" fmla="*/ 18 w 23"/>
                  <a:gd name="T41" fmla="*/ 21 h 48"/>
                  <a:gd name="T42" fmla="*/ 18 w 23"/>
                  <a:gd name="T43" fmla="*/ 21 h 48"/>
                  <a:gd name="T44" fmla="*/ 18 w 23"/>
                  <a:gd name="T45" fmla="*/ 8 h 48"/>
                  <a:gd name="T46" fmla="*/ 19 w 23"/>
                  <a:gd name="T47" fmla="*/ 8 h 48"/>
                  <a:gd name="T48" fmla="*/ 19 w 23"/>
                  <a:gd name="T49" fmla="*/ 22 h 48"/>
                  <a:gd name="T50" fmla="*/ 21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8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9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3" y="25"/>
                      <a:pt x="13" y="25"/>
                      <a:pt x="13" y="25"/>
                    </a:cubicBezTo>
                    <a:cubicBezTo>
                      <a:pt x="13" y="46"/>
                      <a:pt x="13" y="46"/>
                      <a:pt x="13" y="46"/>
                    </a:cubicBezTo>
                    <a:cubicBezTo>
                      <a:pt x="13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6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33" name="Oval 172"/>
              <p:cNvSpPr>
                <a:spLocks noChangeArrowheads="1"/>
              </p:cNvSpPr>
              <p:nvPr/>
            </p:nvSpPr>
            <p:spPr bwMode="auto">
              <a:xfrm>
                <a:off x="5370513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34" name="Freeform 173"/>
              <p:cNvSpPr>
                <a:spLocks/>
              </p:cNvSpPr>
              <p:nvPr/>
            </p:nvSpPr>
            <p:spPr bwMode="auto">
              <a:xfrm>
                <a:off x="5595938" y="3297238"/>
                <a:ext cx="244475" cy="514350"/>
              </a:xfrm>
              <a:custGeom>
                <a:avLst/>
                <a:gdLst>
                  <a:gd name="T0" fmla="*/ 17 w 23"/>
                  <a:gd name="T1" fmla="*/ 0 h 48"/>
                  <a:gd name="T2" fmla="*/ 6 w 23"/>
                  <a:gd name="T3" fmla="*/ 0 h 48"/>
                  <a:gd name="T4" fmla="*/ 0 w 23"/>
                  <a:gd name="T5" fmla="*/ 5 h 48"/>
                  <a:gd name="T6" fmla="*/ 0 w 23"/>
                  <a:gd name="T7" fmla="*/ 5 h 48"/>
                  <a:gd name="T8" fmla="*/ 0 w 23"/>
                  <a:gd name="T9" fmla="*/ 6 h 48"/>
                  <a:gd name="T10" fmla="*/ 0 w 23"/>
                  <a:gd name="T11" fmla="*/ 22 h 48"/>
                  <a:gd name="T12" fmla="*/ 2 w 23"/>
                  <a:gd name="T13" fmla="*/ 24 h 48"/>
                  <a:gd name="T14" fmla="*/ 3 w 23"/>
                  <a:gd name="T15" fmla="*/ 22 h 48"/>
                  <a:gd name="T16" fmla="*/ 3 w 23"/>
                  <a:gd name="T17" fmla="*/ 8 h 48"/>
                  <a:gd name="T18" fmla="*/ 5 w 23"/>
                  <a:gd name="T19" fmla="*/ 8 h 48"/>
                  <a:gd name="T20" fmla="*/ 5 w 23"/>
                  <a:gd name="T21" fmla="*/ 21 h 48"/>
                  <a:gd name="T22" fmla="*/ 5 w 23"/>
                  <a:gd name="T23" fmla="*/ 22 h 48"/>
                  <a:gd name="T24" fmla="*/ 5 w 23"/>
                  <a:gd name="T25" fmla="*/ 46 h 48"/>
                  <a:gd name="T26" fmla="*/ 8 w 23"/>
                  <a:gd name="T27" fmla="*/ 48 h 48"/>
                  <a:gd name="T28" fmla="*/ 10 w 23"/>
                  <a:gd name="T29" fmla="*/ 46 h 48"/>
                  <a:gd name="T30" fmla="*/ 10 w 23"/>
                  <a:gd name="T31" fmla="*/ 25 h 48"/>
                  <a:gd name="T32" fmla="*/ 12 w 23"/>
                  <a:gd name="T33" fmla="*/ 25 h 48"/>
                  <a:gd name="T34" fmla="*/ 12 w 23"/>
                  <a:gd name="T35" fmla="*/ 46 h 48"/>
                  <a:gd name="T36" fmla="*/ 14 w 23"/>
                  <a:gd name="T37" fmla="*/ 48 h 48"/>
                  <a:gd name="T38" fmla="*/ 17 w 23"/>
                  <a:gd name="T39" fmla="*/ 46 h 48"/>
                  <a:gd name="T40" fmla="*/ 17 w 23"/>
                  <a:gd name="T41" fmla="*/ 21 h 48"/>
                  <a:gd name="T42" fmla="*/ 17 w 23"/>
                  <a:gd name="T43" fmla="*/ 21 h 48"/>
                  <a:gd name="T44" fmla="*/ 17 w 23"/>
                  <a:gd name="T45" fmla="*/ 8 h 48"/>
                  <a:gd name="T46" fmla="*/ 18 w 23"/>
                  <a:gd name="T47" fmla="*/ 8 h 48"/>
                  <a:gd name="T48" fmla="*/ 18 w 23"/>
                  <a:gd name="T49" fmla="*/ 22 h 48"/>
                  <a:gd name="T50" fmla="*/ 20 w 23"/>
                  <a:gd name="T51" fmla="*/ 24 h 48"/>
                  <a:gd name="T52" fmla="*/ 23 w 23"/>
                  <a:gd name="T53" fmla="*/ 22 h 48"/>
                  <a:gd name="T54" fmla="*/ 23 w 23"/>
                  <a:gd name="T55" fmla="*/ 6 h 48"/>
                  <a:gd name="T56" fmla="*/ 23 w 23"/>
                  <a:gd name="T57" fmla="*/ 5 h 48"/>
                  <a:gd name="T58" fmla="*/ 23 w 23"/>
                  <a:gd name="T59" fmla="*/ 5 h 48"/>
                  <a:gd name="T60" fmla="*/ 17 w 23"/>
                  <a:gd name="T61" fmla="*/ 0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l="0" t="0" r="r" b="b"/>
                <a:pathLst>
                  <a:path w="23" h="48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  <p:sp>
            <p:nvSpPr>
              <p:cNvPr id="35" name="Oval 174"/>
              <p:cNvSpPr>
                <a:spLocks noChangeArrowheads="1"/>
              </p:cNvSpPr>
              <p:nvPr/>
            </p:nvSpPr>
            <p:spPr bwMode="auto">
              <a:xfrm>
                <a:off x="5670551" y="3190875"/>
                <a:ext cx="95250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zh-CN" altLang="en-US"/>
              </a:p>
            </p:txBody>
          </p:sp>
        </p:grpSp>
        <p:sp>
          <p:nvSpPr>
            <p:cNvPr id="19" name="Freeform 195"/>
            <p:cNvSpPr>
              <a:spLocks/>
            </p:cNvSpPr>
            <p:nvPr/>
          </p:nvSpPr>
          <p:spPr bwMode="auto">
            <a:xfrm rot="16200000">
              <a:off x="5632258" y="2495355"/>
              <a:ext cx="1865313" cy="538552"/>
            </a:xfrm>
            <a:custGeom>
              <a:avLst/>
              <a:gdLst>
                <a:gd name="T0" fmla="*/ 104 w 221"/>
                <a:gd name="T1" fmla="*/ 64 h 64"/>
                <a:gd name="T2" fmla="*/ 83 w 221"/>
                <a:gd name="T3" fmla="*/ 41 h 64"/>
                <a:gd name="T4" fmla="*/ 61 w 221"/>
                <a:gd name="T5" fmla="*/ 43 h 64"/>
                <a:gd name="T6" fmla="*/ 38 w 221"/>
                <a:gd name="T7" fmla="*/ 46 h 64"/>
                <a:gd name="T8" fmla="*/ 0 w 221"/>
                <a:gd name="T9" fmla="*/ 6 h 64"/>
                <a:gd name="T10" fmla="*/ 0 w 221"/>
                <a:gd name="T11" fmla="*/ 0 h 64"/>
                <a:gd name="T12" fmla="*/ 16 w 221"/>
                <a:gd name="T13" fmla="*/ 0 h 64"/>
                <a:gd name="T14" fmla="*/ 16 w 221"/>
                <a:gd name="T15" fmla="*/ 4 h 64"/>
                <a:gd name="T16" fmla="*/ 40 w 221"/>
                <a:gd name="T17" fmla="*/ 27 h 64"/>
                <a:gd name="T18" fmla="*/ 59 w 221"/>
                <a:gd name="T19" fmla="*/ 25 h 64"/>
                <a:gd name="T20" fmla="*/ 81 w 221"/>
                <a:gd name="T21" fmla="*/ 22 h 64"/>
                <a:gd name="T22" fmla="*/ 111 w 221"/>
                <a:gd name="T23" fmla="*/ 43 h 64"/>
                <a:gd name="T24" fmla="*/ 111 w 221"/>
                <a:gd name="T25" fmla="*/ 43 h 64"/>
                <a:gd name="T26" fmla="*/ 141 w 221"/>
                <a:gd name="T27" fmla="*/ 22 h 64"/>
                <a:gd name="T28" fmla="*/ 162 w 221"/>
                <a:gd name="T29" fmla="*/ 25 h 64"/>
                <a:gd name="T30" fmla="*/ 182 w 221"/>
                <a:gd name="T31" fmla="*/ 27 h 64"/>
                <a:gd name="T32" fmla="*/ 206 w 221"/>
                <a:gd name="T33" fmla="*/ 4 h 64"/>
                <a:gd name="T34" fmla="*/ 206 w 221"/>
                <a:gd name="T35" fmla="*/ 0 h 64"/>
                <a:gd name="T36" fmla="*/ 221 w 221"/>
                <a:gd name="T37" fmla="*/ 0 h 64"/>
                <a:gd name="T38" fmla="*/ 221 w 221"/>
                <a:gd name="T39" fmla="*/ 5 h 64"/>
                <a:gd name="T40" fmla="*/ 185 w 221"/>
                <a:gd name="T41" fmla="*/ 46 h 64"/>
                <a:gd name="T42" fmla="*/ 162 w 221"/>
                <a:gd name="T43" fmla="*/ 43 h 64"/>
                <a:gd name="T44" fmla="*/ 139 w 221"/>
                <a:gd name="T45" fmla="*/ 41 h 64"/>
                <a:gd name="T46" fmla="*/ 118 w 221"/>
                <a:gd name="T47" fmla="*/ 64 h 64"/>
                <a:gd name="T48" fmla="*/ 104 w 221"/>
                <a:gd name="T49" fmla="*/ 64 h 6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l="0" t="0" r="r" b="b"/>
              <a:pathLst>
                <a:path w="221" h="64">
                  <a:moveTo>
                    <a:pt x="104" y="64"/>
                  </a:moveTo>
                  <a:cubicBezTo>
                    <a:pt x="104" y="44"/>
                    <a:pt x="92" y="42"/>
                    <a:pt x="83" y="41"/>
                  </a:cubicBezTo>
                  <a:cubicBezTo>
                    <a:pt x="76" y="41"/>
                    <a:pt x="69" y="42"/>
                    <a:pt x="61" y="43"/>
                  </a:cubicBezTo>
                  <a:cubicBezTo>
                    <a:pt x="53" y="45"/>
                    <a:pt x="46" y="46"/>
                    <a:pt x="38" y="46"/>
                  </a:cubicBezTo>
                  <a:cubicBezTo>
                    <a:pt x="10" y="46"/>
                    <a:pt x="0" y="28"/>
                    <a:pt x="0" y="6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16" y="4"/>
                    <a:pt x="16" y="4"/>
                    <a:pt x="16" y="4"/>
                  </a:cubicBezTo>
                  <a:cubicBezTo>
                    <a:pt x="16" y="20"/>
                    <a:pt x="24" y="27"/>
                    <a:pt x="40" y="27"/>
                  </a:cubicBezTo>
                  <a:cubicBezTo>
                    <a:pt x="46" y="27"/>
                    <a:pt x="53" y="25"/>
                    <a:pt x="59" y="25"/>
                  </a:cubicBezTo>
                  <a:cubicBezTo>
                    <a:pt x="66" y="24"/>
                    <a:pt x="73" y="22"/>
                    <a:pt x="81" y="22"/>
                  </a:cubicBezTo>
                  <a:cubicBezTo>
                    <a:pt x="98" y="22"/>
                    <a:pt x="108" y="30"/>
                    <a:pt x="111" y="43"/>
                  </a:cubicBezTo>
                  <a:cubicBezTo>
                    <a:pt x="111" y="43"/>
                    <a:pt x="111" y="43"/>
                    <a:pt x="111" y="43"/>
                  </a:cubicBezTo>
                  <a:cubicBezTo>
                    <a:pt x="115" y="30"/>
                    <a:pt x="124" y="22"/>
                    <a:pt x="141" y="22"/>
                  </a:cubicBezTo>
                  <a:cubicBezTo>
                    <a:pt x="149" y="22"/>
                    <a:pt x="155" y="24"/>
                    <a:pt x="162" y="25"/>
                  </a:cubicBezTo>
                  <a:cubicBezTo>
                    <a:pt x="169" y="25"/>
                    <a:pt x="176" y="27"/>
                    <a:pt x="182" y="27"/>
                  </a:cubicBezTo>
                  <a:cubicBezTo>
                    <a:pt x="197" y="27"/>
                    <a:pt x="205" y="21"/>
                    <a:pt x="206" y="4"/>
                  </a:cubicBezTo>
                  <a:cubicBezTo>
                    <a:pt x="206" y="0"/>
                    <a:pt x="206" y="0"/>
                    <a:pt x="206" y="0"/>
                  </a:cubicBezTo>
                  <a:cubicBezTo>
                    <a:pt x="221" y="0"/>
                    <a:pt x="221" y="0"/>
                    <a:pt x="221" y="0"/>
                  </a:cubicBezTo>
                  <a:cubicBezTo>
                    <a:pt x="221" y="5"/>
                    <a:pt x="221" y="5"/>
                    <a:pt x="221" y="5"/>
                  </a:cubicBezTo>
                  <a:cubicBezTo>
                    <a:pt x="221" y="29"/>
                    <a:pt x="210" y="46"/>
                    <a:pt x="185" y="46"/>
                  </a:cubicBezTo>
                  <a:cubicBezTo>
                    <a:pt x="177" y="46"/>
                    <a:pt x="170" y="45"/>
                    <a:pt x="162" y="43"/>
                  </a:cubicBezTo>
                  <a:cubicBezTo>
                    <a:pt x="154" y="42"/>
                    <a:pt x="146" y="41"/>
                    <a:pt x="139" y="41"/>
                  </a:cubicBezTo>
                  <a:cubicBezTo>
                    <a:pt x="129" y="41"/>
                    <a:pt x="118" y="44"/>
                    <a:pt x="118" y="64"/>
                  </a:cubicBezTo>
                  <a:lnTo>
                    <a:pt x="104" y="64"/>
                  </a:ln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sp>
        <p:nvSpPr>
          <p:cNvPr id="104" name="矩形 103"/>
          <p:cNvSpPr>
            <a:spLocks noChangeArrowheads="1"/>
          </p:cNvSpPr>
          <p:nvPr/>
        </p:nvSpPr>
        <p:spPr bwMode="auto">
          <a:xfrm>
            <a:off x="8529759" y="2620421"/>
            <a:ext cx="1891499" cy="16312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Arial" charset="0"/>
              </a:rPr>
              <a:t>RAPIDPPT, the leader of professional PPT designer in China. 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Arial" charset="0"/>
              </a:rPr>
              <a:t>5years of making professional PPT,</a:t>
            </a:r>
          </a:p>
          <a:p>
            <a:pPr>
              <a:lnSpc>
                <a:spcPts val="2000"/>
              </a:lnSpc>
            </a:pPr>
            <a:r>
              <a:rPr lang="en-US" altLang="zh-CN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Arial" charset="0"/>
              </a:rPr>
              <a:t>Classical PPT, </a:t>
            </a:r>
          </a:p>
        </p:txBody>
      </p: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8" presetClass="entr" presetSubtype="6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Right)">
                                      <p:cBhvr>
                                        <p:cTn id="13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8" presetClass="entr" presetSubtype="6" fill="hold" grpId="0" nodeType="withEffect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Right)">
                                      <p:cBhvr>
                                        <p:cTn id="16" dur="75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4" grpId="0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585393" y="2856754"/>
            <a:ext cx="650414" cy="1430200"/>
            <a:chOff x="654993" y="2109651"/>
            <a:chExt cx="650414" cy="1430200"/>
          </a:xfrm>
        </p:grpSpPr>
        <p:sp>
          <p:nvSpPr>
            <p:cNvPr id="3" name="TextBox 2"/>
            <p:cNvSpPr txBox="1"/>
            <p:nvPr/>
          </p:nvSpPr>
          <p:spPr>
            <a:xfrm rot="5400000">
              <a:off x="297920" y="2532363"/>
              <a:ext cx="1430200" cy="58477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3200" b="1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Franklin Gothic Book" pitchFamily="34" charset="0"/>
                </a:rPr>
                <a:t>C</a:t>
              </a:r>
              <a:r>
                <a:rPr lang="en-US" altLang="zh-CN" sz="2000" b="1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Franklin Gothic Book" pitchFamily="34" charset="0"/>
                </a:rPr>
                <a:t>ontact us</a:t>
              </a:r>
              <a:endParaRPr lang="zh-CN" altLang="en-US" sz="2000" b="1" dirty="0">
                <a:solidFill>
                  <a:schemeClr val="tx1">
                    <a:lumMod val="50000"/>
                    <a:lumOff val="50000"/>
                  </a:schemeClr>
                </a:solidFill>
                <a:latin typeface="Franklin Gothic Book" pitchFamily="34" charset="0"/>
              </a:endParaRPr>
            </a:p>
          </p:txBody>
        </p:sp>
        <p:sp>
          <p:nvSpPr>
            <p:cNvPr id="4" name="矩形 3"/>
            <p:cNvSpPr/>
            <p:nvPr/>
          </p:nvSpPr>
          <p:spPr>
            <a:xfrm>
              <a:off x="654993" y="2230211"/>
              <a:ext cx="129397" cy="1198880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5" name="组合 4"/>
          <p:cNvGrpSpPr/>
          <p:nvPr/>
        </p:nvGrpSpPr>
        <p:grpSpPr>
          <a:xfrm>
            <a:off x="3286320" y="2993189"/>
            <a:ext cx="4213144" cy="1250712"/>
            <a:chOff x="1355920" y="2246086"/>
            <a:chExt cx="4213144" cy="1250712"/>
          </a:xfrm>
        </p:grpSpPr>
        <p:grpSp>
          <p:nvGrpSpPr>
            <p:cNvPr id="6" name="组合 5"/>
            <p:cNvGrpSpPr/>
            <p:nvPr/>
          </p:nvGrpSpPr>
          <p:grpSpPr>
            <a:xfrm>
              <a:off x="1355920" y="2246086"/>
              <a:ext cx="4213144" cy="1250712"/>
              <a:chOff x="1355920" y="2246086"/>
              <a:chExt cx="4213144" cy="1250712"/>
            </a:xfrm>
          </p:grpSpPr>
          <p:sp>
            <p:nvSpPr>
              <p:cNvPr id="10" name="TextBox 9"/>
              <p:cNvSpPr txBox="1"/>
              <p:nvPr/>
            </p:nvSpPr>
            <p:spPr>
              <a:xfrm>
                <a:off x="1627405" y="2246086"/>
                <a:ext cx="565604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dirty="0">
                    <a:solidFill>
                      <a:schemeClr val="bg1">
                        <a:lumMod val="50000"/>
                      </a:schemeClr>
                    </a:solidFill>
                    <a:latin typeface="Franklin Gothic Book" pitchFamily="34" charset="0"/>
                  </a:rPr>
                  <a:t>Tell:</a:t>
                </a:r>
                <a:endParaRPr lang="zh-CN" altLang="en-US" dirty="0">
                  <a:solidFill>
                    <a:schemeClr val="bg1">
                      <a:lumMod val="50000"/>
                    </a:schemeClr>
                  </a:solidFill>
                  <a:latin typeface="Franklin Gothic Book" pitchFamily="34" charset="0"/>
                </a:endParaRPr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1618621" y="2674642"/>
                <a:ext cx="574388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dirty="0">
                    <a:solidFill>
                      <a:schemeClr val="bg1">
                        <a:lumMod val="50000"/>
                      </a:schemeClr>
                    </a:solidFill>
                    <a:latin typeface="Franklin Gothic Book" pitchFamily="34" charset="0"/>
                  </a:rPr>
                  <a:t>Fax:</a:t>
                </a:r>
                <a:endParaRPr lang="zh-CN" altLang="en-US" dirty="0">
                  <a:solidFill>
                    <a:schemeClr val="bg1">
                      <a:lumMod val="50000"/>
                    </a:schemeClr>
                  </a:solidFill>
                  <a:latin typeface="Franklin Gothic Book" pitchFamily="34" charset="0"/>
                </a:endParaRPr>
              </a:p>
            </p:txBody>
          </p:sp>
          <p:sp>
            <p:nvSpPr>
              <p:cNvPr id="12" name="TextBox 11"/>
              <p:cNvSpPr txBox="1"/>
              <p:nvPr/>
            </p:nvSpPr>
            <p:spPr>
              <a:xfrm>
                <a:off x="1355920" y="3103198"/>
                <a:ext cx="837089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dirty="0">
                    <a:solidFill>
                      <a:schemeClr val="bg1">
                        <a:lumMod val="50000"/>
                      </a:schemeClr>
                    </a:solidFill>
                    <a:latin typeface="Franklin Gothic Book" pitchFamily="34" charset="0"/>
                  </a:rPr>
                  <a:t>Emaill:</a:t>
                </a:r>
                <a:endParaRPr lang="zh-CN" altLang="en-US" dirty="0">
                  <a:solidFill>
                    <a:schemeClr val="bg1">
                      <a:lumMod val="50000"/>
                    </a:schemeClr>
                  </a:solidFill>
                  <a:latin typeface="Franklin Gothic Book" pitchFamily="34" charset="0"/>
                </a:endParaRPr>
              </a:p>
            </p:txBody>
          </p:sp>
          <p:sp>
            <p:nvSpPr>
              <p:cNvPr id="13" name="矩形 12"/>
              <p:cNvSpPr/>
              <p:nvPr/>
            </p:nvSpPr>
            <p:spPr>
              <a:xfrm>
                <a:off x="2304769" y="2263866"/>
                <a:ext cx="3264295" cy="369332"/>
              </a:xfrm>
              <a:prstGeom prst="rect">
                <a:avLst/>
              </a:pr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4" name="矩形 13"/>
              <p:cNvSpPr/>
              <p:nvPr/>
            </p:nvSpPr>
            <p:spPr>
              <a:xfrm>
                <a:off x="2304769" y="2695666"/>
                <a:ext cx="3264295" cy="369332"/>
              </a:xfrm>
              <a:prstGeom prst="rect">
                <a:avLst/>
              </a:pr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5" name="矩形 14"/>
              <p:cNvSpPr/>
              <p:nvPr/>
            </p:nvSpPr>
            <p:spPr>
              <a:xfrm>
                <a:off x="2304769" y="3127466"/>
                <a:ext cx="3264295" cy="369332"/>
              </a:xfrm>
              <a:prstGeom prst="rect">
                <a:avLst/>
              </a:pr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7" name="矩形 6"/>
            <p:cNvSpPr/>
            <p:nvPr/>
          </p:nvSpPr>
          <p:spPr>
            <a:xfrm>
              <a:off x="2434582" y="2291506"/>
              <a:ext cx="1502334" cy="3508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en-US" altLang="zh-CN" sz="140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127-8744-5959</a:t>
              </a:r>
              <a:endParaRPr lang="zh-CN" altLang="en-US" sz="1400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8" name="矩形 7"/>
            <p:cNvSpPr/>
            <p:nvPr/>
          </p:nvSpPr>
          <p:spPr>
            <a:xfrm>
              <a:off x="2429772" y="2715864"/>
              <a:ext cx="1502334" cy="350865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en-US" altLang="zh-CN" sz="140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127-8744-5959</a:t>
              </a:r>
              <a:endParaRPr lang="zh-CN" altLang="en-US" sz="1400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9" name="矩形 8"/>
            <p:cNvSpPr/>
            <p:nvPr/>
          </p:nvSpPr>
          <p:spPr>
            <a:xfrm>
              <a:off x="2429772" y="3122386"/>
              <a:ext cx="2133918" cy="32893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en-US" altLang="zh-CN" sz="1400" kern="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itchFamily="34" charset="-122"/>
                  <a:ea typeface="微软雅黑" pitchFamily="34" charset="-122"/>
                </a:rPr>
                <a:t>yourname@gmail.com</a:t>
              </a:r>
              <a:endParaRPr lang="zh-CN" altLang="en-US" sz="1400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sp>
        <p:nvSpPr>
          <p:cNvPr id="16" name="Freeform 11"/>
          <p:cNvSpPr>
            <a:spLocks noEditPoints="1"/>
          </p:cNvSpPr>
          <p:nvPr/>
        </p:nvSpPr>
        <p:spPr bwMode="auto">
          <a:xfrm>
            <a:off x="8118929" y="3021617"/>
            <a:ext cx="1112158" cy="1239906"/>
          </a:xfrm>
          <a:custGeom>
            <a:avLst/>
            <a:gdLst>
              <a:gd name="T0" fmla="*/ 73 w 79"/>
              <a:gd name="T1" fmla="*/ 0 h 88"/>
              <a:gd name="T2" fmla="*/ 79 w 79"/>
              <a:gd name="T3" fmla="*/ 81 h 88"/>
              <a:gd name="T4" fmla="*/ 15 w 79"/>
              <a:gd name="T5" fmla="*/ 88 h 88"/>
              <a:gd name="T6" fmla="*/ 8 w 79"/>
              <a:gd name="T7" fmla="*/ 66 h 88"/>
              <a:gd name="T8" fmla="*/ 0 w 79"/>
              <a:gd name="T9" fmla="*/ 59 h 88"/>
              <a:gd name="T10" fmla="*/ 8 w 79"/>
              <a:gd name="T11" fmla="*/ 29 h 88"/>
              <a:gd name="T12" fmla="*/ 0 w 79"/>
              <a:gd name="T13" fmla="*/ 22 h 88"/>
              <a:gd name="T14" fmla="*/ 8 w 79"/>
              <a:gd name="T15" fmla="*/ 7 h 88"/>
              <a:gd name="T16" fmla="*/ 15 w 79"/>
              <a:gd name="T17" fmla="*/ 22 h 88"/>
              <a:gd name="T18" fmla="*/ 21 w 79"/>
              <a:gd name="T19" fmla="*/ 29 h 88"/>
              <a:gd name="T20" fmla="*/ 20 w 79"/>
              <a:gd name="T21" fmla="*/ 31 h 88"/>
              <a:gd name="T22" fmla="*/ 20 w 79"/>
              <a:gd name="T23" fmla="*/ 19 h 88"/>
              <a:gd name="T24" fmla="*/ 15 w 79"/>
              <a:gd name="T25" fmla="*/ 59 h 88"/>
              <a:gd name="T26" fmla="*/ 21 w 79"/>
              <a:gd name="T27" fmla="*/ 66 h 88"/>
              <a:gd name="T28" fmla="*/ 20 w 79"/>
              <a:gd name="T29" fmla="*/ 69 h 88"/>
              <a:gd name="T30" fmla="*/ 20 w 79"/>
              <a:gd name="T31" fmla="*/ 56 h 88"/>
              <a:gd name="T32" fmla="*/ 64 w 79"/>
              <a:gd name="T33" fmla="*/ 70 h 88"/>
              <a:gd name="T34" fmla="*/ 61 w 79"/>
              <a:gd name="T35" fmla="*/ 61 h 88"/>
              <a:gd name="T36" fmla="*/ 54 w 79"/>
              <a:gd name="T37" fmla="*/ 56 h 88"/>
              <a:gd name="T38" fmla="*/ 47 w 79"/>
              <a:gd name="T39" fmla="*/ 34 h 88"/>
              <a:gd name="T40" fmla="*/ 40 w 79"/>
              <a:gd name="T41" fmla="*/ 19 h 88"/>
              <a:gd name="T42" fmla="*/ 33 w 79"/>
              <a:gd name="T43" fmla="*/ 28 h 88"/>
              <a:gd name="T44" fmla="*/ 33 w 79"/>
              <a:gd name="T45" fmla="*/ 28 h 88"/>
              <a:gd name="T46" fmla="*/ 34 w 79"/>
              <a:gd name="T47" fmla="*/ 30 h 88"/>
              <a:gd name="T48" fmla="*/ 52 w 79"/>
              <a:gd name="T49" fmla="*/ 67 h 88"/>
              <a:gd name="T50" fmla="*/ 54 w 79"/>
              <a:gd name="T51" fmla="*/ 69 h 88"/>
              <a:gd name="T52" fmla="*/ 49 w 79"/>
              <a:gd name="T53" fmla="*/ 33 h 88"/>
              <a:gd name="T54" fmla="*/ 45 w 79"/>
              <a:gd name="T55" fmla="*/ 16 h 88"/>
              <a:gd name="T56" fmla="*/ 45 w 79"/>
              <a:gd name="T57" fmla="*/ 26 h 88"/>
              <a:gd name="T58" fmla="*/ 68 w 79"/>
              <a:gd name="T59" fmla="*/ 67 h 88"/>
              <a:gd name="T60" fmla="*/ 62 w 79"/>
              <a:gd name="T61" fmla="*/ 52 h 88"/>
              <a:gd name="T62" fmla="*/ 63 w 79"/>
              <a:gd name="T63" fmla="*/ 60 h 88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</a:cxnLst>
            <a:rect l="0" t="0" r="r" b="b"/>
            <a:pathLst>
              <a:path w="79" h="88">
                <a:moveTo>
                  <a:pt x="15" y="0"/>
                </a:moveTo>
                <a:cubicBezTo>
                  <a:pt x="73" y="0"/>
                  <a:pt x="73" y="0"/>
                  <a:pt x="73" y="0"/>
                </a:cubicBezTo>
                <a:cubicBezTo>
                  <a:pt x="76" y="0"/>
                  <a:pt x="79" y="3"/>
                  <a:pt x="79" y="7"/>
                </a:cubicBezTo>
                <a:cubicBezTo>
                  <a:pt x="79" y="81"/>
                  <a:pt x="79" y="81"/>
                  <a:pt x="79" y="81"/>
                </a:cubicBezTo>
                <a:cubicBezTo>
                  <a:pt x="79" y="85"/>
                  <a:pt x="76" y="88"/>
                  <a:pt x="73" y="88"/>
                </a:cubicBezTo>
                <a:cubicBezTo>
                  <a:pt x="15" y="88"/>
                  <a:pt x="15" y="88"/>
                  <a:pt x="15" y="88"/>
                </a:cubicBezTo>
                <a:cubicBezTo>
                  <a:pt x="11" y="88"/>
                  <a:pt x="8" y="85"/>
                  <a:pt x="8" y="81"/>
                </a:cubicBezTo>
                <a:cubicBezTo>
                  <a:pt x="8" y="66"/>
                  <a:pt x="8" y="66"/>
                  <a:pt x="8" y="66"/>
                </a:cubicBezTo>
                <a:cubicBezTo>
                  <a:pt x="0" y="66"/>
                  <a:pt x="0" y="66"/>
                  <a:pt x="0" y="66"/>
                </a:cubicBezTo>
                <a:cubicBezTo>
                  <a:pt x="0" y="59"/>
                  <a:pt x="0" y="59"/>
                  <a:pt x="0" y="59"/>
                </a:cubicBezTo>
                <a:cubicBezTo>
                  <a:pt x="8" y="59"/>
                  <a:pt x="8" y="59"/>
                  <a:pt x="8" y="59"/>
                </a:cubicBezTo>
                <a:cubicBezTo>
                  <a:pt x="8" y="29"/>
                  <a:pt x="8" y="29"/>
                  <a:pt x="8" y="29"/>
                </a:cubicBezTo>
                <a:cubicBezTo>
                  <a:pt x="0" y="29"/>
                  <a:pt x="0" y="29"/>
                  <a:pt x="0" y="29"/>
                </a:cubicBezTo>
                <a:cubicBezTo>
                  <a:pt x="0" y="22"/>
                  <a:pt x="0" y="22"/>
                  <a:pt x="0" y="22"/>
                </a:cubicBezTo>
                <a:cubicBezTo>
                  <a:pt x="8" y="22"/>
                  <a:pt x="8" y="22"/>
                  <a:pt x="8" y="22"/>
                </a:cubicBezTo>
                <a:cubicBezTo>
                  <a:pt x="8" y="7"/>
                  <a:pt x="8" y="7"/>
                  <a:pt x="8" y="7"/>
                </a:cubicBezTo>
                <a:cubicBezTo>
                  <a:pt x="8" y="3"/>
                  <a:pt x="11" y="0"/>
                  <a:pt x="15" y="0"/>
                </a:cubicBezTo>
                <a:close/>
                <a:moveTo>
                  <a:pt x="15" y="22"/>
                </a:moveTo>
                <a:cubicBezTo>
                  <a:pt x="21" y="22"/>
                  <a:pt x="21" y="22"/>
                  <a:pt x="21" y="22"/>
                </a:cubicBezTo>
                <a:cubicBezTo>
                  <a:pt x="21" y="29"/>
                  <a:pt x="21" y="29"/>
                  <a:pt x="21" y="29"/>
                </a:cubicBezTo>
                <a:cubicBezTo>
                  <a:pt x="15" y="29"/>
                  <a:pt x="15" y="29"/>
                  <a:pt x="15" y="29"/>
                </a:cubicBezTo>
                <a:cubicBezTo>
                  <a:pt x="16" y="30"/>
                  <a:pt x="18" y="31"/>
                  <a:pt x="20" y="31"/>
                </a:cubicBezTo>
                <a:cubicBezTo>
                  <a:pt x="24" y="31"/>
                  <a:pt x="26" y="29"/>
                  <a:pt x="26" y="25"/>
                </a:cubicBezTo>
                <a:cubicBezTo>
                  <a:pt x="26" y="21"/>
                  <a:pt x="24" y="19"/>
                  <a:pt x="20" y="19"/>
                </a:cubicBezTo>
                <a:cubicBezTo>
                  <a:pt x="18" y="19"/>
                  <a:pt x="16" y="20"/>
                  <a:pt x="15" y="22"/>
                </a:cubicBezTo>
                <a:close/>
                <a:moveTo>
                  <a:pt x="15" y="59"/>
                </a:moveTo>
                <a:cubicBezTo>
                  <a:pt x="21" y="59"/>
                  <a:pt x="21" y="59"/>
                  <a:pt x="21" y="59"/>
                </a:cubicBezTo>
                <a:cubicBezTo>
                  <a:pt x="21" y="66"/>
                  <a:pt x="21" y="66"/>
                  <a:pt x="21" y="66"/>
                </a:cubicBezTo>
                <a:cubicBezTo>
                  <a:pt x="15" y="66"/>
                  <a:pt x="15" y="66"/>
                  <a:pt x="15" y="66"/>
                </a:cubicBezTo>
                <a:cubicBezTo>
                  <a:pt x="16" y="68"/>
                  <a:pt x="18" y="69"/>
                  <a:pt x="20" y="69"/>
                </a:cubicBezTo>
                <a:cubicBezTo>
                  <a:pt x="24" y="69"/>
                  <a:pt x="26" y="66"/>
                  <a:pt x="26" y="63"/>
                </a:cubicBezTo>
                <a:cubicBezTo>
                  <a:pt x="26" y="59"/>
                  <a:pt x="24" y="56"/>
                  <a:pt x="20" y="56"/>
                </a:cubicBezTo>
                <a:cubicBezTo>
                  <a:pt x="18" y="56"/>
                  <a:pt x="16" y="57"/>
                  <a:pt x="15" y="59"/>
                </a:cubicBezTo>
                <a:close/>
                <a:moveTo>
                  <a:pt x="64" y="70"/>
                </a:moveTo>
                <a:cubicBezTo>
                  <a:pt x="66" y="68"/>
                  <a:pt x="66" y="68"/>
                  <a:pt x="66" y="68"/>
                </a:cubicBezTo>
                <a:cubicBezTo>
                  <a:pt x="64" y="66"/>
                  <a:pt x="63" y="64"/>
                  <a:pt x="61" y="61"/>
                </a:cubicBezTo>
                <a:cubicBezTo>
                  <a:pt x="60" y="59"/>
                  <a:pt x="58" y="57"/>
                  <a:pt x="57" y="54"/>
                </a:cubicBezTo>
                <a:cubicBezTo>
                  <a:pt x="54" y="56"/>
                  <a:pt x="54" y="56"/>
                  <a:pt x="54" y="56"/>
                </a:cubicBezTo>
                <a:cubicBezTo>
                  <a:pt x="50" y="50"/>
                  <a:pt x="46" y="43"/>
                  <a:pt x="43" y="36"/>
                </a:cubicBezTo>
                <a:cubicBezTo>
                  <a:pt x="47" y="34"/>
                  <a:pt x="47" y="34"/>
                  <a:pt x="47" y="34"/>
                </a:cubicBezTo>
                <a:cubicBezTo>
                  <a:pt x="46" y="32"/>
                  <a:pt x="44" y="29"/>
                  <a:pt x="43" y="27"/>
                </a:cubicBezTo>
                <a:cubicBezTo>
                  <a:pt x="42" y="24"/>
                  <a:pt x="41" y="21"/>
                  <a:pt x="40" y="19"/>
                </a:cubicBezTo>
                <a:cubicBezTo>
                  <a:pt x="38" y="20"/>
                  <a:pt x="38" y="20"/>
                  <a:pt x="38" y="20"/>
                </a:cubicBezTo>
                <a:cubicBezTo>
                  <a:pt x="34" y="22"/>
                  <a:pt x="33" y="24"/>
                  <a:pt x="33" y="28"/>
                </a:cubicBezTo>
                <a:cubicBezTo>
                  <a:pt x="33" y="28"/>
                  <a:pt x="33" y="28"/>
                  <a:pt x="33" y="28"/>
                </a:cubicBezTo>
                <a:cubicBezTo>
                  <a:pt x="33" y="28"/>
                  <a:pt x="33" y="28"/>
                  <a:pt x="33" y="28"/>
                </a:cubicBezTo>
                <a:cubicBezTo>
                  <a:pt x="33" y="29"/>
                  <a:pt x="33" y="30"/>
                  <a:pt x="34" y="30"/>
                </a:cubicBezTo>
                <a:cubicBezTo>
                  <a:pt x="34" y="30"/>
                  <a:pt x="34" y="30"/>
                  <a:pt x="34" y="30"/>
                </a:cubicBezTo>
                <a:cubicBezTo>
                  <a:pt x="34" y="30"/>
                  <a:pt x="34" y="30"/>
                  <a:pt x="34" y="30"/>
                </a:cubicBezTo>
                <a:cubicBezTo>
                  <a:pt x="37" y="44"/>
                  <a:pt x="43" y="56"/>
                  <a:pt x="52" y="67"/>
                </a:cubicBezTo>
                <a:cubicBezTo>
                  <a:pt x="52" y="67"/>
                  <a:pt x="52" y="67"/>
                  <a:pt x="52" y="67"/>
                </a:cubicBezTo>
                <a:cubicBezTo>
                  <a:pt x="53" y="68"/>
                  <a:pt x="53" y="68"/>
                  <a:pt x="54" y="69"/>
                </a:cubicBezTo>
                <a:cubicBezTo>
                  <a:pt x="56" y="71"/>
                  <a:pt x="60" y="71"/>
                  <a:pt x="64" y="70"/>
                </a:cubicBezTo>
                <a:close/>
                <a:moveTo>
                  <a:pt x="49" y="33"/>
                </a:moveTo>
                <a:cubicBezTo>
                  <a:pt x="51" y="32"/>
                  <a:pt x="51" y="32"/>
                  <a:pt x="51" y="32"/>
                </a:cubicBezTo>
                <a:cubicBezTo>
                  <a:pt x="51" y="29"/>
                  <a:pt x="48" y="19"/>
                  <a:pt x="45" y="16"/>
                </a:cubicBezTo>
                <a:cubicBezTo>
                  <a:pt x="42" y="18"/>
                  <a:pt x="42" y="18"/>
                  <a:pt x="42" y="18"/>
                </a:cubicBezTo>
                <a:cubicBezTo>
                  <a:pt x="43" y="20"/>
                  <a:pt x="44" y="23"/>
                  <a:pt x="45" y="26"/>
                </a:cubicBezTo>
                <a:cubicBezTo>
                  <a:pt x="46" y="28"/>
                  <a:pt x="47" y="31"/>
                  <a:pt x="49" y="33"/>
                </a:cubicBezTo>
                <a:close/>
                <a:moveTo>
                  <a:pt x="68" y="67"/>
                </a:moveTo>
                <a:cubicBezTo>
                  <a:pt x="70" y="66"/>
                  <a:pt x="70" y="66"/>
                  <a:pt x="70" y="66"/>
                </a:cubicBezTo>
                <a:cubicBezTo>
                  <a:pt x="69" y="60"/>
                  <a:pt x="63" y="52"/>
                  <a:pt x="62" y="52"/>
                </a:cubicBezTo>
                <a:cubicBezTo>
                  <a:pt x="59" y="53"/>
                  <a:pt x="59" y="53"/>
                  <a:pt x="59" y="53"/>
                </a:cubicBezTo>
                <a:cubicBezTo>
                  <a:pt x="60" y="56"/>
                  <a:pt x="62" y="58"/>
                  <a:pt x="63" y="60"/>
                </a:cubicBezTo>
                <a:cubicBezTo>
                  <a:pt x="64" y="63"/>
                  <a:pt x="66" y="65"/>
                  <a:pt x="68" y="67"/>
                </a:cubicBezTo>
                <a:close/>
              </a:path>
            </a:pathLst>
          </a:custGeom>
          <a:solidFill>
            <a:schemeClr val="accent5">
              <a:lumMod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7" name="任意多边形 16"/>
          <p:cNvSpPr/>
          <p:nvPr/>
        </p:nvSpPr>
        <p:spPr>
          <a:xfrm>
            <a:off x="7815808" y="1967666"/>
            <a:ext cx="57150" cy="3133725"/>
          </a:xfrm>
          <a:custGeom>
            <a:avLst/>
            <a:gdLst>
              <a:gd name="connsiteX0" fmla="*/ 57150 w 57150"/>
              <a:gd name="connsiteY0" fmla="*/ 0 h 3133725"/>
              <a:gd name="connsiteX1" fmla="*/ 57150 w 57150"/>
              <a:gd name="connsiteY1" fmla="*/ 1600200 h 3133725"/>
              <a:gd name="connsiteX2" fmla="*/ 0 w 57150"/>
              <a:gd name="connsiteY2" fmla="*/ 1666875 h 3133725"/>
              <a:gd name="connsiteX3" fmla="*/ 57150 w 57150"/>
              <a:gd name="connsiteY3" fmla="*/ 1743075 h 3133725"/>
              <a:gd name="connsiteX4" fmla="*/ 57150 w 57150"/>
              <a:gd name="connsiteY4" fmla="*/ 3133725 h 313372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57150" h="3133725">
                <a:moveTo>
                  <a:pt x="57150" y="0"/>
                </a:moveTo>
                <a:lnTo>
                  <a:pt x="57150" y="1600200"/>
                </a:lnTo>
                <a:lnTo>
                  <a:pt x="0" y="1666875"/>
                </a:lnTo>
                <a:lnTo>
                  <a:pt x="57150" y="1743075"/>
                </a:lnTo>
                <a:lnTo>
                  <a:pt x="57150" y="3133725"/>
                </a:lnTo>
              </a:path>
            </a:pathLst>
          </a:custGeom>
          <a:noFill/>
          <a:ln w="12700"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22" presetClass="entr" presetSubtype="8" fill="hold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125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6" presetClass="entr" presetSubtype="42" fill="hold" grpId="0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Horizontal)">
                                      <p:cBhvr>
                                        <p:cTn id="15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5" presetClass="entr" presetSubtype="10" fill="hold" grpId="0" nodeType="withEffect">
                                  <p:stCondLst>
                                    <p:cond delay="25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8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 animBg="1"/>
      <p:bldP spid="17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矩形 1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3" name="矩形 2"/>
          <p:cNvSpPr/>
          <p:nvPr/>
        </p:nvSpPr>
        <p:spPr>
          <a:xfrm>
            <a:off x="2165207" y="2631774"/>
            <a:ext cx="2389372" cy="584775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/>
          <a:p>
            <a:r>
              <a:rPr lang="en-US" altLang="zh-CN" sz="3200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itchFamily="34" charset="-122"/>
                <a:ea typeface="微软雅黑" pitchFamily="34" charset="-122"/>
              </a:rPr>
              <a:t>CONTENTS</a:t>
            </a:r>
            <a:endParaRPr lang="zh-CN" altLang="en-US" sz="3200" dirty="0">
              <a:solidFill>
                <a:schemeClr val="tx1">
                  <a:lumMod val="65000"/>
                  <a:lumOff val="35000"/>
                </a:schemeClr>
              </a:solidFill>
              <a:latin typeface="微软雅黑" pitchFamily="34" charset="-122"/>
              <a:ea typeface="微软雅黑" pitchFamily="34" charset="-122"/>
            </a:endParaRPr>
          </a:p>
        </p:txBody>
      </p:sp>
      <p:grpSp>
        <p:nvGrpSpPr>
          <p:cNvPr id="5" name="组合 4"/>
          <p:cNvGrpSpPr/>
          <p:nvPr/>
        </p:nvGrpSpPr>
        <p:grpSpPr>
          <a:xfrm>
            <a:off x="5322601" y="2081750"/>
            <a:ext cx="2349499" cy="1923314"/>
            <a:chOff x="3482595" y="939800"/>
            <a:chExt cx="2349499" cy="1923314"/>
          </a:xfrm>
        </p:grpSpPr>
        <p:grpSp>
          <p:nvGrpSpPr>
            <p:cNvPr id="6" name="组合 5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8" name="任意多边形 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9" name="任意多边形 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7" name="矩形 6"/>
            <p:cNvSpPr/>
            <p:nvPr/>
          </p:nvSpPr>
          <p:spPr>
            <a:xfrm rot="3269671">
              <a:off x="3904830" y="1549437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10" name="组合 9"/>
          <p:cNvGrpSpPr/>
          <p:nvPr/>
        </p:nvGrpSpPr>
        <p:grpSpPr>
          <a:xfrm>
            <a:off x="6478511" y="2081750"/>
            <a:ext cx="2349499" cy="1923314"/>
            <a:chOff x="4716310" y="939800"/>
            <a:chExt cx="2349499" cy="1923314"/>
          </a:xfrm>
        </p:grpSpPr>
        <p:grpSp>
          <p:nvGrpSpPr>
            <p:cNvPr id="11" name="组合 10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13" name="任意多边形 1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14" name="任意多边形 13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12" name="矩形 11"/>
            <p:cNvSpPr/>
            <p:nvPr/>
          </p:nvSpPr>
          <p:spPr>
            <a:xfrm rot="3257822">
              <a:off x="5183902" y="1612935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7634419" y="2081749"/>
            <a:ext cx="2349499" cy="1923314"/>
            <a:chOff x="6138710" y="939800"/>
            <a:chExt cx="2349499" cy="1923314"/>
          </a:xfrm>
        </p:grpSpPr>
        <p:grpSp>
          <p:nvGrpSpPr>
            <p:cNvPr id="16" name="组合 15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18" name="任意多边形 1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19" name="任意多边形 1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17" name="矩形 16"/>
            <p:cNvSpPr/>
            <p:nvPr/>
          </p:nvSpPr>
          <p:spPr>
            <a:xfrm rot="3279009">
              <a:off x="6560945" y="1574836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4166693" y="2081749"/>
            <a:ext cx="2349499" cy="1923315"/>
            <a:chOff x="3482595" y="939799"/>
            <a:chExt cx="2349499" cy="1923315"/>
          </a:xfrm>
        </p:grpSpPr>
        <p:grpSp>
          <p:nvGrpSpPr>
            <p:cNvPr id="21" name="组合 20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23" name="任意多边形 2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24" name="任意多边形 23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22" name="矩形 21"/>
            <p:cNvSpPr/>
            <p:nvPr/>
          </p:nvSpPr>
          <p:spPr>
            <a:xfrm rot="3273216">
              <a:off x="3879429" y="1574837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75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2" presetClass="entr" presetSubtype="4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" dur="500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2" presetClass="entr" presetSubtype="8" fill="hold" nodeType="withEffect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6" presetID="2" presetClass="entr" presetSubtype="8" fill="hold" nodeType="withEffect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2" presetClass="entr" presetSubtype="8" fill="hold" nodeType="withEffect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4" presetID="2" presetClass="entr" presetSubtype="8" fill="hold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3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6F3EE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9" name="组合 18"/>
          <p:cNvGrpSpPr/>
          <p:nvPr/>
        </p:nvGrpSpPr>
        <p:grpSpPr>
          <a:xfrm>
            <a:off x="5128098" y="709900"/>
            <a:ext cx="2015652" cy="2015652"/>
            <a:chOff x="3604098" y="709900"/>
            <a:chExt cx="2015652" cy="2015652"/>
          </a:xfrm>
        </p:grpSpPr>
        <p:sp>
          <p:nvSpPr>
            <p:cNvPr id="20" name="椭圆 19"/>
            <p:cNvSpPr/>
            <p:nvPr/>
          </p:nvSpPr>
          <p:spPr>
            <a:xfrm>
              <a:off x="3604098" y="709900"/>
              <a:ext cx="2015652" cy="2015652"/>
            </a:xfrm>
            <a:prstGeom prst="ellipse">
              <a:avLst/>
            </a:prstGeom>
            <a:solidFill>
              <a:schemeClr val="bg1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1400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3996805" y="1003671"/>
              <a:ext cx="1176925" cy="120032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7200" dirty="0">
                  <a:solidFill>
                    <a:schemeClr val="bg1"/>
                  </a:solidFill>
                  <a:latin typeface="Edwardian Script ITC" pitchFamily="66" charset="0"/>
                </a:rPr>
                <a:t>logo</a:t>
              </a:r>
              <a:endParaRPr lang="zh-CN" altLang="en-US" sz="7200" dirty="0">
                <a:solidFill>
                  <a:schemeClr val="bg1"/>
                </a:solidFill>
                <a:latin typeface="Edwardian Script ITC" pitchFamily="66" charset="0"/>
              </a:endParaRPr>
            </a:p>
          </p:txBody>
        </p:sp>
      </p:grpSp>
      <p:sp>
        <p:nvSpPr>
          <p:cNvPr id="35" name="圆角矩形 8"/>
          <p:cNvSpPr/>
          <p:nvPr/>
        </p:nvSpPr>
        <p:spPr>
          <a:xfrm>
            <a:off x="2103476" y="1726310"/>
            <a:ext cx="8064896" cy="4427621"/>
          </a:xfrm>
          <a:custGeom>
            <a:avLst/>
            <a:gdLst/>
            <a:ahLst/>
            <a:cxnLst/>
            <a:rect l="l" t="t" r="r" b="b"/>
            <a:pathLst>
              <a:path w="8064896" h="4427621">
                <a:moveTo>
                  <a:pt x="309092" y="0"/>
                </a:moveTo>
                <a:lnTo>
                  <a:pt x="2862274" y="0"/>
                </a:lnTo>
                <a:cubicBezTo>
                  <a:pt x="2862274" y="646269"/>
                  <a:pt x="3386179" y="1170174"/>
                  <a:pt x="4032448" y="1170174"/>
                </a:cubicBezTo>
                <a:cubicBezTo>
                  <a:pt x="4678717" y="1170174"/>
                  <a:pt x="5202622" y="646269"/>
                  <a:pt x="5202622" y="0"/>
                </a:cubicBezTo>
                <a:lnTo>
                  <a:pt x="7755804" y="0"/>
                </a:lnTo>
                <a:cubicBezTo>
                  <a:pt x="7926511" y="0"/>
                  <a:pt x="8064896" y="138385"/>
                  <a:pt x="8064896" y="309092"/>
                </a:cubicBezTo>
                <a:lnTo>
                  <a:pt x="8064896" y="4118529"/>
                </a:lnTo>
                <a:cubicBezTo>
                  <a:pt x="8064896" y="4289236"/>
                  <a:pt x="7926511" y="4427621"/>
                  <a:pt x="7755804" y="4427621"/>
                </a:cubicBezTo>
                <a:lnTo>
                  <a:pt x="309092" y="4427621"/>
                </a:lnTo>
                <a:cubicBezTo>
                  <a:pt x="138385" y="4427621"/>
                  <a:pt x="0" y="4289236"/>
                  <a:pt x="0" y="4118529"/>
                </a:cubicBezTo>
                <a:lnTo>
                  <a:pt x="0" y="309092"/>
                </a:lnTo>
                <a:cubicBezTo>
                  <a:pt x="0" y="138385"/>
                  <a:pt x="138385" y="0"/>
                  <a:pt x="309092" y="0"/>
                </a:cubicBezTo>
                <a:close/>
              </a:path>
            </a:pathLst>
          </a:cu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36" name="圆角矩形 35"/>
          <p:cNvSpPr/>
          <p:nvPr/>
        </p:nvSpPr>
        <p:spPr>
          <a:xfrm>
            <a:off x="2982220" y="2210268"/>
            <a:ext cx="1271020" cy="61975"/>
          </a:xfrm>
          <a:prstGeom prst="roundRect">
            <a:avLst>
              <a:gd name="adj" fmla="val 50000"/>
            </a:avLst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37" name="圆角矩形 36"/>
          <p:cNvSpPr/>
          <p:nvPr/>
        </p:nvSpPr>
        <p:spPr>
          <a:xfrm>
            <a:off x="8045287" y="2210268"/>
            <a:ext cx="1271020" cy="61975"/>
          </a:xfrm>
          <a:prstGeom prst="roundRect">
            <a:avLst>
              <a:gd name="adj" fmla="val 50000"/>
            </a:avLst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9" name="组合 38"/>
          <p:cNvGrpSpPr/>
          <p:nvPr/>
        </p:nvGrpSpPr>
        <p:grpSpPr>
          <a:xfrm>
            <a:off x="2103476" y="4966651"/>
            <a:ext cx="8064896" cy="1210587"/>
            <a:chOff x="579476" y="4966650"/>
            <a:chExt cx="8064896" cy="1210587"/>
          </a:xfrm>
        </p:grpSpPr>
        <p:sp>
          <p:nvSpPr>
            <p:cNvPr id="40" name="矩形 15"/>
            <p:cNvSpPr/>
            <p:nvPr/>
          </p:nvSpPr>
          <p:spPr>
            <a:xfrm>
              <a:off x="579476" y="4966650"/>
              <a:ext cx="8064896" cy="1210587"/>
            </a:xfrm>
            <a:custGeom>
              <a:avLst/>
              <a:gdLst/>
              <a:ahLst/>
              <a:cxnLst/>
              <a:rect l="l" t="t" r="r" b="b"/>
              <a:pathLst>
                <a:path w="8064896" h="1512168">
                  <a:moveTo>
                    <a:pt x="0" y="0"/>
                  </a:moveTo>
                  <a:lnTo>
                    <a:pt x="8064896" y="0"/>
                  </a:lnTo>
                  <a:lnTo>
                    <a:pt x="8064896" y="1203076"/>
                  </a:lnTo>
                  <a:cubicBezTo>
                    <a:pt x="8064896" y="1373783"/>
                    <a:pt x="7926511" y="1512168"/>
                    <a:pt x="7755804" y="1512168"/>
                  </a:cubicBezTo>
                  <a:lnTo>
                    <a:pt x="309092" y="1512168"/>
                  </a:lnTo>
                  <a:cubicBezTo>
                    <a:pt x="138385" y="1512168"/>
                    <a:pt x="0" y="1373783"/>
                    <a:pt x="0" y="1203076"/>
                  </a:cubicBezTo>
                  <a:close/>
                </a:path>
              </a:pathLst>
            </a:cu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TextBox 42"/>
            <p:cNvSpPr txBox="1"/>
            <p:nvPr/>
          </p:nvSpPr>
          <p:spPr>
            <a:xfrm>
              <a:off x="3825619" y="5298258"/>
              <a:ext cx="1538468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zh-CN"/>
              </a:defPPr>
              <a:lvl1pPr>
                <a:defRPr sz="1300">
                  <a:latin typeface="微软雅黑" pitchFamily="34" charset="-122"/>
                  <a:ea typeface="微软雅黑" pitchFamily="34" charset="-122"/>
                </a:defRPr>
              </a:lvl1pPr>
            </a:lstStyle>
            <a:p>
              <a:r>
                <a:rPr lang="en-US" altLang="zh-CN" sz="1100" dirty="0"/>
                <a:t>Tell: 127-8744-5959</a:t>
              </a:r>
              <a:endParaRPr lang="zh-CN" altLang="en-US" sz="1100" dirty="0"/>
            </a:p>
          </p:txBody>
        </p:sp>
        <p:cxnSp>
          <p:nvCxnSpPr>
            <p:cNvPr id="45" name="直接连接符 44"/>
            <p:cNvCxnSpPr/>
            <p:nvPr/>
          </p:nvCxnSpPr>
          <p:spPr>
            <a:xfrm>
              <a:off x="4560554" y="5336381"/>
              <a:ext cx="0" cy="448469"/>
            </a:xfrm>
            <a:prstGeom prst="line">
              <a:avLst/>
            </a:prstGeom>
            <a:solidFill>
              <a:schemeClr val="accent5">
                <a:lumMod val="60000"/>
                <a:lumOff val="40000"/>
              </a:schemeClr>
            </a:solidFill>
            <a:ln w="19050">
              <a:solidFill>
                <a:srgbClr val="63ADB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sp>
        <p:nvSpPr>
          <p:cNvPr id="46" name="矩形 45"/>
          <p:cNvSpPr/>
          <p:nvPr/>
        </p:nvSpPr>
        <p:spPr>
          <a:xfrm>
            <a:off x="3143672" y="0"/>
            <a:ext cx="936104" cy="220400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47" name="矩形 46"/>
          <p:cNvSpPr/>
          <p:nvPr/>
        </p:nvSpPr>
        <p:spPr>
          <a:xfrm>
            <a:off x="8212978" y="0"/>
            <a:ext cx="936104" cy="220400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" name="TextBox 1"/>
          <p:cNvSpPr txBox="1"/>
          <p:nvPr/>
        </p:nvSpPr>
        <p:spPr>
          <a:xfrm>
            <a:off x="4176155" y="3253855"/>
            <a:ext cx="3818674" cy="1015663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defPPr>
              <a:defRPr lang="zh-CN"/>
            </a:defPPr>
            <a:lvl1pPr fontAlgn="auto">
              <a:spcBef>
                <a:spcPts val="0"/>
              </a:spcBef>
              <a:spcAft>
                <a:spcPts val="0"/>
              </a:spcAft>
              <a:defRPr sz="6000">
                <a:ln w="6350">
                  <a:noFill/>
                </a:ln>
                <a:effectLst/>
                <a:latin typeface="Arial Black" pitchFamily="34" charset="0"/>
                <a:ea typeface="叶根友刀锋黑草" pitchFamily="2" charset="-122"/>
              </a:defRPr>
            </a:lvl1pPr>
            <a:lvl2pPr marL="742950" indent="-28575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2pPr>
            <a:lvl3pPr marL="1143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3pPr>
            <a:lvl4pPr marL="1600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4pPr>
            <a:lvl5pPr marL="20574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latin typeface="Calibri" pitchFamily="34" charset="0"/>
                <a:ea typeface="宋体" charset="-122"/>
              </a:defRPr>
            </a:lvl9pPr>
          </a:lstStyle>
          <a:p>
            <a:r>
              <a:rPr lang="en-US" altLang="zh-CN" dirty="0"/>
              <a:t>GOODET</a:t>
            </a:r>
            <a:endParaRPr lang="zh-CN" altLang="en-US" dirty="0"/>
          </a:p>
        </p:txBody>
      </p:sp>
      <p:sp>
        <p:nvSpPr>
          <p:cNvPr id="17" name="TextBox 17">
            <a:extLst>
              <a:ext uri="{FF2B5EF4-FFF2-40B4-BE49-F238E27FC236}">
                <a16:creationId xmlns:a16="http://schemas.microsoft.com/office/drawing/2014/main" id="{47E97E01-4658-46B1-B297-5436B3B8273F}"/>
              </a:ext>
            </a:extLst>
          </p:cNvPr>
          <p:cNvSpPr txBox="1"/>
          <p:nvPr/>
        </p:nvSpPr>
        <p:spPr>
          <a:xfrm>
            <a:off x="5136313" y="5543593"/>
            <a:ext cx="2327831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zh-CN"/>
            </a:defPPr>
            <a:lvl1pPr>
              <a:defRPr sz="1300">
                <a:latin typeface="微软雅黑" pitchFamily="34" charset="-122"/>
                <a:ea typeface="微软雅黑" pitchFamily="34" charset="-122"/>
              </a:defRPr>
            </a:lvl1pPr>
          </a:lstStyle>
          <a:p>
            <a:r>
              <a:rPr lang="en-US" altLang="zh-CN" sz="1100" dirty="0" err="1"/>
              <a:t>Emaill:yourname@gmail.com</a:t>
            </a:r>
            <a:endParaRPr lang="zh-CN" altLang="en-US" sz="1100" dirty="0"/>
          </a:p>
        </p:txBody>
      </p:sp>
      <p:sp>
        <p:nvSpPr>
          <p:cNvPr id="18" name="TextBox 3">
            <a:hlinkClick r:id="rId2"/>
            <a:extLst>
              <a:ext uri="{FF2B5EF4-FFF2-40B4-BE49-F238E27FC236}">
                <a16:creationId xmlns:a16="http://schemas.microsoft.com/office/drawing/2014/main" id="{12ED5718-A088-4976-8C01-D33D846E2B23}"/>
              </a:ext>
            </a:extLst>
          </p:cNvPr>
          <p:cNvSpPr txBox="1"/>
          <p:nvPr/>
        </p:nvSpPr>
        <p:spPr>
          <a:xfrm>
            <a:off x="3551117" y="5860505"/>
            <a:ext cx="5169613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1100" dirty="0">
                <a:cs typeface="Arial" pitchFamily="34" charset="0"/>
                <a:hlinkClick r:id="rId2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https://www.freeppt7.com</a:t>
            </a:r>
            <a:endParaRPr lang="ko-KR" altLang="en-US" sz="1100" dirty="0">
              <a:cs typeface="Arial" pitchFamily="34" charset="0"/>
            </a:endParaRPr>
          </a:p>
        </p:txBody>
      </p:sp>
      <p:sp>
        <p:nvSpPr>
          <p:cNvPr id="23" name="TextBox 4">
            <a:extLst>
              <a:ext uri="{FF2B5EF4-FFF2-40B4-BE49-F238E27FC236}">
                <a16:creationId xmlns:a16="http://schemas.microsoft.com/office/drawing/2014/main" id="{905F76E7-6355-43F9-A4F6-5510F984EB94}"/>
              </a:ext>
            </a:extLst>
          </p:cNvPr>
          <p:cNvSpPr txBox="1"/>
          <p:nvPr/>
        </p:nvSpPr>
        <p:spPr>
          <a:xfrm>
            <a:off x="4413806" y="4117867"/>
            <a:ext cx="3404999" cy="2923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1300" dirty="0">
                <a:latin typeface="微软雅黑" pitchFamily="34" charset="-122"/>
                <a:ea typeface="微软雅黑" pitchFamily="34" charset="-122"/>
              </a:rPr>
              <a:t>Insert the Subtitle of Your Presentation</a:t>
            </a:r>
          </a:p>
        </p:txBody>
      </p: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6="http://schemas.microsoft.com/office/drawing/2014/main" xmlns:ahyp="http://schemas.microsoft.com/office/drawing/2018/hyperlinkcolor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8" presetClass="entr" presetSubtype="0" ac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8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" presetID="5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14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15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16" dur="10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3" presetClass="entr" presetSubtype="16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8" presetClass="emph" presetSubtype="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animRot by="21600000">
                                      <p:cBhvr>
                                        <p:cTn id="22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23" presetID="12" presetClass="entr" presetSubtype="1" fill="hold" nodeType="withEffect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6" presetClass="entr" presetSubtype="21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9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6" presetClass="entr" presetSubtype="21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2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22" presetClass="entr" presetSubtype="4" fill="hold" grpId="0" nodeType="withEffect">
                                  <p:stCondLst>
                                    <p:cond delay="225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22" presetClass="entr" presetSubtype="4" fill="hold" grpId="0" nodeType="withEffect">
                                  <p:stCondLst>
                                    <p:cond delay="225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8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2" presetClass="entr" presetSubtype="8" fill="hold" grpId="0" nodeType="withEffect">
                                  <p:stCondLst>
                                    <p:cond delay="105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1" dur="500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>
                                      <p:cBhvr>
                                        <p:cTn id="42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" grpId="0" animBg="1"/>
      <p:bldP spid="36" grpId="0" animBg="1"/>
      <p:bldP spid="37" grpId="0" animBg="1"/>
      <p:bldP spid="46" grpId="0" animBg="1"/>
      <p:bldP spid="47" grpId="0" animBg="1"/>
      <p:bldP spid="2" grpId="0"/>
      <p:bldP spid="23" grpId="0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6F3EE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4294967295"/>
          </p:nvPr>
        </p:nvSpPr>
        <p:spPr>
          <a:xfrm>
            <a:off x="619125" y="123825"/>
            <a:ext cx="11572875" cy="723900"/>
          </a:xfrm>
          <a:prstGeom prst="rect">
            <a:avLst/>
          </a:prstGeom>
        </p:spPr>
        <p:txBody>
          <a:bodyPr>
            <a:normAutofit/>
          </a:bodyPr>
          <a:lstStyle/>
          <a:p>
            <a:r>
              <a:rPr lang="en-US" dirty="0"/>
              <a:t>Fully Editable Icon Sets: A</a:t>
            </a:r>
          </a:p>
        </p:txBody>
      </p:sp>
      <p:sp>
        <p:nvSpPr>
          <p:cNvPr id="54" name="Diamond 5">
            <a:extLst>
              <a:ext uri="{FF2B5EF4-FFF2-40B4-BE49-F238E27FC236}">
                <a16:creationId xmlns:a16="http://schemas.microsoft.com/office/drawing/2014/main" id="{AEDEE15B-09BE-4416-8D55-46095E20C00D}"/>
              </a:ext>
            </a:extLst>
          </p:cNvPr>
          <p:cNvSpPr/>
          <p:nvPr/>
        </p:nvSpPr>
        <p:spPr>
          <a:xfrm>
            <a:off x="6112070" y="1492152"/>
            <a:ext cx="523149" cy="524695"/>
          </a:xfrm>
          <a:custGeom>
            <a:avLst/>
            <a:gdLst/>
            <a:ahLst/>
            <a:cxnLst/>
            <a:rect l="l" t="t" r="r" b="b"/>
            <a:pathLst>
              <a:path w="3240001" h="3249575">
                <a:moveTo>
                  <a:pt x="1275349" y="2002569"/>
                </a:moveTo>
                <a:lnTo>
                  <a:pt x="1625117" y="2233002"/>
                </a:lnTo>
                <a:lnTo>
                  <a:pt x="1968772" y="2006596"/>
                </a:lnTo>
                <a:lnTo>
                  <a:pt x="3240001" y="3249575"/>
                </a:lnTo>
                <a:lnTo>
                  <a:pt x="0" y="3249575"/>
                </a:lnTo>
                <a:close/>
                <a:moveTo>
                  <a:pt x="1067116" y="1473605"/>
                </a:moveTo>
                <a:lnTo>
                  <a:pt x="1067116" y="1581605"/>
                </a:lnTo>
                <a:lnTo>
                  <a:pt x="2183116" y="1581605"/>
                </a:lnTo>
                <a:lnTo>
                  <a:pt x="2183116" y="1473605"/>
                </a:lnTo>
                <a:close/>
                <a:moveTo>
                  <a:pt x="1067116" y="1267205"/>
                </a:moveTo>
                <a:lnTo>
                  <a:pt x="1067116" y="1375205"/>
                </a:lnTo>
                <a:lnTo>
                  <a:pt x="2183116" y="1375205"/>
                </a:lnTo>
                <a:lnTo>
                  <a:pt x="2183116" y="1267205"/>
                </a:lnTo>
                <a:close/>
                <a:moveTo>
                  <a:pt x="3240001" y="1172196"/>
                </a:moveTo>
                <a:lnTo>
                  <a:pt x="3240001" y="3142550"/>
                </a:lnTo>
                <a:lnTo>
                  <a:pt x="2026252" y="1968728"/>
                </a:lnTo>
                <a:lnTo>
                  <a:pt x="3049854" y="1294362"/>
                </a:lnTo>
                <a:close/>
                <a:moveTo>
                  <a:pt x="0" y="1172196"/>
                </a:moveTo>
                <a:lnTo>
                  <a:pt x="602850" y="1559516"/>
                </a:lnTo>
                <a:lnTo>
                  <a:pt x="1217896" y="1964719"/>
                </a:lnTo>
                <a:lnTo>
                  <a:pt x="0" y="3142550"/>
                </a:lnTo>
                <a:close/>
                <a:moveTo>
                  <a:pt x="1067116" y="1060805"/>
                </a:moveTo>
                <a:lnTo>
                  <a:pt x="1067116" y="1168805"/>
                </a:lnTo>
                <a:lnTo>
                  <a:pt x="2183116" y="1168805"/>
                </a:lnTo>
                <a:lnTo>
                  <a:pt x="2183116" y="1060805"/>
                </a:lnTo>
                <a:close/>
                <a:moveTo>
                  <a:pt x="869032" y="816137"/>
                </a:moveTo>
                <a:lnTo>
                  <a:pt x="2381200" y="816137"/>
                </a:lnTo>
                <a:lnTo>
                  <a:pt x="2381200" y="1623491"/>
                </a:lnTo>
                <a:lnTo>
                  <a:pt x="1668045" y="2093329"/>
                </a:lnTo>
                <a:lnTo>
                  <a:pt x="1625116" y="2121611"/>
                </a:lnTo>
                <a:lnTo>
                  <a:pt x="869032" y="1623491"/>
                </a:lnTo>
                <a:close/>
                <a:moveTo>
                  <a:pt x="1625116" y="0"/>
                </a:moveTo>
                <a:lnTo>
                  <a:pt x="3235286" y="1060806"/>
                </a:lnTo>
                <a:lnTo>
                  <a:pt x="2489212" y="1552331"/>
                </a:lnTo>
                <a:lnTo>
                  <a:pt x="2489212" y="708008"/>
                </a:lnTo>
                <a:lnTo>
                  <a:pt x="761020" y="708008"/>
                </a:lnTo>
                <a:lnTo>
                  <a:pt x="761020" y="1552331"/>
                </a:lnTo>
                <a:lnTo>
                  <a:pt x="14946" y="1060806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5" name="Isosceles Triangle 51">
            <a:extLst>
              <a:ext uri="{FF2B5EF4-FFF2-40B4-BE49-F238E27FC236}">
                <a16:creationId xmlns:a16="http://schemas.microsoft.com/office/drawing/2014/main" id="{2296D13E-298C-4F01-A77D-43547A7AEFA9}"/>
              </a:ext>
            </a:extLst>
          </p:cNvPr>
          <p:cNvSpPr/>
          <p:nvPr/>
        </p:nvSpPr>
        <p:spPr>
          <a:xfrm>
            <a:off x="5273316" y="1562686"/>
            <a:ext cx="523147" cy="383626"/>
          </a:xfrm>
          <a:custGeom>
            <a:avLst/>
            <a:gdLst/>
            <a:ahLst/>
            <a:cxnLst/>
            <a:rect l="l" t="t" r="r" b="b"/>
            <a:pathLst>
              <a:path w="3240001" h="2375905">
                <a:moveTo>
                  <a:pt x="1974640" y="1379575"/>
                </a:moveTo>
                <a:lnTo>
                  <a:pt x="3240001" y="2375905"/>
                </a:lnTo>
                <a:lnTo>
                  <a:pt x="1" y="2375905"/>
                </a:lnTo>
                <a:lnTo>
                  <a:pt x="1269863" y="1399042"/>
                </a:lnTo>
                <a:lnTo>
                  <a:pt x="1610574" y="1745545"/>
                </a:lnTo>
                <a:close/>
                <a:moveTo>
                  <a:pt x="3240001" y="126952"/>
                </a:moveTo>
                <a:lnTo>
                  <a:pt x="3240001" y="2258912"/>
                </a:lnTo>
                <a:lnTo>
                  <a:pt x="2032457" y="1334195"/>
                </a:lnTo>
                <a:close/>
                <a:moveTo>
                  <a:pt x="0" y="117525"/>
                </a:moveTo>
                <a:lnTo>
                  <a:pt x="1207545" y="1324768"/>
                </a:lnTo>
                <a:lnTo>
                  <a:pt x="0" y="2249485"/>
                </a:lnTo>
                <a:close/>
                <a:moveTo>
                  <a:pt x="0" y="0"/>
                </a:moveTo>
                <a:lnTo>
                  <a:pt x="3240000" y="0"/>
                </a:lnTo>
                <a:lnTo>
                  <a:pt x="1610572" y="1620513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6" name="Isosceles Triangle 57">
            <a:extLst>
              <a:ext uri="{FF2B5EF4-FFF2-40B4-BE49-F238E27FC236}">
                <a16:creationId xmlns:a16="http://schemas.microsoft.com/office/drawing/2014/main" id="{4E76B488-B2CD-463B-861A-27D4912FE160}"/>
              </a:ext>
            </a:extLst>
          </p:cNvPr>
          <p:cNvSpPr/>
          <p:nvPr/>
        </p:nvSpPr>
        <p:spPr>
          <a:xfrm>
            <a:off x="6114156" y="4520206"/>
            <a:ext cx="313133" cy="707899"/>
          </a:xfrm>
          <a:custGeom>
            <a:avLst/>
            <a:gdLst>
              <a:gd name="connsiteX0" fmla="*/ 1148449 w 1346449"/>
              <a:gd name="connsiteY0" fmla="*/ 2457725 h 3249725"/>
              <a:gd name="connsiteX1" fmla="*/ 198001 w 1346449"/>
              <a:gd name="connsiteY1" fmla="*/ 2457725 h 3249725"/>
              <a:gd name="connsiteX2" fmla="*/ 1 w 1346449"/>
              <a:gd name="connsiteY2" fmla="*/ 3249725 h 3249725"/>
              <a:gd name="connsiteX3" fmla="*/ 1346449 w 1346449"/>
              <a:gd name="connsiteY3" fmla="*/ 3249725 h 3249725"/>
              <a:gd name="connsiteX4" fmla="*/ 1148449 w 1346449"/>
              <a:gd name="connsiteY4" fmla="*/ 2457725 h 3249725"/>
              <a:gd name="connsiteX5" fmla="*/ 755186 w 1346449"/>
              <a:gd name="connsiteY5" fmla="*/ 82950 h 3249725"/>
              <a:gd name="connsiteX6" fmla="*/ 734449 w 1346449"/>
              <a:gd name="connsiteY6" fmla="*/ 1314594 h 3249725"/>
              <a:gd name="connsiteX7" fmla="*/ 853246 w 1346449"/>
              <a:gd name="connsiteY7" fmla="*/ 1483214 h 3249725"/>
              <a:gd name="connsiteX8" fmla="*/ 673226 w 1346449"/>
              <a:gd name="connsiteY8" fmla="*/ 1663234 h 3249725"/>
              <a:gd name="connsiteX9" fmla="*/ 493206 w 1346449"/>
              <a:gd name="connsiteY9" fmla="*/ 1483214 h 3249725"/>
              <a:gd name="connsiteX10" fmla="*/ 612000 w 1346449"/>
              <a:gd name="connsiteY10" fmla="*/ 1314595 h 3249725"/>
              <a:gd name="connsiteX11" fmla="*/ 612000 w 1346449"/>
              <a:gd name="connsiteY11" fmla="*/ 0 h 3249725"/>
              <a:gd name="connsiteX12" fmla="*/ 2939 w 1346449"/>
              <a:gd name="connsiteY12" fmla="*/ 1574694 h 3249725"/>
              <a:gd name="connsiteX13" fmla="*/ 0 w 1346449"/>
              <a:gd name="connsiteY13" fmla="*/ 1574694 h 3249725"/>
              <a:gd name="connsiteX14" fmla="*/ 2009 w 1346449"/>
              <a:gd name="connsiteY14" fmla="*/ 1577097 h 3249725"/>
              <a:gd name="connsiteX15" fmla="*/ 0 w 1346449"/>
              <a:gd name="connsiteY15" fmla="*/ 1582292 h 3249725"/>
              <a:gd name="connsiteX16" fmla="*/ 6353 w 1346449"/>
              <a:gd name="connsiteY16" fmla="*/ 1582292 h 3249725"/>
              <a:gd name="connsiteX17" fmla="*/ 273414 w 1346449"/>
              <a:gd name="connsiteY17" fmla="*/ 2376121 h 3249725"/>
              <a:gd name="connsiteX18" fmla="*/ 1091887 w 1346449"/>
              <a:gd name="connsiteY18" fmla="*/ 2366694 h 3249725"/>
              <a:gd name="connsiteX19" fmla="*/ 1340768 w 1346449"/>
              <a:gd name="connsiteY19" fmla="*/ 1582292 h 3249725"/>
              <a:gd name="connsiteX20" fmla="*/ 1346449 w 1346449"/>
              <a:gd name="connsiteY20" fmla="*/ 1582292 h 3249725"/>
              <a:gd name="connsiteX21" fmla="*/ 1344512 w 1346449"/>
              <a:gd name="connsiteY21" fmla="*/ 1577284 h 3249725"/>
              <a:gd name="connsiteX22" fmla="*/ 1346448 w 1346449"/>
              <a:gd name="connsiteY22" fmla="*/ 1574694 h 3249725"/>
              <a:gd name="connsiteX23" fmla="*/ 1343510 w 1346449"/>
              <a:gd name="connsiteY23" fmla="*/ 1574694 h 3249725"/>
              <a:gd name="connsiteX24" fmla="*/ 755186 w 1346449"/>
              <a:gd name="connsiteY24" fmla="*/ 82950 h 3249725"/>
              <a:gd name="connsiteX0" fmla="*/ 1148449 w 1346449"/>
              <a:gd name="connsiteY0" fmla="*/ 2374775 h 3166775"/>
              <a:gd name="connsiteX1" fmla="*/ 198001 w 1346449"/>
              <a:gd name="connsiteY1" fmla="*/ 2374775 h 3166775"/>
              <a:gd name="connsiteX2" fmla="*/ 1 w 1346449"/>
              <a:gd name="connsiteY2" fmla="*/ 3166775 h 3166775"/>
              <a:gd name="connsiteX3" fmla="*/ 1346449 w 1346449"/>
              <a:gd name="connsiteY3" fmla="*/ 3166775 h 3166775"/>
              <a:gd name="connsiteX4" fmla="*/ 1148449 w 1346449"/>
              <a:gd name="connsiteY4" fmla="*/ 2374775 h 3166775"/>
              <a:gd name="connsiteX5" fmla="*/ 755186 w 1346449"/>
              <a:gd name="connsiteY5" fmla="*/ 0 h 3166775"/>
              <a:gd name="connsiteX6" fmla="*/ 734449 w 1346449"/>
              <a:gd name="connsiteY6" fmla="*/ 1231644 h 3166775"/>
              <a:gd name="connsiteX7" fmla="*/ 853246 w 1346449"/>
              <a:gd name="connsiteY7" fmla="*/ 1400264 h 3166775"/>
              <a:gd name="connsiteX8" fmla="*/ 673226 w 1346449"/>
              <a:gd name="connsiteY8" fmla="*/ 1580284 h 3166775"/>
              <a:gd name="connsiteX9" fmla="*/ 493206 w 1346449"/>
              <a:gd name="connsiteY9" fmla="*/ 1400264 h 3166775"/>
              <a:gd name="connsiteX10" fmla="*/ 612000 w 1346449"/>
              <a:gd name="connsiteY10" fmla="*/ 1231645 h 3166775"/>
              <a:gd name="connsiteX11" fmla="*/ 591263 w 1346449"/>
              <a:gd name="connsiteY11" fmla="*/ 10368 h 3166775"/>
              <a:gd name="connsiteX12" fmla="*/ 2939 w 1346449"/>
              <a:gd name="connsiteY12" fmla="*/ 1491744 h 3166775"/>
              <a:gd name="connsiteX13" fmla="*/ 0 w 1346449"/>
              <a:gd name="connsiteY13" fmla="*/ 1491744 h 3166775"/>
              <a:gd name="connsiteX14" fmla="*/ 2009 w 1346449"/>
              <a:gd name="connsiteY14" fmla="*/ 1494147 h 3166775"/>
              <a:gd name="connsiteX15" fmla="*/ 0 w 1346449"/>
              <a:gd name="connsiteY15" fmla="*/ 1499342 h 3166775"/>
              <a:gd name="connsiteX16" fmla="*/ 6353 w 1346449"/>
              <a:gd name="connsiteY16" fmla="*/ 1499342 h 3166775"/>
              <a:gd name="connsiteX17" fmla="*/ 273414 w 1346449"/>
              <a:gd name="connsiteY17" fmla="*/ 2293171 h 3166775"/>
              <a:gd name="connsiteX18" fmla="*/ 1091887 w 1346449"/>
              <a:gd name="connsiteY18" fmla="*/ 2283744 h 3166775"/>
              <a:gd name="connsiteX19" fmla="*/ 1340768 w 1346449"/>
              <a:gd name="connsiteY19" fmla="*/ 1499342 h 3166775"/>
              <a:gd name="connsiteX20" fmla="*/ 1346449 w 1346449"/>
              <a:gd name="connsiteY20" fmla="*/ 1499342 h 3166775"/>
              <a:gd name="connsiteX21" fmla="*/ 1344512 w 1346449"/>
              <a:gd name="connsiteY21" fmla="*/ 1494334 h 3166775"/>
              <a:gd name="connsiteX22" fmla="*/ 1346448 w 1346449"/>
              <a:gd name="connsiteY22" fmla="*/ 1491744 h 3166775"/>
              <a:gd name="connsiteX23" fmla="*/ 1343510 w 1346449"/>
              <a:gd name="connsiteY23" fmla="*/ 1491744 h 3166775"/>
              <a:gd name="connsiteX24" fmla="*/ 755186 w 1346449"/>
              <a:gd name="connsiteY24" fmla="*/ 0 h 316677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</a:cxnLst>
            <a:rect l="l" t="t" r="r" b="b"/>
            <a:pathLst>
              <a:path w="1346449" h="3166775">
                <a:moveTo>
                  <a:pt x="1148449" y="2374775"/>
                </a:moveTo>
                <a:lnTo>
                  <a:pt x="198001" y="2374775"/>
                </a:lnTo>
                <a:lnTo>
                  <a:pt x="1" y="3166775"/>
                </a:lnTo>
                <a:lnTo>
                  <a:pt x="1346449" y="3166775"/>
                </a:lnTo>
                <a:lnTo>
                  <a:pt x="1148449" y="2374775"/>
                </a:lnTo>
                <a:close/>
                <a:moveTo>
                  <a:pt x="755186" y="0"/>
                </a:moveTo>
                <a:cubicBezTo>
                  <a:pt x="755186" y="438198"/>
                  <a:pt x="734449" y="793446"/>
                  <a:pt x="734449" y="1231644"/>
                </a:cubicBezTo>
                <a:cubicBezTo>
                  <a:pt x="803843" y="1256124"/>
                  <a:pt x="853246" y="1322425"/>
                  <a:pt x="853246" y="1400264"/>
                </a:cubicBezTo>
                <a:cubicBezTo>
                  <a:pt x="853246" y="1499686"/>
                  <a:pt x="772648" y="1580284"/>
                  <a:pt x="673226" y="1580284"/>
                </a:cubicBezTo>
                <a:cubicBezTo>
                  <a:pt x="573804" y="1580284"/>
                  <a:pt x="493206" y="1499686"/>
                  <a:pt x="493206" y="1400264"/>
                </a:cubicBezTo>
                <a:cubicBezTo>
                  <a:pt x="493206" y="1322426"/>
                  <a:pt x="542608" y="1256126"/>
                  <a:pt x="612000" y="1231645"/>
                </a:cubicBezTo>
                <a:lnTo>
                  <a:pt x="591263" y="10368"/>
                </a:lnTo>
                <a:lnTo>
                  <a:pt x="2939" y="1491744"/>
                </a:lnTo>
                <a:lnTo>
                  <a:pt x="0" y="1491744"/>
                </a:lnTo>
                <a:lnTo>
                  <a:pt x="2009" y="1494147"/>
                </a:lnTo>
                <a:lnTo>
                  <a:pt x="0" y="1499342"/>
                </a:lnTo>
                <a:lnTo>
                  <a:pt x="6353" y="1499342"/>
                </a:lnTo>
                <a:cubicBezTo>
                  <a:pt x="274151" y="1797289"/>
                  <a:pt x="320153" y="2031319"/>
                  <a:pt x="273414" y="2293171"/>
                </a:cubicBezTo>
                <a:lnTo>
                  <a:pt x="1091887" y="2283744"/>
                </a:lnTo>
                <a:cubicBezTo>
                  <a:pt x="1035756" y="1984266"/>
                  <a:pt x="1081794" y="1833397"/>
                  <a:pt x="1340768" y="1499342"/>
                </a:cubicBezTo>
                <a:lnTo>
                  <a:pt x="1346449" y="1499342"/>
                </a:lnTo>
                <a:lnTo>
                  <a:pt x="1344512" y="1494334"/>
                </a:lnTo>
                <a:cubicBezTo>
                  <a:pt x="1345124" y="1493447"/>
                  <a:pt x="1345785" y="1492596"/>
                  <a:pt x="1346448" y="1491744"/>
                </a:cubicBezTo>
                <a:lnTo>
                  <a:pt x="1343510" y="1491744"/>
                </a:lnTo>
                <a:cubicBezTo>
                  <a:pt x="1140490" y="966846"/>
                  <a:pt x="958206" y="524898"/>
                  <a:pt x="755186" y="0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 dirty="0"/>
          </a:p>
        </p:txBody>
      </p:sp>
      <p:sp>
        <p:nvSpPr>
          <p:cNvPr id="57" name="Rectangle 7">
            <a:extLst>
              <a:ext uri="{FF2B5EF4-FFF2-40B4-BE49-F238E27FC236}">
                <a16:creationId xmlns:a16="http://schemas.microsoft.com/office/drawing/2014/main" id="{84693C49-05C6-4CD0-A900-4B843CF3016D}"/>
              </a:ext>
            </a:extLst>
          </p:cNvPr>
          <p:cNvSpPr/>
          <p:nvPr/>
        </p:nvSpPr>
        <p:spPr>
          <a:xfrm rot="18900000">
            <a:off x="9585735" y="3654558"/>
            <a:ext cx="225664" cy="502732"/>
          </a:xfrm>
          <a:custGeom>
            <a:avLst/>
            <a:gdLst/>
            <a:ahLst/>
            <a:cxnLst/>
            <a:rect l="l" t="t" r="r" b="b"/>
            <a:pathLst>
              <a:path w="154109" h="343323">
                <a:moveTo>
                  <a:pt x="102909" y="313772"/>
                </a:moveTo>
                <a:lnTo>
                  <a:pt x="102909" y="328547"/>
                </a:lnTo>
                <a:cubicBezTo>
                  <a:pt x="102909" y="336708"/>
                  <a:pt x="96294" y="343322"/>
                  <a:pt x="88133" y="343323"/>
                </a:cubicBezTo>
                <a:lnTo>
                  <a:pt x="65975" y="343322"/>
                </a:lnTo>
                <a:cubicBezTo>
                  <a:pt x="57814" y="343322"/>
                  <a:pt x="51199" y="336708"/>
                  <a:pt x="51199" y="328547"/>
                </a:cubicBezTo>
                <a:cubicBezTo>
                  <a:pt x="51199" y="323622"/>
                  <a:pt x="51200" y="318696"/>
                  <a:pt x="51200" y="313771"/>
                </a:cubicBezTo>
                <a:close/>
                <a:moveTo>
                  <a:pt x="123327" y="15459"/>
                </a:moveTo>
                <a:cubicBezTo>
                  <a:pt x="141678" y="29245"/>
                  <a:pt x="152926" y="50497"/>
                  <a:pt x="154008" y="73425"/>
                </a:cubicBezTo>
                <a:cubicBezTo>
                  <a:pt x="155089" y="96353"/>
                  <a:pt x="145890" y="118568"/>
                  <a:pt x="128916" y="134021"/>
                </a:cubicBezTo>
                <a:lnTo>
                  <a:pt x="119294" y="123450"/>
                </a:lnTo>
                <a:cubicBezTo>
                  <a:pt x="133118" y="110865"/>
                  <a:pt x="140611" y="92772"/>
                  <a:pt x="139730" y="74098"/>
                </a:cubicBezTo>
                <a:cubicBezTo>
                  <a:pt x="138850" y="55424"/>
                  <a:pt x="129689" y="38115"/>
                  <a:pt x="114743" y="26887"/>
                </a:cubicBezTo>
                <a:close/>
                <a:moveTo>
                  <a:pt x="136698" y="17411"/>
                </a:moveTo>
                <a:cubicBezTo>
                  <a:pt x="103758" y="-15529"/>
                  <a:pt x="50351" y="-15529"/>
                  <a:pt x="17412" y="17411"/>
                </a:cubicBezTo>
                <a:cubicBezTo>
                  <a:pt x="-15528" y="50351"/>
                  <a:pt x="-15528" y="103757"/>
                  <a:pt x="17412" y="136697"/>
                </a:cubicBezTo>
                <a:cubicBezTo>
                  <a:pt x="50351" y="169637"/>
                  <a:pt x="103758" y="169637"/>
                  <a:pt x="136698" y="136697"/>
                </a:cubicBezTo>
                <a:cubicBezTo>
                  <a:pt x="169637" y="103757"/>
                  <a:pt x="169637" y="50351"/>
                  <a:pt x="136698" y="17411"/>
                </a:cubicBezTo>
                <a:close/>
                <a:moveTo>
                  <a:pt x="154109" y="0"/>
                </a:moveTo>
                <a:cubicBezTo>
                  <a:pt x="196665" y="42556"/>
                  <a:pt x="196665" y="111552"/>
                  <a:pt x="154109" y="154108"/>
                </a:cubicBezTo>
                <a:cubicBezTo>
                  <a:pt x="139576" y="168641"/>
                  <a:pt x="121959" y="178211"/>
                  <a:pt x="102912" y="180994"/>
                </a:cubicBezTo>
                <a:lnTo>
                  <a:pt x="102912" y="308310"/>
                </a:lnTo>
                <a:lnTo>
                  <a:pt x="51197" y="308310"/>
                </a:lnTo>
                <a:lnTo>
                  <a:pt x="51197" y="180994"/>
                </a:lnTo>
                <a:cubicBezTo>
                  <a:pt x="32150" y="178211"/>
                  <a:pt x="14534" y="168641"/>
                  <a:pt x="0" y="154108"/>
                </a:cubicBezTo>
                <a:cubicBezTo>
                  <a:pt x="-42555" y="111552"/>
                  <a:pt x="-42555" y="42556"/>
                  <a:pt x="0" y="0"/>
                </a:cubicBezTo>
                <a:cubicBezTo>
                  <a:pt x="42556" y="-42556"/>
                  <a:pt x="111553" y="-42556"/>
                  <a:pt x="154109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8" name="Parallelogram 15">
            <a:extLst>
              <a:ext uri="{FF2B5EF4-FFF2-40B4-BE49-F238E27FC236}">
                <a16:creationId xmlns:a16="http://schemas.microsoft.com/office/drawing/2014/main" id="{7A9FBE9D-EE5A-4F1B-8EDD-3D011F43183E}"/>
              </a:ext>
            </a:extLst>
          </p:cNvPr>
          <p:cNvSpPr/>
          <p:nvPr/>
        </p:nvSpPr>
        <p:spPr>
          <a:xfrm flipH="1">
            <a:off x="5267026" y="4641909"/>
            <a:ext cx="464493" cy="464493"/>
          </a:xfrm>
          <a:custGeom>
            <a:avLst/>
            <a:gdLst/>
            <a:ahLst/>
            <a:cxnLst/>
            <a:rect l="l" t="t" r="r" b="b"/>
            <a:pathLst>
              <a:path w="3242753" h="3227814">
                <a:moveTo>
                  <a:pt x="1621376" y="1043635"/>
                </a:moveTo>
                <a:cubicBezTo>
                  <a:pt x="1557188" y="1043635"/>
                  <a:pt x="1505154" y="1095669"/>
                  <a:pt x="1505154" y="1159857"/>
                </a:cubicBezTo>
                <a:lnTo>
                  <a:pt x="1505154" y="1625483"/>
                </a:lnTo>
                <a:lnTo>
                  <a:pt x="1033577" y="1625483"/>
                </a:lnTo>
                <a:cubicBezTo>
                  <a:pt x="969389" y="1625483"/>
                  <a:pt x="917355" y="1677517"/>
                  <a:pt x="917355" y="1741705"/>
                </a:cubicBezTo>
                <a:cubicBezTo>
                  <a:pt x="917355" y="1805893"/>
                  <a:pt x="969389" y="1857927"/>
                  <a:pt x="1033577" y="1857927"/>
                </a:cubicBezTo>
                <a:lnTo>
                  <a:pt x="1614688" y="1857927"/>
                </a:lnTo>
                <a:lnTo>
                  <a:pt x="1619859" y="1856884"/>
                </a:lnTo>
                <a:cubicBezTo>
                  <a:pt x="1620361" y="1857187"/>
                  <a:pt x="1620868" y="1857190"/>
                  <a:pt x="1621376" y="1857190"/>
                </a:cubicBezTo>
                <a:cubicBezTo>
                  <a:pt x="1685564" y="1857190"/>
                  <a:pt x="1737598" y="1805156"/>
                  <a:pt x="1737598" y="1740968"/>
                </a:cubicBezTo>
                <a:lnTo>
                  <a:pt x="1737598" y="1159857"/>
                </a:lnTo>
                <a:cubicBezTo>
                  <a:pt x="1737598" y="1095669"/>
                  <a:pt x="1685564" y="1043635"/>
                  <a:pt x="1621376" y="1043635"/>
                </a:cubicBezTo>
                <a:close/>
                <a:moveTo>
                  <a:pt x="1621376" y="628818"/>
                </a:moveTo>
                <a:cubicBezTo>
                  <a:pt x="2206882" y="628818"/>
                  <a:pt x="2681529" y="1103464"/>
                  <a:pt x="2681529" y="1688970"/>
                </a:cubicBezTo>
                <a:cubicBezTo>
                  <a:pt x="2681529" y="2274476"/>
                  <a:pt x="2206882" y="2749122"/>
                  <a:pt x="1621376" y="2749122"/>
                </a:cubicBezTo>
                <a:cubicBezTo>
                  <a:pt x="1035870" y="2749122"/>
                  <a:pt x="561223" y="2274476"/>
                  <a:pt x="561223" y="1688970"/>
                </a:cubicBezTo>
                <a:cubicBezTo>
                  <a:pt x="561223" y="1103464"/>
                  <a:pt x="1035870" y="628818"/>
                  <a:pt x="1621376" y="628818"/>
                </a:cubicBezTo>
                <a:close/>
                <a:moveTo>
                  <a:pt x="1621376" y="424596"/>
                </a:moveTo>
                <a:cubicBezTo>
                  <a:pt x="923081" y="424596"/>
                  <a:pt x="357001" y="990676"/>
                  <a:pt x="357001" y="1688970"/>
                </a:cubicBezTo>
                <a:cubicBezTo>
                  <a:pt x="357001" y="2128645"/>
                  <a:pt x="581423" y="2515905"/>
                  <a:pt x="922189" y="2742109"/>
                </a:cubicBezTo>
                <a:lnTo>
                  <a:pt x="652992" y="3227814"/>
                </a:lnTo>
                <a:lnTo>
                  <a:pt x="911997" y="3227814"/>
                </a:lnTo>
                <a:lnTo>
                  <a:pt x="1121304" y="2850168"/>
                </a:lnTo>
                <a:cubicBezTo>
                  <a:pt x="1274563" y="2916691"/>
                  <a:pt x="1443689" y="2953344"/>
                  <a:pt x="1621376" y="2953344"/>
                </a:cubicBezTo>
                <a:cubicBezTo>
                  <a:pt x="1799063" y="2953344"/>
                  <a:pt x="1968189" y="2916691"/>
                  <a:pt x="2121449" y="2850168"/>
                </a:cubicBezTo>
                <a:lnTo>
                  <a:pt x="2330755" y="3227814"/>
                </a:lnTo>
                <a:lnTo>
                  <a:pt x="2589760" y="3227814"/>
                </a:lnTo>
                <a:lnTo>
                  <a:pt x="2320563" y="2742109"/>
                </a:lnTo>
                <a:cubicBezTo>
                  <a:pt x="2661329" y="2515905"/>
                  <a:pt x="2885751" y="2128645"/>
                  <a:pt x="2885751" y="1688970"/>
                </a:cubicBezTo>
                <a:cubicBezTo>
                  <a:pt x="2885751" y="990676"/>
                  <a:pt x="2319671" y="424596"/>
                  <a:pt x="1621376" y="424596"/>
                </a:cubicBezTo>
                <a:close/>
                <a:moveTo>
                  <a:pt x="2599800" y="123238"/>
                </a:moveTo>
                <a:cubicBezTo>
                  <a:pt x="2434609" y="120698"/>
                  <a:pt x="2268460" y="180476"/>
                  <a:pt x="2139563" y="303161"/>
                </a:cubicBezTo>
                <a:lnTo>
                  <a:pt x="3057258" y="1232053"/>
                </a:lnTo>
                <a:cubicBezTo>
                  <a:pt x="3305736" y="977255"/>
                  <a:pt x="3304415" y="570405"/>
                  <a:pt x="3054287" y="317226"/>
                </a:cubicBezTo>
                <a:cubicBezTo>
                  <a:pt x="2929224" y="190636"/>
                  <a:pt x="2764991" y="125778"/>
                  <a:pt x="2599800" y="123238"/>
                </a:cubicBezTo>
                <a:close/>
                <a:moveTo>
                  <a:pt x="642953" y="123238"/>
                </a:moveTo>
                <a:cubicBezTo>
                  <a:pt x="477762" y="125778"/>
                  <a:pt x="313529" y="190636"/>
                  <a:pt x="188466" y="317226"/>
                </a:cubicBezTo>
                <a:cubicBezTo>
                  <a:pt x="-61662" y="570405"/>
                  <a:pt x="-62983" y="977255"/>
                  <a:pt x="185495" y="1232053"/>
                </a:cubicBezTo>
                <a:lnTo>
                  <a:pt x="1103190" y="303161"/>
                </a:lnTo>
                <a:cubicBezTo>
                  <a:pt x="974294" y="180476"/>
                  <a:pt x="808144" y="120698"/>
                  <a:pt x="642953" y="123238"/>
                </a:cubicBezTo>
                <a:close/>
                <a:moveTo>
                  <a:pt x="1722692" y="0"/>
                </a:moveTo>
                <a:lnTo>
                  <a:pt x="1520061" y="0"/>
                </a:lnTo>
                <a:cubicBezTo>
                  <a:pt x="1440152" y="0"/>
                  <a:pt x="1375373" y="64779"/>
                  <a:pt x="1375373" y="144688"/>
                </a:cubicBezTo>
                <a:lnTo>
                  <a:pt x="1375373" y="289376"/>
                </a:lnTo>
                <a:lnTo>
                  <a:pt x="1867380" y="289376"/>
                </a:lnTo>
                <a:lnTo>
                  <a:pt x="1867380" y="144688"/>
                </a:lnTo>
                <a:cubicBezTo>
                  <a:pt x="1867380" y="64779"/>
                  <a:pt x="1802601" y="0"/>
                  <a:pt x="1722692" y="0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9" name="Freeform 19">
            <a:extLst>
              <a:ext uri="{FF2B5EF4-FFF2-40B4-BE49-F238E27FC236}">
                <a16:creationId xmlns:a16="http://schemas.microsoft.com/office/drawing/2014/main" id="{DD59881D-26FD-493B-8AE1-06C59DF34840}"/>
              </a:ext>
            </a:extLst>
          </p:cNvPr>
          <p:cNvSpPr/>
          <p:nvPr/>
        </p:nvSpPr>
        <p:spPr>
          <a:xfrm>
            <a:off x="7745410" y="3642506"/>
            <a:ext cx="460778" cy="453389"/>
          </a:xfrm>
          <a:custGeom>
            <a:avLst/>
            <a:gdLst/>
            <a:ahLst/>
            <a:cxnLst/>
            <a:rect l="l" t="t" r="r" b="b"/>
            <a:pathLst>
              <a:path w="3214097" h="3162551">
                <a:moveTo>
                  <a:pt x="1014592" y="2306036"/>
                </a:moveTo>
                <a:cubicBezTo>
                  <a:pt x="854868" y="2306036"/>
                  <a:pt x="725386" y="2435518"/>
                  <a:pt x="725386" y="2595242"/>
                </a:cubicBezTo>
                <a:cubicBezTo>
                  <a:pt x="725386" y="2754966"/>
                  <a:pt x="854868" y="2884448"/>
                  <a:pt x="1014592" y="2884448"/>
                </a:cubicBezTo>
                <a:cubicBezTo>
                  <a:pt x="1174316" y="2884448"/>
                  <a:pt x="1303798" y="2754966"/>
                  <a:pt x="1303798" y="2595242"/>
                </a:cubicBezTo>
                <a:cubicBezTo>
                  <a:pt x="1303798" y="2435518"/>
                  <a:pt x="1174316" y="2306036"/>
                  <a:pt x="1014592" y="2306036"/>
                </a:cubicBezTo>
                <a:close/>
                <a:moveTo>
                  <a:pt x="481275" y="1691816"/>
                </a:moveTo>
                <a:cubicBezTo>
                  <a:pt x="321551" y="1691816"/>
                  <a:pt x="192069" y="1821298"/>
                  <a:pt x="192069" y="1981022"/>
                </a:cubicBezTo>
                <a:cubicBezTo>
                  <a:pt x="192069" y="2140746"/>
                  <a:pt x="321551" y="2270228"/>
                  <a:pt x="481275" y="2270228"/>
                </a:cubicBezTo>
                <a:cubicBezTo>
                  <a:pt x="640999" y="2270228"/>
                  <a:pt x="770481" y="2140746"/>
                  <a:pt x="770481" y="1981022"/>
                </a:cubicBezTo>
                <a:cubicBezTo>
                  <a:pt x="770481" y="1821298"/>
                  <a:pt x="640999" y="1691816"/>
                  <a:pt x="481275" y="1691816"/>
                </a:cubicBezTo>
                <a:close/>
                <a:moveTo>
                  <a:pt x="2764751" y="1113404"/>
                </a:moveTo>
                <a:cubicBezTo>
                  <a:pt x="2605027" y="1113404"/>
                  <a:pt x="2475545" y="1242886"/>
                  <a:pt x="2475545" y="1402610"/>
                </a:cubicBezTo>
                <a:cubicBezTo>
                  <a:pt x="2475545" y="1562334"/>
                  <a:pt x="2605027" y="1691816"/>
                  <a:pt x="2764751" y="1691816"/>
                </a:cubicBezTo>
                <a:cubicBezTo>
                  <a:pt x="2924475" y="1691816"/>
                  <a:pt x="3053957" y="1562334"/>
                  <a:pt x="3053957" y="1402610"/>
                </a:cubicBezTo>
                <a:cubicBezTo>
                  <a:pt x="3053957" y="1242886"/>
                  <a:pt x="2924475" y="1113404"/>
                  <a:pt x="2764751" y="1113404"/>
                </a:cubicBezTo>
                <a:close/>
                <a:moveTo>
                  <a:pt x="532503" y="881964"/>
                </a:moveTo>
                <a:cubicBezTo>
                  <a:pt x="372779" y="881964"/>
                  <a:pt x="243297" y="1011446"/>
                  <a:pt x="243297" y="1171170"/>
                </a:cubicBezTo>
                <a:cubicBezTo>
                  <a:pt x="243297" y="1330894"/>
                  <a:pt x="372779" y="1460376"/>
                  <a:pt x="532503" y="1460376"/>
                </a:cubicBezTo>
                <a:cubicBezTo>
                  <a:pt x="692227" y="1460376"/>
                  <a:pt x="821709" y="1330894"/>
                  <a:pt x="821709" y="1171170"/>
                </a:cubicBezTo>
                <a:cubicBezTo>
                  <a:pt x="821709" y="1011446"/>
                  <a:pt x="692227" y="881964"/>
                  <a:pt x="532503" y="881964"/>
                </a:cubicBezTo>
                <a:close/>
                <a:moveTo>
                  <a:pt x="1162143" y="321316"/>
                </a:moveTo>
                <a:cubicBezTo>
                  <a:pt x="1002419" y="321316"/>
                  <a:pt x="872937" y="450798"/>
                  <a:pt x="872937" y="610522"/>
                </a:cubicBezTo>
                <a:cubicBezTo>
                  <a:pt x="872937" y="770246"/>
                  <a:pt x="1002419" y="899728"/>
                  <a:pt x="1162143" y="899728"/>
                </a:cubicBezTo>
                <a:cubicBezTo>
                  <a:pt x="1321867" y="899728"/>
                  <a:pt x="1451349" y="770246"/>
                  <a:pt x="1451349" y="610522"/>
                </a:cubicBezTo>
                <a:cubicBezTo>
                  <a:pt x="1451349" y="450798"/>
                  <a:pt x="1321867" y="321316"/>
                  <a:pt x="1162143" y="321316"/>
                </a:cubicBezTo>
                <a:close/>
                <a:moveTo>
                  <a:pt x="1963447" y="177300"/>
                </a:moveTo>
                <a:cubicBezTo>
                  <a:pt x="1803723" y="177300"/>
                  <a:pt x="1674241" y="306782"/>
                  <a:pt x="1674241" y="466506"/>
                </a:cubicBezTo>
                <a:cubicBezTo>
                  <a:pt x="1674241" y="626230"/>
                  <a:pt x="1803723" y="755712"/>
                  <a:pt x="1963447" y="755712"/>
                </a:cubicBezTo>
                <a:cubicBezTo>
                  <a:pt x="2123171" y="755712"/>
                  <a:pt x="2252653" y="626230"/>
                  <a:pt x="2252653" y="466506"/>
                </a:cubicBezTo>
                <a:cubicBezTo>
                  <a:pt x="2252653" y="306782"/>
                  <a:pt x="2123171" y="177300"/>
                  <a:pt x="1963447" y="177300"/>
                </a:cubicBezTo>
                <a:close/>
                <a:moveTo>
                  <a:pt x="1752672" y="312"/>
                </a:moveTo>
                <a:cubicBezTo>
                  <a:pt x="1817888" y="-690"/>
                  <a:pt x="1885249" y="703"/>
                  <a:pt x="1954799" y="4657"/>
                </a:cubicBezTo>
                <a:cubicBezTo>
                  <a:pt x="2504015" y="53541"/>
                  <a:pt x="2975590" y="412975"/>
                  <a:pt x="3145244" y="944937"/>
                </a:cubicBezTo>
                <a:cubicBezTo>
                  <a:pt x="3412664" y="2126757"/>
                  <a:pt x="2837568" y="2017487"/>
                  <a:pt x="2506889" y="1867964"/>
                </a:cubicBezTo>
                <a:cubicBezTo>
                  <a:pt x="1580987" y="1673869"/>
                  <a:pt x="2725425" y="3197869"/>
                  <a:pt x="1014520" y="3161925"/>
                </a:cubicBezTo>
                <a:cubicBezTo>
                  <a:pt x="-14898" y="3061283"/>
                  <a:pt x="-138545" y="1873713"/>
                  <a:pt x="108747" y="1100212"/>
                </a:cubicBezTo>
                <a:cubicBezTo>
                  <a:pt x="278579" y="569148"/>
                  <a:pt x="774429" y="15339"/>
                  <a:pt x="1752672" y="312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0" name="Rectangle 30">
            <a:extLst>
              <a:ext uri="{FF2B5EF4-FFF2-40B4-BE49-F238E27FC236}">
                <a16:creationId xmlns:a16="http://schemas.microsoft.com/office/drawing/2014/main" id="{3BFEE74E-183A-4C32-9BDF-AC2573B061E0}"/>
              </a:ext>
            </a:extLst>
          </p:cNvPr>
          <p:cNvSpPr/>
          <p:nvPr/>
        </p:nvSpPr>
        <p:spPr>
          <a:xfrm>
            <a:off x="11063701" y="3600566"/>
            <a:ext cx="464493" cy="463135"/>
          </a:xfrm>
          <a:custGeom>
            <a:avLst/>
            <a:gdLst/>
            <a:ahLst/>
            <a:cxnLst/>
            <a:rect l="l" t="t" r="r" b="b"/>
            <a:pathLst>
              <a:path w="3240000" h="3230531">
                <a:moveTo>
                  <a:pt x="720000" y="2697973"/>
                </a:moveTo>
                <a:cubicBezTo>
                  <a:pt x="680235" y="2697973"/>
                  <a:pt x="648000" y="2730208"/>
                  <a:pt x="648000" y="2769973"/>
                </a:cubicBezTo>
                <a:cubicBezTo>
                  <a:pt x="648000" y="2809738"/>
                  <a:pt x="680235" y="2841973"/>
                  <a:pt x="720000" y="2841973"/>
                </a:cubicBezTo>
                <a:lnTo>
                  <a:pt x="2520000" y="2841973"/>
                </a:lnTo>
                <a:cubicBezTo>
                  <a:pt x="2559765" y="2841973"/>
                  <a:pt x="2592000" y="2809738"/>
                  <a:pt x="2592000" y="2769973"/>
                </a:cubicBezTo>
                <a:cubicBezTo>
                  <a:pt x="2592000" y="2730208"/>
                  <a:pt x="2559765" y="2697973"/>
                  <a:pt x="2520000" y="2697973"/>
                </a:cubicBezTo>
                <a:close/>
                <a:moveTo>
                  <a:pt x="720000" y="2366733"/>
                </a:moveTo>
                <a:cubicBezTo>
                  <a:pt x="680235" y="2366733"/>
                  <a:pt x="648000" y="2398968"/>
                  <a:pt x="648000" y="2438733"/>
                </a:cubicBezTo>
                <a:cubicBezTo>
                  <a:pt x="648000" y="2478498"/>
                  <a:pt x="680235" y="2510733"/>
                  <a:pt x="720000" y="2510733"/>
                </a:cubicBezTo>
                <a:lnTo>
                  <a:pt x="2520000" y="2510733"/>
                </a:lnTo>
                <a:cubicBezTo>
                  <a:pt x="2559765" y="2510733"/>
                  <a:pt x="2592000" y="2478498"/>
                  <a:pt x="2592000" y="2438733"/>
                </a:cubicBezTo>
                <a:cubicBezTo>
                  <a:pt x="2592000" y="2398968"/>
                  <a:pt x="2559765" y="2366733"/>
                  <a:pt x="2520000" y="2366733"/>
                </a:cubicBezTo>
                <a:close/>
                <a:moveTo>
                  <a:pt x="720000" y="2035493"/>
                </a:moveTo>
                <a:cubicBezTo>
                  <a:pt x="680235" y="2035493"/>
                  <a:pt x="648000" y="2067728"/>
                  <a:pt x="648000" y="2107493"/>
                </a:cubicBezTo>
                <a:cubicBezTo>
                  <a:pt x="648000" y="2147258"/>
                  <a:pt x="680235" y="2179493"/>
                  <a:pt x="720000" y="2179493"/>
                </a:cubicBezTo>
                <a:lnTo>
                  <a:pt x="2520000" y="2179493"/>
                </a:lnTo>
                <a:cubicBezTo>
                  <a:pt x="2559765" y="2179493"/>
                  <a:pt x="2592000" y="2147258"/>
                  <a:pt x="2592000" y="2107493"/>
                </a:cubicBezTo>
                <a:cubicBezTo>
                  <a:pt x="2592000" y="2067728"/>
                  <a:pt x="2559765" y="2035493"/>
                  <a:pt x="2520000" y="2035493"/>
                </a:cubicBezTo>
                <a:close/>
                <a:moveTo>
                  <a:pt x="720000" y="1704253"/>
                </a:moveTo>
                <a:cubicBezTo>
                  <a:pt x="680235" y="1704253"/>
                  <a:pt x="648000" y="1736488"/>
                  <a:pt x="648000" y="1776253"/>
                </a:cubicBezTo>
                <a:cubicBezTo>
                  <a:pt x="648000" y="1816018"/>
                  <a:pt x="680235" y="1848253"/>
                  <a:pt x="720000" y="1848253"/>
                </a:cubicBezTo>
                <a:lnTo>
                  <a:pt x="2520000" y="1848253"/>
                </a:lnTo>
                <a:cubicBezTo>
                  <a:pt x="2559765" y="1848253"/>
                  <a:pt x="2592000" y="1816018"/>
                  <a:pt x="2592000" y="1776253"/>
                </a:cubicBezTo>
                <a:cubicBezTo>
                  <a:pt x="2592000" y="1736488"/>
                  <a:pt x="2559765" y="1704253"/>
                  <a:pt x="2520000" y="1704253"/>
                </a:cubicBezTo>
                <a:close/>
                <a:moveTo>
                  <a:pt x="720000" y="1373013"/>
                </a:moveTo>
                <a:cubicBezTo>
                  <a:pt x="680235" y="1373013"/>
                  <a:pt x="648000" y="1405248"/>
                  <a:pt x="648000" y="1445013"/>
                </a:cubicBezTo>
                <a:cubicBezTo>
                  <a:pt x="648000" y="1484778"/>
                  <a:pt x="680235" y="1517013"/>
                  <a:pt x="720000" y="1517013"/>
                </a:cubicBezTo>
                <a:lnTo>
                  <a:pt x="2520000" y="1517013"/>
                </a:lnTo>
                <a:cubicBezTo>
                  <a:pt x="2559765" y="1517013"/>
                  <a:pt x="2592000" y="1484778"/>
                  <a:pt x="2592000" y="1445013"/>
                </a:cubicBezTo>
                <a:cubicBezTo>
                  <a:pt x="2592000" y="1405248"/>
                  <a:pt x="2559765" y="1373013"/>
                  <a:pt x="2520000" y="1373013"/>
                </a:cubicBezTo>
                <a:close/>
                <a:moveTo>
                  <a:pt x="720000" y="1041773"/>
                </a:moveTo>
                <a:cubicBezTo>
                  <a:pt x="680235" y="1041773"/>
                  <a:pt x="648000" y="1074008"/>
                  <a:pt x="648000" y="1113773"/>
                </a:cubicBezTo>
                <a:cubicBezTo>
                  <a:pt x="648000" y="1153538"/>
                  <a:pt x="680235" y="1185773"/>
                  <a:pt x="720000" y="1185773"/>
                </a:cubicBezTo>
                <a:lnTo>
                  <a:pt x="2520000" y="1185773"/>
                </a:lnTo>
                <a:cubicBezTo>
                  <a:pt x="2559765" y="1185773"/>
                  <a:pt x="2592000" y="1153538"/>
                  <a:pt x="2592000" y="1113773"/>
                </a:cubicBezTo>
                <a:cubicBezTo>
                  <a:pt x="2592000" y="1074008"/>
                  <a:pt x="2559765" y="1041773"/>
                  <a:pt x="2520000" y="1041773"/>
                </a:cubicBezTo>
                <a:close/>
                <a:moveTo>
                  <a:pt x="0" y="305988"/>
                </a:moveTo>
                <a:lnTo>
                  <a:pt x="181957" y="305988"/>
                </a:lnTo>
                <a:lnTo>
                  <a:pt x="181957" y="470032"/>
                </a:lnTo>
                <a:cubicBezTo>
                  <a:pt x="181957" y="599267"/>
                  <a:pt x="286722" y="704032"/>
                  <a:pt x="415957" y="704032"/>
                </a:cubicBezTo>
                <a:cubicBezTo>
                  <a:pt x="545192" y="704032"/>
                  <a:pt x="649957" y="599267"/>
                  <a:pt x="649957" y="470032"/>
                </a:cubicBezTo>
                <a:lnTo>
                  <a:pt x="649957" y="305988"/>
                </a:lnTo>
                <a:lnTo>
                  <a:pt x="802357" y="305988"/>
                </a:lnTo>
                <a:lnTo>
                  <a:pt x="802357" y="470031"/>
                </a:lnTo>
                <a:cubicBezTo>
                  <a:pt x="802357" y="599266"/>
                  <a:pt x="907122" y="704031"/>
                  <a:pt x="1036357" y="704031"/>
                </a:cubicBezTo>
                <a:cubicBezTo>
                  <a:pt x="1165592" y="704031"/>
                  <a:pt x="1270357" y="599266"/>
                  <a:pt x="1270357" y="470031"/>
                </a:cubicBezTo>
                <a:lnTo>
                  <a:pt x="1270357" y="305988"/>
                </a:lnTo>
                <a:lnTo>
                  <a:pt x="1422757" y="305988"/>
                </a:lnTo>
                <a:lnTo>
                  <a:pt x="1422757" y="470030"/>
                </a:lnTo>
                <a:cubicBezTo>
                  <a:pt x="1422757" y="599265"/>
                  <a:pt x="1527522" y="704030"/>
                  <a:pt x="1656757" y="704030"/>
                </a:cubicBezTo>
                <a:cubicBezTo>
                  <a:pt x="1785992" y="704030"/>
                  <a:pt x="1890757" y="599265"/>
                  <a:pt x="1890757" y="470030"/>
                </a:cubicBezTo>
                <a:lnTo>
                  <a:pt x="1890757" y="305988"/>
                </a:lnTo>
                <a:lnTo>
                  <a:pt x="2043157" y="305988"/>
                </a:lnTo>
                <a:lnTo>
                  <a:pt x="2043157" y="470029"/>
                </a:lnTo>
                <a:cubicBezTo>
                  <a:pt x="2043157" y="599264"/>
                  <a:pt x="2147922" y="704029"/>
                  <a:pt x="2277157" y="704029"/>
                </a:cubicBezTo>
                <a:cubicBezTo>
                  <a:pt x="2406392" y="704029"/>
                  <a:pt x="2511157" y="599264"/>
                  <a:pt x="2511157" y="470029"/>
                </a:cubicBezTo>
                <a:lnTo>
                  <a:pt x="2511157" y="305988"/>
                </a:lnTo>
                <a:lnTo>
                  <a:pt x="2663557" y="305988"/>
                </a:lnTo>
                <a:lnTo>
                  <a:pt x="2663557" y="470028"/>
                </a:lnTo>
                <a:cubicBezTo>
                  <a:pt x="2663557" y="599263"/>
                  <a:pt x="2768322" y="704028"/>
                  <a:pt x="2897557" y="704028"/>
                </a:cubicBezTo>
                <a:cubicBezTo>
                  <a:pt x="3026792" y="704028"/>
                  <a:pt x="3131557" y="599263"/>
                  <a:pt x="3131557" y="470028"/>
                </a:cubicBezTo>
                <a:lnTo>
                  <a:pt x="3131557" y="305988"/>
                </a:lnTo>
                <a:lnTo>
                  <a:pt x="3240000" y="305988"/>
                </a:lnTo>
                <a:lnTo>
                  <a:pt x="3240000" y="3230531"/>
                </a:lnTo>
                <a:lnTo>
                  <a:pt x="0" y="3230531"/>
                </a:lnTo>
                <a:close/>
                <a:moveTo>
                  <a:pt x="415957" y="4"/>
                </a:moveTo>
                <a:cubicBezTo>
                  <a:pt x="485545" y="4"/>
                  <a:pt x="541957" y="56416"/>
                  <a:pt x="541957" y="126004"/>
                </a:cubicBezTo>
                <a:lnTo>
                  <a:pt x="541957" y="485972"/>
                </a:lnTo>
                <a:cubicBezTo>
                  <a:pt x="541957" y="555560"/>
                  <a:pt x="485545" y="611972"/>
                  <a:pt x="415957" y="611972"/>
                </a:cubicBezTo>
                <a:cubicBezTo>
                  <a:pt x="346369" y="611972"/>
                  <a:pt x="289957" y="555560"/>
                  <a:pt x="289957" y="485972"/>
                </a:cubicBezTo>
                <a:lnTo>
                  <a:pt x="289957" y="126004"/>
                </a:lnTo>
                <a:cubicBezTo>
                  <a:pt x="289957" y="56416"/>
                  <a:pt x="346369" y="4"/>
                  <a:pt x="415957" y="4"/>
                </a:cubicBezTo>
                <a:close/>
                <a:moveTo>
                  <a:pt x="1036357" y="3"/>
                </a:moveTo>
                <a:cubicBezTo>
                  <a:pt x="1105945" y="3"/>
                  <a:pt x="1162357" y="56415"/>
                  <a:pt x="1162357" y="126003"/>
                </a:cubicBezTo>
                <a:lnTo>
                  <a:pt x="1162357" y="485971"/>
                </a:lnTo>
                <a:cubicBezTo>
                  <a:pt x="1162357" y="555559"/>
                  <a:pt x="1105945" y="611971"/>
                  <a:pt x="1036357" y="611971"/>
                </a:cubicBezTo>
                <a:cubicBezTo>
                  <a:pt x="966769" y="611971"/>
                  <a:pt x="910357" y="555559"/>
                  <a:pt x="910357" y="485971"/>
                </a:cubicBezTo>
                <a:lnTo>
                  <a:pt x="910357" y="126003"/>
                </a:lnTo>
                <a:cubicBezTo>
                  <a:pt x="910357" y="56415"/>
                  <a:pt x="966769" y="3"/>
                  <a:pt x="1036357" y="3"/>
                </a:cubicBezTo>
                <a:close/>
                <a:moveTo>
                  <a:pt x="1656757" y="2"/>
                </a:moveTo>
                <a:cubicBezTo>
                  <a:pt x="1726345" y="2"/>
                  <a:pt x="1782757" y="56414"/>
                  <a:pt x="1782757" y="126002"/>
                </a:cubicBezTo>
                <a:lnTo>
                  <a:pt x="1782757" y="485970"/>
                </a:lnTo>
                <a:cubicBezTo>
                  <a:pt x="1782757" y="555558"/>
                  <a:pt x="1726345" y="611970"/>
                  <a:pt x="1656757" y="611970"/>
                </a:cubicBezTo>
                <a:cubicBezTo>
                  <a:pt x="1587169" y="611970"/>
                  <a:pt x="1530757" y="555558"/>
                  <a:pt x="1530757" y="485970"/>
                </a:cubicBezTo>
                <a:lnTo>
                  <a:pt x="1530757" y="126002"/>
                </a:lnTo>
                <a:cubicBezTo>
                  <a:pt x="1530757" y="56414"/>
                  <a:pt x="1587169" y="2"/>
                  <a:pt x="1656757" y="2"/>
                </a:cubicBezTo>
                <a:close/>
                <a:moveTo>
                  <a:pt x="2277157" y="1"/>
                </a:moveTo>
                <a:cubicBezTo>
                  <a:pt x="2346745" y="1"/>
                  <a:pt x="2403157" y="56413"/>
                  <a:pt x="2403157" y="126001"/>
                </a:cubicBezTo>
                <a:lnTo>
                  <a:pt x="2403157" y="485969"/>
                </a:lnTo>
                <a:cubicBezTo>
                  <a:pt x="2403157" y="555557"/>
                  <a:pt x="2346745" y="611969"/>
                  <a:pt x="2277157" y="611969"/>
                </a:cubicBezTo>
                <a:cubicBezTo>
                  <a:pt x="2207569" y="611969"/>
                  <a:pt x="2151157" y="555557"/>
                  <a:pt x="2151157" y="485969"/>
                </a:cubicBezTo>
                <a:lnTo>
                  <a:pt x="2151157" y="126001"/>
                </a:lnTo>
                <a:cubicBezTo>
                  <a:pt x="2151157" y="56413"/>
                  <a:pt x="2207569" y="1"/>
                  <a:pt x="2277157" y="1"/>
                </a:cubicBezTo>
                <a:close/>
                <a:moveTo>
                  <a:pt x="2897557" y="0"/>
                </a:moveTo>
                <a:cubicBezTo>
                  <a:pt x="2967145" y="0"/>
                  <a:pt x="3023557" y="56412"/>
                  <a:pt x="3023557" y="126000"/>
                </a:cubicBezTo>
                <a:lnTo>
                  <a:pt x="3023557" y="485968"/>
                </a:lnTo>
                <a:cubicBezTo>
                  <a:pt x="3023557" y="555556"/>
                  <a:pt x="2967145" y="611968"/>
                  <a:pt x="2897557" y="611968"/>
                </a:cubicBezTo>
                <a:cubicBezTo>
                  <a:pt x="2827969" y="611968"/>
                  <a:pt x="2771557" y="555556"/>
                  <a:pt x="2771557" y="485968"/>
                </a:cubicBezTo>
                <a:lnTo>
                  <a:pt x="2771557" y="126000"/>
                </a:lnTo>
                <a:cubicBezTo>
                  <a:pt x="2771557" y="56412"/>
                  <a:pt x="2827969" y="0"/>
                  <a:pt x="2897557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1" name="Rectangle 7">
            <a:extLst>
              <a:ext uri="{FF2B5EF4-FFF2-40B4-BE49-F238E27FC236}">
                <a16:creationId xmlns:a16="http://schemas.microsoft.com/office/drawing/2014/main" id="{A2454068-D6A0-42C7-BCE1-D03833DCF2E4}"/>
              </a:ext>
            </a:extLst>
          </p:cNvPr>
          <p:cNvSpPr/>
          <p:nvPr/>
        </p:nvSpPr>
        <p:spPr>
          <a:xfrm>
            <a:off x="6950824" y="1518716"/>
            <a:ext cx="471567" cy="471567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401869" y="2055482"/>
                </a:moveTo>
                <a:lnTo>
                  <a:pt x="869869" y="2055482"/>
                </a:lnTo>
                <a:lnTo>
                  <a:pt x="869869" y="2919482"/>
                </a:lnTo>
                <a:lnTo>
                  <a:pt x="401869" y="2919482"/>
                </a:lnTo>
                <a:close/>
                <a:moveTo>
                  <a:pt x="1121949" y="1695482"/>
                </a:moveTo>
                <a:lnTo>
                  <a:pt x="1589949" y="1695482"/>
                </a:lnTo>
                <a:lnTo>
                  <a:pt x="1589949" y="2919482"/>
                </a:lnTo>
                <a:lnTo>
                  <a:pt x="1121949" y="2919482"/>
                </a:lnTo>
                <a:close/>
                <a:moveTo>
                  <a:pt x="1842029" y="1335482"/>
                </a:moveTo>
                <a:lnTo>
                  <a:pt x="2310029" y="1335482"/>
                </a:lnTo>
                <a:lnTo>
                  <a:pt x="2310029" y="2919482"/>
                </a:lnTo>
                <a:lnTo>
                  <a:pt x="1842029" y="2919482"/>
                </a:lnTo>
                <a:close/>
                <a:moveTo>
                  <a:pt x="2562109" y="975482"/>
                </a:moveTo>
                <a:lnTo>
                  <a:pt x="3030109" y="975482"/>
                </a:lnTo>
                <a:lnTo>
                  <a:pt x="3030109" y="2919482"/>
                </a:lnTo>
                <a:lnTo>
                  <a:pt x="2562109" y="2919482"/>
                </a:lnTo>
                <a:close/>
                <a:moveTo>
                  <a:pt x="2321888" y="224805"/>
                </a:moveTo>
                <a:lnTo>
                  <a:pt x="2880631" y="247420"/>
                </a:lnTo>
                <a:lnTo>
                  <a:pt x="2620844" y="742612"/>
                </a:lnTo>
                <a:lnTo>
                  <a:pt x="2546105" y="613161"/>
                </a:lnTo>
                <a:lnTo>
                  <a:pt x="541555" y="1770488"/>
                </a:lnTo>
                <a:lnTo>
                  <a:pt x="392077" y="1511585"/>
                </a:lnTo>
                <a:lnTo>
                  <a:pt x="2396627" y="354257"/>
                </a:lnTo>
                <a:close/>
                <a:moveTo>
                  <a:pt x="0" y="0"/>
                </a:moveTo>
                <a:lnTo>
                  <a:pt x="180000" y="0"/>
                </a:lnTo>
                <a:lnTo>
                  <a:pt x="180000" y="3059999"/>
                </a:lnTo>
                <a:lnTo>
                  <a:pt x="3240000" y="3059999"/>
                </a:lnTo>
                <a:lnTo>
                  <a:pt x="3240000" y="3239999"/>
                </a:lnTo>
                <a:lnTo>
                  <a:pt x="180000" y="3239999"/>
                </a:lnTo>
                <a:lnTo>
                  <a:pt x="180000" y="3240000"/>
                </a:lnTo>
                <a:lnTo>
                  <a:pt x="0" y="3240000"/>
                </a:lnTo>
                <a:lnTo>
                  <a:pt x="0" y="3239999"/>
                </a:lnTo>
                <a:lnTo>
                  <a:pt x="0" y="3059999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2" name="Rectangle 15">
            <a:extLst>
              <a:ext uri="{FF2B5EF4-FFF2-40B4-BE49-F238E27FC236}">
                <a16:creationId xmlns:a16="http://schemas.microsoft.com/office/drawing/2014/main" id="{ECBB7944-2021-44C3-960E-8480CFC6DEF9}"/>
              </a:ext>
            </a:extLst>
          </p:cNvPr>
          <p:cNvSpPr/>
          <p:nvPr/>
        </p:nvSpPr>
        <p:spPr>
          <a:xfrm rot="5400000">
            <a:off x="7737684" y="1518715"/>
            <a:ext cx="472195" cy="471568"/>
          </a:xfrm>
          <a:custGeom>
            <a:avLst/>
            <a:gdLst/>
            <a:ahLst/>
            <a:cxnLst/>
            <a:rect l="l" t="t" r="r" b="b"/>
            <a:pathLst>
              <a:path w="3244313" h="3240000">
                <a:moveTo>
                  <a:pt x="2055482" y="677891"/>
                </a:moveTo>
                <a:lnTo>
                  <a:pt x="2055482" y="209891"/>
                </a:lnTo>
                <a:lnTo>
                  <a:pt x="2919482" y="209891"/>
                </a:lnTo>
                <a:lnTo>
                  <a:pt x="2919482" y="677891"/>
                </a:lnTo>
                <a:close/>
                <a:moveTo>
                  <a:pt x="1695482" y="1397971"/>
                </a:moveTo>
                <a:lnTo>
                  <a:pt x="1695482" y="929971"/>
                </a:lnTo>
                <a:lnTo>
                  <a:pt x="2919482" y="929971"/>
                </a:lnTo>
                <a:lnTo>
                  <a:pt x="2919482" y="1397971"/>
                </a:lnTo>
                <a:close/>
                <a:moveTo>
                  <a:pt x="1335482" y="2118051"/>
                </a:moveTo>
                <a:lnTo>
                  <a:pt x="1335482" y="1650051"/>
                </a:lnTo>
                <a:lnTo>
                  <a:pt x="2919482" y="1650051"/>
                </a:lnTo>
                <a:lnTo>
                  <a:pt x="2919482" y="2118051"/>
                </a:lnTo>
                <a:close/>
                <a:moveTo>
                  <a:pt x="975482" y="2838131"/>
                </a:moveTo>
                <a:lnTo>
                  <a:pt x="975482" y="2370131"/>
                </a:lnTo>
                <a:lnTo>
                  <a:pt x="2919482" y="2370131"/>
                </a:lnTo>
                <a:lnTo>
                  <a:pt x="2919482" y="2838131"/>
                </a:lnTo>
                <a:close/>
                <a:moveTo>
                  <a:pt x="10788" y="2651034"/>
                </a:moveTo>
                <a:lnTo>
                  <a:pt x="1168116" y="646484"/>
                </a:lnTo>
                <a:lnTo>
                  <a:pt x="1038664" y="571745"/>
                </a:lnTo>
                <a:lnTo>
                  <a:pt x="1533856" y="311959"/>
                </a:lnTo>
                <a:lnTo>
                  <a:pt x="1556471" y="870701"/>
                </a:lnTo>
                <a:lnTo>
                  <a:pt x="1427019" y="795962"/>
                </a:lnTo>
                <a:lnTo>
                  <a:pt x="269691" y="2800512"/>
                </a:lnTo>
                <a:close/>
                <a:moveTo>
                  <a:pt x="0" y="3240000"/>
                </a:moveTo>
                <a:lnTo>
                  <a:pt x="0" y="3060000"/>
                </a:lnTo>
                <a:lnTo>
                  <a:pt x="3064313" y="3060000"/>
                </a:lnTo>
                <a:lnTo>
                  <a:pt x="3064313" y="0"/>
                </a:lnTo>
                <a:lnTo>
                  <a:pt x="3244313" y="0"/>
                </a:lnTo>
                <a:lnTo>
                  <a:pt x="3244313" y="3240000"/>
                </a:lnTo>
                <a:lnTo>
                  <a:pt x="3240000" y="3240000"/>
                </a:lnTo>
                <a:lnTo>
                  <a:pt x="3064313" y="3240000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3" name="Pie 24">
            <a:extLst>
              <a:ext uri="{FF2B5EF4-FFF2-40B4-BE49-F238E27FC236}">
                <a16:creationId xmlns:a16="http://schemas.microsoft.com/office/drawing/2014/main" id="{DB38F196-AF37-4B00-AA3E-183F9372FBAD}"/>
              </a:ext>
            </a:extLst>
          </p:cNvPr>
          <p:cNvSpPr/>
          <p:nvPr/>
        </p:nvSpPr>
        <p:spPr>
          <a:xfrm>
            <a:off x="6809927" y="4618984"/>
            <a:ext cx="513183" cy="510342"/>
          </a:xfrm>
          <a:custGeom>
            <a:avLst/>
            <a:gdLst/>
            <a:ahLst/>
            <a:cxnLst/>
            <a:rect l="l" t="t" r="r" b="b"/>
            <a:pathLst>
              <a:path w="3228711" h="3210836">
                <a:moveTo>
                  <a:pt x="351626" y="695968"/>
                </a:moveTo>
                <a:lnTo>
                  <a:pt x="1548007" y="1678300"/>
                </a:lnTo>
                <a:lnTo>
                  <a:pt x="236194" y="2500159"/>
                </a:lnTo>
                <a:cubicBezTo>
                  <a:pt x="-116985" y="1936431"/>
                  <a:pt x="-70514" y="1210092"/>
                  <a:pt x="351626" y="695968"/>
                </a:cubicBezTo>
                <a:close/>
                <a:moveTo>
                  <a:pt x="1957429" y="262366"/>
                </a:moveTo>
                <a:cubicBezTo>
                  <a:pt x="2634256" y="359480"/>
                  <a:pt x="3156733" y="907132"/>
                  <a:pt x="3221913" y="1587776"/>
                </a:cubicBezTo>
                <a:cubicBezTo>
                  <a:pt x="3287093" y="2268421"/>
                  <a:pt x="2878048" y="2905277"/>
                  <a:pt x="2231953" y="3129078"/>
                </a:cubicBezTo>
                <a:cubicBezTo>
                  <a:pt x="1585858" y="3352879"/>
                  <a:pt x="870522" y="3105497"/>
                  <a:pt x="500715" y="2530372"/>
                </a:cubicBezTo>
                <a:lnTo>
                  <a:pt x="1746987" y="1729019"/>
                </a:lnTo>
                <a:close/>
                <a:moveTo>
                  <a:pt x="1604447" y="200"/>
                </a:moveTo>
                <a:cubicBezTo>
                  <a:pt x="1665125" y="-778"/>
                  <a:pt x="1726175" y="1809"/>
                  <a:pt x="1787307" y="8072"/>
                </a:cubicBezTo>
                <a:lnTo>
                  <a:pt x="1629532" y="1548011"/>
                </a:lnTo>
                <a:lnTo>
                  <a:pt x="483856" y="506987"/>
                </a:lnTo>
                <a:cubicBezTo>
                  <a:pt x="773141" y="188622"/>
                  <a:pt x="1179697" y="7051"/>
                  <a:pt x="1604447" y="200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64" name="Parallelogram 30">
            <a:extLst>
              <a:ext uri="{FF2B5EF4-FFF2-40B4-BE49-F238E27FC236}">
                <a16:creationId xmlns:a16="http://schemas.microsoft.com/office/drawing/2014/main" id="{07A9DF64-EAEC-4F98-A0C9-E2239CA0F425}"/>
              </a:ext>
            </a:extLst>
          </p:cNvPr>
          <p:cNvSpPr/>
          <p:nvPr/>
        </p:nvSpPr>
        <p:spPr>
          <a:xfrm flipH="1">
            <a:off x="11038458" y="2527766"/>
            <a:ext cx="514976" cy="516250"/>
          </a:xfrm>
          <a:custGeom>
            <a:avLst/>
            <a:gdLst/>
            <a:ahLst/>
            <a:cxnLst/>
            <a:rect l="l" t="t" r="r" b="b"/>
            <a:pathLst>
              <a:path w="3240000" h="3248012">
                <a:moveTo>
                  <a:pt x="712553" y="858820"/>
                </a:moveTo>
                <a:cubicBezTo>
                  <a:pt x="727950" y="858820"/>
                  <a:pt x="743348" y="864694"/>
                  <a:pt x="755096" y="876443"/>
                </a:cubicBezTo>
                <a:lnTo>
                  <a:pt x="1193671" y="1315016"/>
                </a:lnTo>
                <a:lnTo>
                  <a:pt x="1509169" y="999517"/>
                </a:lnTo>
                <a:cubicBezTo>
                  <a:pt x="1509517" y="999169"/>
                  <a:pt x="1509868" y="998827"/>
                  <a:pt x="1510414" y="998691"/>
                </a:cubicBezTo>
                <a:lnTo>
                  <a:pt x="1518932" y="988592"/>
                </a:lnTo>
                <a:cubicBezTo>
                  <a:pt x="1531945" y="978263"/>
                  <a:pt x="1547912" y="974188"/>
                  <a:pt x="1563209" y="975946"/>
                </a:cubicBezTo>
                <a:cubicBezTo>
                  <a:pt x="1578505" y="977705"/>
                  <a:pt x="1593131" y="985299"/>
                  <a:pt x="1603459" y="998313"/>
                </a:cubicBezTo>
                <a:lnTo>
                  <a:pt x="1892346" y="1362277"/>
                </a:lnTo>
                <a:lnTo>
                  <a:pt x="2149759" y="1177067"/>
                </a:lnTo>
                <a:lnTo>
                  <a:pt x="2151621" y="1174867"/>
                </a:lnTo>
                <a:cubicBezTo>
                  <a:pt x="2159033" y="1169006"/>
                  <a:pt x="2167397" y="1165168"/>
                  <a:pt x="2176160" y="1163802"/>
                </a:cubicBezTo>
                <a:cubicBezTo>
                  <a:pt x="2177188" y="1163485"/>
                  <a:pt x="2178237" y="1163269"/>
                  <a:pt x="2179375" y="1163558"/>
                </a:cubicBezTo>
                <a:cubicBezTo>
                  <a:pt x="2184768" y="1161771"/>
                  <a:pt x="2190389" y="1161654"/>
                  <a:pt x="2195921" y="1162300"/>
                </a:cubicBezTo>
                <a:cubicBezTo>
                  <a:pt x="2196662" y="1162386"/>
                  <a:pt x="2197402" y="1162487"/>
                  <a:pt x="2198081" y="1162987"/>
                </a:cubicBezTo>
                <a:cubicBezTo>
                  <a:pt x="2202197" y="1163290"/>
                  <a:pt x="2206218" y="1164270"/>
                  <a:pt x="2209739" y="1166702"/>
                </a:cubicBezTo>
                <a:cubicBezTo>
                  <a:pt x="2213116" y="1166857"/>
                  <a:pt x="2216051" y="1168231"/>
                  <a:pt x="2218766" y="1170038"/>
                </a:cubicBezTo>
                <a:cubicBezTo>
                  <a:pt x="2225342" y="1173160"/>
                  <a:pt x="2231151" y="1177875"/>
                  <a:pt x="2235489" y="1184194"/>
                </a:cubicBezTo>
                <a:lnTo>
                  <a:pt x="2236132" y="1184737"/>
                </a:lnTo>
                <a:lnTo>
                  <a:pt x="2236287" y="1184934"/>
                </a:lnTo>
                <a:lnTo>
                  <a:pt x="2238712" y="1187183"/>
                </a:lnTo>
                <a:cubicBezTo>
                  <a:pt x="2239115" y="1187744"/>
                  <a:pt x="2239507" y="1188310"/>
                  <a:pt x="2239574" y="1189090"/>
                </a:cubicBezTo>
                <a:lnTo>
                  <a:pt x="2540580" y="1569705"/>
                </a:lnTo>
                <a:cubicBezTo>
                  <a:pt x="2561191" y="1595768"/>
                  <a:pt x="2556772" y="1633604"/>
                  <a:pt x="2530710" y="1654215"/>
                </a:cubicBezTo>
                <a:cubicBezTo>
                  <a:pt x="2504647" y="1674827"/>
                  <a:pt x="2466811" y="1670408"/>
                  <a:pt x="2446199" y="1644345"/>
                </a:cubicBezTo>
                <a:lnTo>
                  <a:pt x="2177884" y="1305067"/>
                </a:lnTo>
                <a:lnTo>
                  <a:pt x="1934804" y="1479967"/>
                </a:lnTo>
                <a:cubicBezTo>
                  <a:pt x="1927367" y="1485317"/>
                  <a:pt x="1919123" y="1488726"/>
                  <a:pt x="1910598" y="1489881"/>
                </a:cubicBezTo>
                <a:cubicBezTo>
                  <a:pt x="1885257" y="1507791"/>
                  <a:pt x="1850121" y="1502627"/>
                  <a:pt x="1830495" y="1477903"/>
                </a:cubicBezTo>
                <a:lnTo>
                  <a:pt x="1551924" y="1126933"/>
                </a:lnTo>
                <a:lnTo>
                  <a:pt x="1239041" y="1439816"/>
                </a:lnTo>
                <a:cubicBezTo>
                  <a:pt x="1226569" y="1452288"/>
                  <a:pt x="1209983" y="1458139"/>
                  <a:pt x="1193674" y="1456888"/>
                </a:cubicBezTo>
                <a:cubicBezTo>
                  <a:pt x="1177363" y="1458142"/>
                  <a:pt x="1160774" y="1452290"/>
                  <a:pt x="1148301" y="1439816"/>
                </a:cubicBezTo>
                <a:lnTo>
                  <a:pt x="670011" y="961527"/>
                </a:lnTo>
                <a:cubicBezTo>
                  <a:pt x="646515" y="938031"/>
                  <a:pt x="646515" y="899938"/>
                  <a:pt x="670011" y="876442"/>
                </a:cubicBezTo>
                <a:cubicBezTo>
                  <a:pt x="681760" y="864694"/>
                  <a:pt x="697157" y="858820"/>
                  <a:pt x="712553" y="858820"/>
                </a:cubicBezTo>
                <a:close/>
                <a:moveTo>
                  <a:pt x="2790000" y="699581"/>
                </a:moveTo>
                <a:lnTo>
                  <a:pt x="450000" y="699581"/>
                </a:lnTo>
                <a:lnTo>
                  <a:pt x="450000" y="1851581"/>
                </a:lnTo>
                <a:lnTo>
                  <a:pt x="2790000" y="1851581"/>
                </a:lnTo>
                <a:close/>
                <a:moveTo>
                  <a:pt x="2987972" y="519497"/>
                </a:moveTo>
                <a:lnTo>
                  <a:pt x="2987972" y="2031665"/>
                </a:lnTo>
                <a:lnTo>
                  <a:pt x="252028" y="2031665"/>
                </a:lnTo>
                <a:lnTo>
                  <a:pt x="252028" y="519497"/>
                </a:lnTo>
                <a:close/>
                <a:moveTo>
                  <a:pt x="1620000" y="0"/>
                </a:moveTo>
                <a:cubicBezTo>
                  <a:pt x="1540462" y="0"/>
                  <a:pt x="1475984" y="64478"/>
                  <a:pt x="1475984" y="144016"/>
                </a:cubicBezTo>
                <a:lnTo>
                  <a:pt x="1475984" y="267469"/>
                </a:lnTo>
                <a:lnTo>
                  <a:pt x="0" y="267469"/>
                </a:lnTo>
                <a:lnTo>
                  <a:pt x="0" y="2283693"/>
                </a:lnTo>
                <a:lnTo>
                  <a:pt x="852101" y="2283693"/>
                </a:lnTo>
                <a:lnTo>
                  <a:pt x="323771" y="3248012"/>
                </a:lnTo>
                <a:lnTo>
                  <a:pt x="621526" y="3248012"/>
                </a:lnTo>
                <a:lnTo>
                  <a:pt x="1149856" y="2283693"/>
                </a:lnTo>
                <a:lnTo>
                  <a:pt x="2090146" y="2283693"/>
                </a:lnTo>
                <a:lnTo>
                  <a:pt x="2618476" y="3248012"/>
                </a:lnTo>
                <a:lnTo>
                  <a:pt x="2916231" y="3248012"/>
                </a:lnTo>
                <a:lnTo>
                  <a:pt x="2387901" y="2283693"/>
                </a:lnTo>
                <a:lnTo>
                  <a:pt x="3240000" y="2283693"/>
                </a:lnTo>
                <a:lnTo>
                  <a:pt x="3240000" y="267469"/>
                </a:lnTo>
                <a:lnTo>
                  <a:pt x="1764016" y="267469"/>
                </a:lnTo>
                <a:lnTo>
                  <a:pt x="1764016" y="144016"/>
                </a:lnTo>
                <a:cubicBezTo>
                  <a:pt x="1764016" y="64478"/>
                  <a:pt x="1699538" y="0"/>
                  <a:pt x="1620000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5" name="Block Arc 14">
            <a:extLst>
              <a:ext uri="{FF2B5EF4-FFF2-40B4-BE49-F238E27FC236}">
                <a16:creationId xmlns:a16="http://schemas.microsoft.com/office/drawing/2014/main" id="{F84CC100-88A8-4E3E-8091-D49E44C308ED}"/>
              </a:ext>
            </a:extLst>
          </p:cNvPr>
          <p:cNvSpPr/>
          <p:nvPr/>
        </p:nvSpPr>
        <p:spPr>
          <a:xfrm rot="16200000">
            <a:off x="8525358" y="1470612"/>
            <a:ext cx="567400" cy="567774"/>
          </a:xfrm>
          <a:custGeom>
            <a:avLst/>
            <a:gdLst/>
            <a:ahLst/>
            <a:cxnLst/>
            <a:rect l="l" t="t" r="r" b="b"/>
            <a:pathLst>
              <a:path w="3185463" h="3187558">
                <a:moveTo>
                  <a:pt x="764000" y="2343999"/>
                </a:moveTo>
                <a:cubicBezTo>
                  <a:pt x="566798" y="2256389"/>
                  <a:pt x="385374" y="2134753"/>
                  <a:pt x="230072" y="1981662"/>
                </a:cubicBezTo>
                <a:cubicBezTo>
                  <a:pt x="297001" y="2223876"/>
                  <a:pt x="428049" y="2439341"/>
                  <a:pt x="603989" y="2608945"/>
                </a:cubicBezTo>
                <a:cubicBezTo>
                  <a:pt x="667739" y="2525681"/>
                  <a:pt x="720588" y="2436567"/>
                  <a:pt x="764000" y="2343999"/>
                </a:cubicBezTo>
                <a:close/>
                <a:moveTo>
                  <a:pt x="783530" y="862903"/>
                </a:moveTo>
                <a:cubicBezTo>
                  <a:pt x="737619" y="760936"/>
                  <a:pt x="681240" y="662513"/>
                  <a:pt x="611676" y="571152"/>
                </a:cubicBezTo>
                <a:cubicBezTo>
                  <a:pt x="419218" y="754019"/>
                  <a:pt x="279227" y="991173"/>
                  <a:pt x="215545" y="1258034"/>
                </a:cubicBezTo>
                <a:cubicBezTo>
                  <a:pt x="378729" y="1090139"/>
                  <a:pt x="571934" y="956907"/>
                  <a:pt x="783530" y="862903"/>
                </a:cubicBezTo>
                <a:close/>
                <a:moveTo>
                  <a:pt x="935657" y="1673146"/>
                </a:moveTo>
                <a:lnTo>
                  <a:pt x="227023" y="1673146"/>
                </a:lnTo>
                <a:cubicBezTo>
                  <a:pt x="393068" y="1882941"/>
                  <a:pt x="605618" y="2045968"/>
                  <a:pt x="844267" y="2153109"/>
                </a:cubicBezTo>
                <a:cubicBezTo>
                  <a:pt x="897907" y="1997390"/>
                  <a:pt x="928862" y="1835739"/>
                  <a:pt x="935657" y="1673146"/>
                </a:cubicBezTo>
                <a:close/>
                <a:moveTo>
                  <a:pt x="935928" y="1493146"/>
                </a:moveTo>
                <a:cubicBezTo>
                  <a:pt x="928922" y="1345638"/>
                  <a:pt x="902278" y="1198995"/>
                  <a:pt x="856775" y="1056956"/>
                </a:cubicBezTo>
                <a:cubicBezTo>
                  <a:pt x="636768" y="1156959"/>
                  <a:pt x="439487" y="1304654"/>
                  <a:pt x="281464" y="1493146"/>
                </a:cubicBezTo>
                <a:close/>
                <a:moveTo>
                  <a:pt x="1469785" y="2515107"/>
                </a:moveTo>
                <a:cubicBezTo>
                  <a:pt x="1283000" y="2508124"/>
                  <a:pt x="1100523" y="2472287"/>
                  <a:pt x="927628" y="2411229"/>
                </a:cubicBezTo>
                <a:cubicBezTo>
                  <a:pt x="876831" y="2520843"/>
                  <a:pt x="814172" y="2626182"/>
                  <a:pt x="738220" y="2724387"/>
                </a:cubicBezTo>
                <a:cubicBezTo>
                  <a:pt x="944637" y="2881665"/>
                  <a:pt x="1196120" y="2982471"/>
                  <a:pt x="1469785" y="3005418"/>
                </a:cubicBezTo>
                <a:close/>
                <a:moveTo>
                  <a:pt x="1469785" y="1673146"/>
                </a:moveTo>
                <a:lnTo>
                  <a:pt x="1112275" y="1673146"/>
                </a:lnTo>
                <a:cubicBezTo>
                  <a:pt x="1105327" y="1858153"/>
                  <a:pt x="1070032" y="2042144"/>
                  <a:pt x="1008001" y="2219039"/>
                </a:cubicBezTo>
                <a:cubicBezTo>
                  <a:pt x="1155519" y="2270408"/>
                  <a:pt x="1310845" y="2300826"/>
                  <a:pt x="1469785" y="2307834"/>
                </a:cubicBezTo>
                <a:close/>
                <a:moveTo>
                  <a:pt x="1469785" y="898989"/>
                </a:moveTo>
                <a:cubicBezTo>
                  <a:pt x="1315103" y="907762"/>
                  <a:pt x="1164166" y="938783"/>
                  <a:pt x="1020939" y="990066"/>
                </a:cubicBezTo>
                <a:cubicBezTo>
                  <a:pt x="1074574" y="1153655"/>
                  <a:pt x="1105461" y="1322925"/>
                  <a:pt x="1112368" y="1493146"/>
                </a:cubicBezTo>
                <a:lnTo>
                  <a:pt x="1469785" y="1493146"/>
                </a:lnTo>
                <a:close/>
                <a:moveTo>
                  <a:pt x="1469785" y="182141"/>
                </a:moveTo>
                <a:cubicBezTo>
                  <a:pt x="1199839" y="204777"/>
                  <a:pt x="951477" y="303168"/>
                  <a:pt x="746615" y="456764"/>
                </a:cubicBezTo>
                <a:cubicBezTo>
                  <a:pt x="828296" y="562801"/>
                  <a:pt x="894225" y="677310"/>
                  <a:pt x="947434" y="796072"/>
                </a:cubicBezTo>
                <a:cubicBezTo>
                  <a:pt x="1113886" y="736067"/>
                  <a:pt x="1289644" y="700323"/>
                  <a:pt x="1469785" y="691530"/>
                </a:cubicBezTo>
                <a:close/>
                <a:moveTo>
                  <a:pt x="2150063" y="992171"/>
                </a:moveTo>
                <a:cubicBezTo>
                  <a:pt x="1990712" y="935501"/>
                  <a:pt x="1822242" y="902595"/>
                  <a:pt x="1649785" y="897224"/>
                </a:cubicBezTo>
                <a:lnTo>
                  <a:pt x="1649785" y="1493146"/>
                </a:lnTo>
                <a:lnTo>
                  <a:pt x="2063712" y="1493146"/>
                </a:lnTo>
                <a:cubicBezTo>
                  <a:pt x="2069089" y="1323887"/>
                  <a:pt x="2098366" y="1155330"/>
                  <a:pt x="2150063" y="992171"/>
                </a:cubicBezTo>
                <a:close/>
                <a:moveTo>
                  <a:pt x="2168848" y="2199110"/>
                </a:moveTo>
                <a:cubicBezTo>
                  <a:pt x="2108555" y="2028681"/>
                  <a:pt x="2073581" y="1851532"/>
                  <a:pt x="2065295" y="1673146"/>
                </a:cubicBezTo>
                <a:lnTo>
                  <a:pt x="1649785" y="1673146"/>
                </a:lnTo>
                <a:lnTo>
                  <a:pt x="1649785" y="2307299"/>
                </a:lnTo>
                <a:cubicBezTo>
                  <a:pt x="1829404" y="2299517"/>
                  <a:pt x="2004315" y="2261965"/>
                  <a:pt x="2168848" y="2199110"/>
                </a:cubicBezTo>
                <a:close/>
                <a:moveTo>
                  <a:pt x="2422394" y="446879"/>
                </a:moveTo>
                <a:cubicBezTo>
                  <a:pt x="2204309" y="287209"/>
                  <a:pt x="1938140" y="189883"/>
                  <a:pt x="1649785" y="178919"/>
                </a:cubicBezTo>
                <a:lnTo>
                  <a:pt x="1649785" y="689876"/>
                </a:lnTo>
                <a:cubicBezTo>
                  <a:pt x="1846998" y="695154"/>
                  <a:pt x="2039668" y="732502"/>
                  <a:pt x="2221721" y="797410"/>
                </a:cubicBezTo>
                <a:cubicBezTo>
                  <a:pt x="2275056" y="675360"/>
                  <a:pt x="2341760" y="557662"/>
                  <a:pt x="2422394" y="446879"/>
                </a:cubicBezTo>
                <a:close/>
                <a:moveTo>
                  <a:pt x="2447278" y="2722123"/>
                </a:moveTo>
                <a:cubicBezTo>
                  <a:pt x="2366121" y="2618714"/>
                  <a:pt x="2299534" y="2507403"/>
                  <a:pt x="2246145" y="2391362"/>
                </a:cubicBezTo>
                <a:cubicBezTo>
                  <a:pt x="2057375" y="2464119"/>
                  <a:pt x="1856285" y="2506958"/>
                  <a:pt x="1649785" y="2514779"/>
                </a:cubicBezTo>
                <a:lnTo>
                  <a:pt x="1649785" y="3008639"/>
                </a:lnTo>
                <a:cubicBezTo>
                  <a:pt x="1949198" y="2997255"/>
                  <a:pt x="2224691" y="2892757"/>
                  <a:pt x="2447278" y="2722123"/>
                </a:cubicBezTo>
                <a:close/>
                <a:moveTo>
                  <a:pt x="2878934" y="1493146"/>
                </a:moveTo>
                <a:cubicBezTo>
                  <a:pt x="2723190" y="1307255"/>
                  <a:pt x="2529440" y="1161128"/>
                  <a:pt x="2313862" y="1060620"/>
                </a:cubicBezTo>
                <a:cubicBezTo>
                  <a:pt x="2270535" y="1201714"/>
                  <a:pt x="2245604" y="1347104"/>
                  <a:pt x="2240109" y="1493146"/>
                </a:cubicBezTo>
                <a:close/>
                <a:moveTo>
                  <a:pt x="2890636" y="1673146"/>
                </a:moveTo>
                <a:lnTo>
                  <a:pt x="2241814" y="1673146"/>
                </a:lnTo>
                <a:cubicBezTo>
                  <a:pt x="2249736" y="1827102"/>
                  <a:pt x="2279520" y="1979973"/>
                  <a:pt x="2329964" y="2127513"/>
                </a:cubicBezTo>
                <a:cubicBezTo>
                  <a:pt x="2545677" y="2019923"/>
                  <a:pt x="2738160" y="1866413"/>
                  <a:pt x="2890636" y="1673146"/>
                </a:cubicBezTo>
                <a:close/>
                <a:moveTo>
                  <a:pt x="2973035" y="1284386"/>
                </a:moveTo>
                <a:cubicBezTo>
                  <a:pt x="2912066" y="1001840"/>
                  <a:pt x="2765308" y="751379"/>
                  <a:pt x="2561381" y="561108"/>
                </a:cubicBezTo>
                <a:cubicBezTo>
                  <a:pt x="2489321" y="656437"/>
                  <a:pt x="2431363" y="759225"/>
                  <a:pt x="2384553" y="865647"/>
                </a:cubicBezTo>
                <a:cubicBezTo>
                  <a:pt x="2604520" y="964977"/>
                  <a:pt x="2804622" y="1106677"/>
                  <a:pt x="2973035" y="1284386"/>
                </a:cubicBezTo>
                <a:close/>
                <a:moveTo>
                  <a:pt x="2974277" y="1897328"/>
                </a:moveTo>
                <a:cubicBezTo>
                  <a:pt x="2812488" y="2073933"/>
                  <a:pt x="2619878" y="2216690"/>
                  <a:pt x="2407486" y="2319665"/>
                </a:cubicBezTo>
                <a:cubicBezTo>
                  <a:pt x="2454169" y="2420503"/>
                  <a:pt x="2511856" y="2517376"/>
                  <a:pt x="2582047" y="2607468"/>
                </a:cubicBezTo>
                <a:cubicBezTo>
                  <a:pt x="2776399" y="2417974"/>
                  <a:pt x="2916061" y="2172750"/>
                  <a:pt x="2974277" y="1897328"/>
                </a:cubicBezTo>
                <a:close/>
                <a:moveTo>
                  <a:pt x="3185463" y="1593779"/>
                </a:moveTo>
                <a:cubicBezTo>
                  <a:pt x="3185463" y="2473999"/>
                  <a:pt x="2471904" y="3187558"/>
                  <a:pt x="1591684" y="3187558"/>
                </a:cubicBezTo>
                <a:cubicBezTo>
                  <a:pt x="738111" y="3187558"/>
                  <a:pt x="41261" y="2516549"/>
                  <a:pt x="1913" y="1673146"/>
                </a:cubicBezTo>
                <a:lnTo>
                  <a:pt x="0" y="1673146"/>
                </a:lnTo>
                <a:lnTo>
                  <a:pt x="0" y="1493146"/>
                </a:lnTo>
                <a:lnTo>
                  <a:pt x="2750" y="1493146"/>
                </a:lnTo>
                <a:cubicBezTo>
                  <a:pt x="50490" y="700174"/>
                  <a:pt x="679654" y="64473"/>
                  <a:pt x="1469785" y="6156"/>
                </a:cubicBezTo>
                <a:lnTo>
                  <a:pt x="1469785" y="0"/>
                </a:lnTo>
                <a:lnTo>
                  <a:pt x="1591684" y="0"/>
                </a:lnTo>
                <a:lnTo>
                  <a:pt x="1649785" y="0"/>
                </a:lnTo>
                <a:lnTo>
                  <a:pt x="1649785" y="2934"/>
                </a:lnTo>
                <a:cubicBezTo>
                  <a:pt x="2503127" y="31654"/>
                  <a:pt x="3185463" y="733032"/>
                  <a:pt x="3185463" y="1593779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66" name="Block Arc 41">
            <a:extLst>
              <a:ext uri="{FF2B5EF4-FFF2-40B4-BE49-F238E27FC236}">
                <a16:creationId xmlns:a16="http://schemas.microsoft.com/office/drawing/2014/main" id="{39949893-05ED-44C7-999C-84CE9B52D118}"/>
              </a:ext>
            </a:extLst>
          </p:cNvPr>
          <p:cNvSpPr/>
          <p:nvPr/>
        </p:nvSpPr>
        <p:spPr>
          <a:xfrm>
            <a:off x="9408551" y="1424302"/>
            <a:ext cx="473301" cy="660394"/>
          </a:xfrm>
          <a:custGeom>
            <a:avLst/>
            <a:gdLst/>
            <a:ahLst/>
            <a:cxnLst/>
            <a:rect l="l" t="t" r="r" b="b"/>
            <a:pathLst>
              <a:path w="2512265" h="3505352">
                <a:moveTo>
                  <a:pt x="1276582" y="2106401"/>
                </a:moveTo>
                <a:cubicBezTo>
                  <a:pt x="1154832" y="2195007"/>
                  <a:pt x="1018024" y="2262207"/>
                  <a:pt x="871321" y="2302645"/>
                </a:cubicBezTo>
                <a:cubicBezTo>
                  <a:pt x="1041049" y="2346709"/>
                  <a:pt x="1216984" y="2342691"/>
                  <a:pt x="1380867" y="2295542"/>
                </a:cubicBezTo>
                <a:cubicBezTo>
                  <a:pt x="1352791" y="2227964"/>
                  <a:pt x="1317377" y="2164934"/>
                  <a:pt x="1276582" y="2106401"/>
                </a:cubicBezTo>
                <a:close/>
                <a:moveTo>
                  <a:pt x="931061" y="1768598"/>
                </a:moveTo>
                <a:lnTo>
                  <a:pt x="785084" y="2021438"/>
                </a:lnTo>
                <a:lnTo>
                  <a:pt x="684448" y="2196711"/>
                </a:lnTo>
                <a:cubicBezTo>
                  <a:pt x="868931" y="2169533"/>
                  <a:pt x="1041385" y="2098006"/>
                  <a:pt x="1189228" y="1991290"/>
                </a:cubicBezTo>
                <a:cubicBezTo>
                  <a:pt x="1113839" y="1904543"/>
                  <a:pt x="1026949" y="1829435"/>
                  <a:pt x="931061" y="1768598"/>
                </a:cubicBezTo>
                <a:close/>
                <a:moveTo>
                  <a:pt x="1626242" y="1739577"/>
                </a:moveTo>
                <a:cubicBezTo>
                  <a:pt x="1556851" y="1850020"/>
                  <a:pt x="1471526" y="1947792"/>
                  <a:pt x="1374302" y="2030973"/>
                </a:cubicBezTo>
                <a:cubicBezTo>
                  <a:pt x="1422822" y="2099916"/>
                  <a:pt x="1464618" y="2174537"/>
                  <a:pt x="1497466" y="2254701"/>
                </a:cubicBezTo>
                <a:cubicBezTo>
                  <a:pt x="1664534" y="2184833"/>
                  <a:pt x="1813198" y="2068027"/>
                  <a:pt x="1922549" y="1910651"/>
                </a:cubicBezTo>
                <a:close/>
                <a:moveTo>
                  <a:pt x="531158" y="1601275"/>
                </a:moveTo>
                <a:cubicBezTo>
                  <a:pt x="514831" y="1769123"/>
                  <a:pt x="535254" y="1939877"/>
                  <a:pt x="594029" y="2101141"/>
                </a:cubicBezTo>
                <a:lnTo>
                  <a:pt x="822377" y="1705631"/>
                </a:lnTo>
                <a:cubicBezTo>
                  <a:pt x="730789" y="1658398"/>
                  <a:pt x="632873" y="1623335"/>
                  <a:pt x="531158" y="1601275"/>
                </a:cubicBezTo>
                <a:close/>
                <a:moveTo>
                  <a:pt x="270885" y="1572115"/>
                </a:moveTo>
                <a:cubicBezTo>
                  <a:pt x="231457" y="1572339"/>
                  <a:pt x="191799" y="1574812"/>
                  <a:pt x="152057" y="1579894"/>
                </a:cubicBezTo>
                <a:cubicBezTo>
                  <a:pt x="195418" y="1760005"/>
                  <a:pt x="289893" y="1927350"/>
                  <a:pt x="428945" y="2058945"/>
                </a:cubicBezTo>
                <a:cubicBezTo>
                  <a:pt x="384418" y="1901749"/>
                  <a:pt x="371313" y="1738504"/>
                  <a:pt x="388331" y="1577832"/>
                </a:cubicBezTo>
                <a:cubicBezTo>
                  <a:pt x="349511" y="1573916"/>
                  <a:pt x="310313" y="1571891"/>
                  <a:pt x="270885" y="1572115"/>
                </a:cubicBezTo>
                <a:close/>
                <a:moveTo>
                  <a:pt x="1117422" y="1445810"/>
                </a:moveTo>
                <a:lnTo>
                  <a:pt x="992684" y="1661863"/>
                </a:lnTo>
                <a:cubicBezTo>
                  <a:pt x="1102065" y="1730612"/>
                  <a:pt x="1200940" y="1816138"/>
                  <a:pt x="1286200" y="1915345"/>
                </a:cubicBezTo>
                <a:cubicBezTo>
                  <a:pt x="1368713" y="1844119"/>
                  <a:pt x="1441290" y="1760865"/>
                  <a:pt x="1500981" y="1667258"/>
                </a:cubicBezTo>
                <a:close/>
                <a:moveTo>
                  <a:pt x="2092402" y="1221082"/>
                </a:moveTo>
                <a:cubicBezTo>
                  <a:pt x="2001593" y="1234047"/>
                  <a:pt x="1911092" y="1235450"/>
                  <a:pt x="1822337" y="1227227"/>
                </a:cubicBezTo>
                <a:cubicBezTo>
                  <a:pt x="1800443" y="1366691"/>
                  <a:pt x="1756170" y="1503162"/>
                  <a:pt x="1688847" y="1630684"/>
                </a:cubicBezTo>
                <a:lnTo>
                  <a:pt x="1987299" y="1802996"/>
                </a:lnTo>
                <a:cubicBezTo>
                  <a:pt x="2084887" y="1618081"/>
                  <a:pt x="2117858" y="1415133"/>
                  <a:pt x="2092402" y="1221082"/>
                </a:cubicBezTo>
                <a:close/>
                <a:moveTo>
                  <a:pt x="649579" y="1175701"/>
                </a:moveTo>
                <a:cubicBezTo>
                  <a:pt x="600911" y="1272240"/>
                  <a:pt x="566994" y="1374279"/>
                  <a:pt x="548013" y="1478728"/>
                </a:cubicBezTo>
                <a:cubicBezTo>
                  <a:pt x="665588" y="1503392"/>
                  <a:pt x="778659" y="1543786"/>
                  <a:pt x="883938" y="1599004"/>
                </a:cubicBezTo>
                <a:lnTo>
                  <a:pt x="1008644" y="1383007"/>
                </a:lnTo>
                <a:close/>
                <a:moveTo>
                  <a:pt x="1325201" y="1085928"/>
                </a:moveTo>
                <a:lnTo>
                  <a:pt x="1180226" y="1337032"/>
                </a:lnTo>
                <a:lnTo>
                  <a:pt x="1563461" y="1558293"/>
                </a:lnTo>
                <a:cubicBezTo>
                  <a:pt x="1621429" y="1447029"/>
                  <a:pt x="1659763" y="1328223"/>
                  <a:pt x="1679185" y="1206861"/>
                </a:cubicBezTo>
                <a:cubicBezTo>
                  <a:pt x="1555153" y="1183834"/>
                  <a:pt x="1435895" y="1143161"/>
                  <a:pt x="1325201" y="1085928"/>
                </a:cubicBezTo>
                <a:close/>
                <a:moveTo>
                  <a:pt x="216369" y="925587"/>
                </a:moveTo>
                <a:cubicBezTo>
                  <a:pt x="135862" y="1096620"/>
                  <a:pt x="108667" y="1281041"/>
                  <a:pt x="130011" y="1458436"/>
                </a:cubicBezTo>
                <a:cubicBezTo>
                  <a:pt x="222591" y="1446071"/>
                  <a:pt x="314795" y="1446181"/>
                  <a:pt x="405131" y="1455463"/>
                </a:cubicBezTo>
                <a:cubicBezTo>
                  <a:pt x="426945" y="1333935"/>
                  <a:pt x="466667" y="1215249"/>
                  <a:pt x="524206" y="1103317"/>
                </a:cubicBezTo>
                <a:close/>
                <a:moveTo>
                  <a:pt x="943246" y="797103"/>
                </a:moveTo>
                <a:cubicBezTo>
                  <a:pt x="853400" y="873630"/>
                  <a:pt x="774733" y="963960"/>
                  <a:pt x="711316" y="1066306"/>
                </a:cubicBezTo>
                <a:lnTo>
                  <a:pt x="1071447" y="1274228"/>
                </a:lnTo>
                <a:lnTo>
                  <a:pt x="1215869" y="1024081"/>
                </a:lnTo>
                <a:cubicBezTo>
                  <a:pt x="1115458" y="961776"/>
                  <a:pt x="1023809" y="885272"/>
                  <a:pt x="943246" y="797103"/>
                </a:cubicBezTo>
                <a:close/>
                <a:moveTo>
                  <a:pt x="1777831" y="614825"/>
                </a:moveTo>
                <a:cubicBezTo>
                  <a:pt x="1828108" y="774217"/>
                  <a:pt x="1847177" y="940426"/>
                  <a:pt x="1835302" y="1104709"/>
                </a:cubicBezTo>
                <a:cubicBezTo>
                  <a:pt x="1912529" y="1111680"/>
                  <a:pt x="1991200" y="1110618"/>
                  <a:pt x="2070135" y="1099634"/>
                </a:cubicBezTo>
                <a:cubicBezTo>
                  <a:pt x="2023430" y="916066"/>
                  <a:pt x="1923963" y="746103"/>
                  <a:pt x="1777831" y="614825"/>
                </a:cubicBezTo>
                <a:close/>
                <a:moveTo>
                  <a:pt x="1613169" y="587153"/>
                </a:moveTo>
                <a:lnTo>
                  <a:pt x="1386789" y="979253"/>
                </a:lnTo>
                <a:cubicBezTo>
                  <a:pt x="1482593" y="1028182"/>
                  <a:pt x="1585369" y="1063521"/>
                  <a:pt x="1692132" y="1084514"/>
                </a:cubicBezTo>
                <a:cubicBezTo>
                  <a:pt x="1702376" y="916614"/>
                  <a:pt x="1676765" y="746730"/>
                  <a:pt x="1613169" y="587153"/>
                </a:cubicBezTo>
                <a:close/>
                <a:moveTo>
                  <a:pt x="1500307" y="531421"/>
                </a:moveTo>
                <a:cubicBezTo>
                  <a:pt x="1333628" y="560682"/>
                  <a:pt x="1177718" y="626786"/>
                  <a:pt x="1041762" y="721997"/>
                </a:cubicBezTo>
                <a:cubicBezTo>
                  <a:pt x="1111912" y="797410"/>
                  <a:pt x="1191076" y="863204"/>
                  <a:pt x="1277416" y="917480"/>
                </a:cubicBezTo>
                <a:close/>
                <a:moveTo>
                  <a:pt x="708730" y="442269"/>
                </a:moveTo>
                <a:cubicBezTo>
                  <a:pt x="536145" y="518354"/>
                  <a:pt x="384460" y="645249"/>
                  <a:pt x="277225" y="815684"/>
                </a:cubicBezTo>
                <a:lnTo>
                  <a:pt x="586010" y="993961"/>
                </a:lnTo>
                <a:cubicBezTo>
                  <a:pt x="658009" y="876621"/>
                  <a:pt x="747803" y="773217"/>
                  <a:pt x="850548" y="685844"/>
                </a:cubicBezTo>
                <a:cubicBezTo>
                  <a:pt x="795399" y="611028"/>
                  <a:pt x="747545" y="529652"/>
                  <a:pt x="708730" y="442269"/>
                </a:cubicBezTo>
                <a:close/>
                <a:moveTo>
                  <a:pt x="1114411" y="355452"/>
                </a:moveTo>
                <a:cubicBezTo>
                  <a:pt x="1016499" y="355167"/>
                  <a:pt x="919324" y="369705"/>
                  <a:pt x="826255" y="398131"/>
                </a:cubicBezTo>
                <a:cubicBezTo>
                  <a:pt x="858722" y="474940"/>
                  <a:pt x="900618" y="545829"/>
                  <a:pt x="948599" y="611249"/>
                </a:cubicBezTo>
                <a:cubicBezTo>
                  <a:pt x="1085375" y="512974"/>
                  <a:pt x="1240825" y="441488"/>
                  <a:pt x="1406980" y="401715"/>
                </a:cubicBezTo>
                <a:cubicBezTo>
                  <a:pt x="1310969" y="370847"/>
                  <a:pt x="1212322" y="355738"/>
                  <a:pt x="1114411" y="355452"/>
                </a:cubicBezTo>
                <a:close/>
                <a:moveTo>
                  <a:pt x="1776283" y="295101"/>
                </a:moveTo>
                <a:lnTo>
                  <a:pt x="1710896" y="408983"/>
                </a:lnTo>
                <a:cubicBezTo>
                  <a:pt x="2209777" y="726145"/>
                  <a:pt x="2373723" y="1383396"/>
                  <a:pt x="2075153" y="1900534"/>
                </a:cubicBezTo>
                <a:cubicBezTo>
                  <a:pt x="1777480" y="2416119"/>
                  <a:pt x="1129323" y="2603192"/>
                  <a:pt x="606057" y="2333243"/>
                </a:cubicBezTo>
                <a:lnTo>
                  <a:pt x="534769" y="2457402"/>
                </a:lnTo>
                <a:cubicBezTo>
                  <a:pt x="1115347" y="2755664"/>
                  <a:pt x="1834151" y="2554240"/>
                  <a:pt x="2173557" y="1987198"/>
                </a:cubicBezTo>
                <a:cubicBezTo>
                  <a:pt x="2520801" y="1407062"/>
                  <a:pt x="2343129" y="657734"/>
                  <a:pt x="1776283" y="295101"/>
                </a:cubicBezTo>
                <a:close/>
                <a:moveTo>
                  <a:pt x="1831804" y="0"/>
                </a:moveTo>
                <a:cubicBezTo>
                  <a:pt x="1881515" y="0"/>
                  <a:pt x="1921814" y="40299"/>
                  <a:pt x="1921814" y="90010"/>
                </a:cubicBezTo>
                <a:cubicBezTo>
                  <a:pt x="1921814" y="123853"/>
                  <a:pt x="1903137" y="153333"/>
                  <a:pt x="1874873" y="167531"/>
                </a:cubicBezTo>
                <a:cubicBezTo>
                  <a:pt x="2505724" y="579432"/>
                  <a:pt x="2701456" y="1419035"/>
                  <a:pt x="2311836" y="2069966"/>
                </a:cubicBezTo>
                <a:cubicBezTo>
                  <a:pt x="2067801" y="2477672"/>
                  <a:pt x="1650037" y="2717958"/>
                  <a:pt x="1209422" y="2750781"/>
                </a:cubicBezTo>
                <a:lnTo>
                  <a:pt x="1209422" y="3191198"/>
                </a:lnTo>
                <a:cubicBezTo>
                  <a:pt x="1228953" y="3190691"/>
                  <a:pt x="1248332" y="3191937"/>
                  <a:pt x="1267595" y="3193449"/>
                </a:cubicBezTo>
                <a:cubicBezTo>
                  <a:pt x="1660899" y="3224325"/>
                  <a:pt x="1926978" y="3358049"/>
                  <a:pt x="1884661" y="3503570"/>
                </a:cubicBezTo>
                <a:lnTo>
                  <a:pt x="318693" y="3505352"/>
                </a:lnTo>
                <a:cubicBezTo>
                  <a:pt x="273700" y="3359367"/>
                  <a:pt x="539657" y="3224666"/>
                  <a:pt x="934393" y="3193515"/>
                </a:cubicBezTo>
                <a:lnTo>
                  <a:pt x="993398" y="3191208"/>
                </a:lnTo>
                <a:lnTo>
                  <a:pt x="993398" y="2750894"/>
                </a:lnTo>
                <a:cubicBezTo>
                  <a:pt x="812915" y="2737642"/>
                  <a:pt x="632784" y="2688481"/>
                  <a:pt x="463078" y="2601537"/>
                </a:cubicBezTo>
                <a:cubicBezTo>
                  <a:pt x="463677" y="2602537"/>
                  <a:pt x="463694" y="2603560"/>
                  <a:pt x="463694" y="2604587"/>
                </a:cubicBezTo>
                <a:cubicBezTo>
                  <a:pt x="463694" y="2654298"/>
                  <a:pt x="423395" y="2694597"/>
                  <a:pt x="373684" y="2694597"/>
                </a:cubicBezTo>
                <a:cubicBezTo>
                  <a:pt x="323973" y="2694597"/>
                  <a:pt x="283674" y="2654298"/>
                  <a:pt x="283674" y="2604587"/>
                </a:cubicBezTo>
                <a:cubicBezTo>
                  <a:pt x="283674" y="2554876"/>
                  <a:pt x="323973" y="2514577"/>
                  <a:pt x="373684" y="2514577"/>
                </a:cubicBezTo>
                <a:lnTo>
                  <a:pt x="377019" y="2515250"/>
                </a:lnTo>
                <a:lnTo>
                  <a:pt x="511820" y="2280472"/>
                </a:lnTo>
                <a:lnTo>
                  <a:pt x="495824" y="2271237"/>
                </a:lnTo>
                <a:lnTo>
                  <a:pt x="496783" y="2269575"/>
                </a:lnTo>
                <a:cubicBezTo>
                  <a:pt x="34226" y="1964050"/>
                  <a:pt x="-130424" y="1362029"/>
                  <a:pt x="110016" y="864184"/>
                </a:cubicBezTo>
                <a:lnTo>
                  <a:pt x="106296" y="862036"/>
                </a:lnTo>
                <a:lnTo>
                  <a:pt x="148828" y="788370"/>
                </a:lnTo>
                <a:lnTo>
                  <a:pt x="169099" y="753258"/>
                </a:lnTo>
                <a:lnTo>
                  <a:pt x="170873" y="754281"/>
                </a:lnTo>
                <a:cubicBezTo>
                  <a:pt x="475914" y="264737"/>
                  <a:pt x="1106018" y="92008"/>
                  <a:pt x="1617242" y="355196"/>
                </a:cubicBezTo>
                <a:lnTo>
                  <a:pt x="1748044" y="127384"/>
                </a:lnTo>
                <a:lnTo>
                  <a:pt x="1751959" y="129632"/>
                </a:lnTo>
                <a:cubicBezTo>
                  <a:pt x="1745165" y="117975"/>
                  <a:pt x="1741794" y="104386"/>
                  <a:pt x="1741794" y="90010"/>
                </a:cubicBezTo>
                <a:cubicBezTo>
                  <a:pt x="1741794" y="40299"/>
                  <a:pt x="1782093" y="0"/>
                  <a:pt x="1831804" y="0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67" name="Right Triangle 17">
            <a:extLst>
              <a:ext uri="{FF2B5EF4-FFF2-40B4-BE49-F238E27FC236}">
                <a16:creationId xmlns:a16="http://schemas.microsoft.com/office/drawing/2014/main" id="{6ADCC979-BA1C-4251-B6F5-CE5AA2B72FD0}"/>
              </a:ext>
            </a:extLst>
          </p:cNvPr>
          <p:cNvSpPr/>
          <p:nvPr/>
        </p:nvSpPr>
        <p:spPr>
          <a:xfrm>
            <a:off x="7705746" y="4600959"/>
            <a:ext cx="385790" cy="546392"/>
          </a:xfrm>
          <a:custGeom>
            <a:avLst/>
            <a:gdLst/>
            <a:ahLst/>
            <a:cxnLst/>
            <a:rect l="l" t="t" r="r" b="b"/>
            <a:pathLst>
              <a:path w="2387678" h="3240000">
                <a:moveTo>
                  <a:pt x="1645041" y="17032"/>
                </a:moveTo>
                <a:lnTo>
                  <a:pt x="2376264" y="17032"/>
                </a:lnTo>
                <a:lnTo>
                  <a:pt x="2376264" y="17033"/>
                </a:lnTo>
                <a:lnTo>
                  <a:pt x="1645042" y="17033"/>
                </a:lnTo>
                <a:close/>
                <a:moveTo>
                  <a:pt x="0" y="17032"/>
                </a:moveTo>
                <a:lnTo>
                  <a:pt x="1379678" y="17032"/>
                </a:lnTo>
                <a:lnTo>
                  <a:pt x="1379678" y="996125"/>
                </a:lnTo>
                <a:lnTo>
                  <a:pt x="2376264" y="996125"/>
                </a:lnTo>
                <a:lnTo>
                  <a:pt x="2376264" y="3240000"/>
                </a:lnTo>
                <a:lnTo>
                  <a:pt x="0" y="3240000"/>
                </a:lnTo>
                <a:close/>
                <a:moveTo>
                  <a:pt x="1498869" y="0"/>
                </a:moveTo>
                <a:lnTo>
                  <a:pt x="2387678" y="888809"/>
                </a:lnTo>
                <a:lnTo>
                  <a:pt x="1498869" y="888809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8" name="Oval 27">
            <a:extLst>
              <a:ext uri="{FF2B5EF4-FFF2-40B4-BE49-F238E27FC236}">
                <a16:creationId xmlns:a16="http://schemas.microsoft.com/office/drawing/2014/main" id="{7DB6E0EE-B33A-443E-887E-C319F0DAF534}"/>
              </a:ext>
            </a:extLst>
          </p:cNvPr>
          <p:cNvSpPr/>
          <p:nvPr/>
        </p:nvSpPr>
        <p:spPr>
          <a:xfrm>
            <a:off x="4418496" y="5469184"/>
            <a:ext cx="409732" cy="779216"/>
          </a:xfrm>
          <a:custGeom>
            <a:avLst/>
            <a:gdLst/>
            <a:ahLst/>
            <a:cxnLst/>
            <a:rect l="l" t="t" r="r" b="b"/>
            <a:pathLst>
              <a:path w="1703664" h="3240001">
                <a:moveTo>
                  <a:pt x="952533" y="2024463"/>
                </a:moveTo>
                <a:lnTo>
                  <a:pt x="856710" y="2024464"/>
                </a:lnTo>
                <a:lnTo>
                  <a:pt x="649879" y="2143878"/>
                </a:lnTo>
                <a:lnTo>
                  <a:pt x="728753" y="2280491"/>
                </a:lnTo>
                <a:lnTo>
                  <a:pt x="800462" y="2239090"/>
                </a:lnTo>
                <a:lnTo>
                  <a:pt x="800462" y="2476837"/>
                </a:lnTo>
                <a:lnTo>
                  <a:pt x="649878" y="2476837"/>
                </a:lnTo>
                <a:lnTo>
                  <a:pt x="649878" y="2634602"/>
                </a:lnTo>
                <a:lnTo>
                  <a:pt x="1067658" y="2634602"/>
                </a:lnTo>
                <a:lnTo>
                  <a:pt x="1067657" y="2476837"/>
                </a:lnTo>
                <a:lnTo>
                  <a:pt x="952532" y="2476837"/>
                </a:lnTo>
                <a:lnTo>
                  <a:pt x="952532" y="2151292"/>
                </a:lnTo>
                <a:lnTo>
                  <a:pt x="952534" y="2151291"/>
                </a:lnTo>
                <a:close/>
                <a:moveTo>
                  <a:pt x="851832" y="1776101"/>
                </a:moveTo>
                <a:cubicBezTo>
                  <a:pt x="1189868" y="1776101"/>
                  <a:pt x="1463900" y="2050133"/>
                  <a:pt x="1463900" y="2388169"/>
                </a:cubicBezTo>
                <a:cubicBezTo>
                  <a:pt x="1463900" y="2726205"/>
                  <a:pt x="1189868" y="3000237"/>
                  <a:pt x="851832" y="3000237"/>
                </a:cubicBezTo>
                <a:cubicBezTo>
                  <a:pt x="513796" y="3000237"/>
                  <a:pt x="239764" y="2726205"/>
                  <a:pt x="239764" y="2388169"/>
                </a:cubicBezTo>
                <a:cubicBezTo>
                  <a:pt x="239764" y="2050133"/>
                  <a:pt x="513796" y="1776101"/>
                  <a:pt x="851832" y="1776101"/>
                </a:cubicBezTo>
                <a:close/>
                <a:moveTo>
                  <a:pt x="851832" y="1689019"/>
                </a:moveTo>
                <a:cubicBezTo>
                  <a:pt x="465702" y="1689019"/>
                  <a:pt x="152682" y="2002039"/>
                  <a:pt x="152682" y="2388169"/>
                </a:cubicBezTo>
                <a:cubicBezTo>
                  <a:pt x="152682" y="2774299"/>
                  <a:pt x="465702" y="3087319"/>
                  <a:pt x="851832" y="3087319"/>
                </a:cubicBezTo>
                <a:cubicBezTo>
                  <a:pt x="1237962" y="3087319"/>
                  <a:pt x="1550982" y="2774299"/>
                  <a:pt x="1550982" y="2388169"/>
                </a:cubicBezTo>
                <a:cubicBezTo>
                  <a:pt x="1550982" y="2002039"/>
                  <a:pt x="1237962" y="1689019"/>
                  <a:pt x="851832" y="1689019"/>
                </a:cubicBezTo>
                <a:close/>
                <a:moveTo>
                  <a:pt x="851832" y="1536337"/>
                </a:moveTo>
                <a:cubicBezTo>
                  <a:pt x="1322286" y="1536337"/>
                  <a:pt x="1703664" y="1917715"/>
                  <a:pt x="1703664" y="2388169"/>
                </a:cubicBezTo>
                <a:cubicBezTo>
                  <a:pt x="1703664" y="2858623"/>
                  <a:pt x="1322286" y="3240001"/>
                  <a:pt x="851832" y="3240001"/>
                </a:cubicBezTo>
                <a:cubicBezTo>
                  <a:pt x="381378" y="3240001"/>
                  <a:pt x="0" y="2858623"/>
                  <a:pt x="0" y="2388169"/>
                </a:cubicBezTo>
                <a:cubicBezTo>
                  <a:pt x="0" y="1917715"/>
                  <a:pt x="381378" y="1536337"/>
                  <a:pt x="851832" y="1536337"/>
                </a:cubicBezTo>
                <a:close/>
                <a:moveTo>
                  <a:pt x="1173126" y="1"/>
                </a:moveTo>
                <a:lnTo>
                  <a:pt x="1383673" y="1"/>
                </a:lnTo>
                <a:lnTo>
                  <a:pt x="1383673" y="954514"/>
                </a:lnTo>
                <a:lnTo>
                  <a:pt x="1173126" y="1187717"/>
                </a:lnTo>
                <a:close/>
                <a:moveTo>
                  <a:pt x="619488" y="0"/>
                </a:moveTo>
                <a:lnTo>
                  <a:pt x="1099698" y="0"/>
                </a:lnTo>
                <a:lnTo>
                  <a:pt x="1099698" y="1265464"/>
                </a:lnTo>
                <a:lnTo>
                  <a:pt x="859593" y="1532640"/>
                </a:lnTo>
                <a:lnTo>
                  <a:pt x="619488" y="1265464"/>
                </a:lnTo>
                <a:close/>
                <a:moveTo>
                  <a:pt x="335512" y="0"/>
                </a:moveTo>
                <a:lnTo>
                  <a:pt x="546059" y="0"/>
                </a:lnTo>
                <a:lnTo>
                  <a:pt x="546059" y="1166181"/>
                </a:lnTo>
                <a:lnTo>
                  <a:pt x="335512" y="927455"/>
                </a:ln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9" name="Parallelogram 15">
            <a:extLst>
              <a:ext uri="{FF2B5EF4-FFF2-40B4-BE49-F238E27FC236}">
                <a16:creationId xmlns:a16="http://schemas.microsoft.com/office/drawing/2014/main" id="{24ABDD0B-564D-4579-ACF2-A3B23447A0E6}"/>
              </a:ext>
            </a:extLst>
          </p:cNvPr>
          <p:cNvSpPr/>
          <p:nvPr/>
        </p:nvSpPr>
        <p:spPr>
          <a:xfrm rot="16200000">
            <a:off x="8536863" y="3545131"/>
            <a:ext cx="598764" cy="648141"/>
          </a:xfrm>
          <a:custGeom>
            <a:avLst/>
            <a:gdLst/>
            <a:ahLst/>
            <a:cxnLst/>
            <a:rect l="l" t="t" r="r" b="b"/>
            <a:pathLst>
              <a:path w="2993176" h="3240001">
                <a:moveTo>
                  <a:pt x="1299907" y="647892"/>
                </a:moveTo>
                <a:lnTo>
                  <a:pt x="665509" y="1620000"/>
                </a:lnTo>
                <a:lnTo>
                  <a:pt x="1299907" y="2592108"/>
                </a:lnTo>
                <a:lnTo>
                  <a:pt x="634398" y="2592108"/>
                </a:lnTo>
                <a:lnTo>
                  <a:pt x="0" y="1620000"/>
                </a:lnTo>
                <a:lnTo>
                  <a:pt x="634398" y="647892"/>
                </a:lnTo>
                <a:close/>
                <a:moveTo>
                  <a:pt x="2993176" y="1620001"/>
                </a:moveTo>
                <a:lnTo>
                  <a:pt x="1913056" y="3240001"/>
                </a:lnTo>
                <a:lnTo>
                  <a:pt x="1782206" y="3043749"/>
                </a:lnTo>
                <a:lnTo>
                  <a:pt x="1110064" y="3043749"/>
                </a:lnTo>
                <a:cubicBezTo>
                  <a:pt x="1089036" y="3096599"/>
                  <a:pt x="1037333" y="3133759"/>
                  <a:pt x="976952" y="3133759"/>
                </a:cubicBezTo>
                <a:cubicBezTo>
                  <a:pt x="923853" y="3133759"/>
                  <a:pt x="877466" y="3105022"/>
                  <a:pt x="854540" y="3061058"/>
                </a:cubicBezTo>
                <a:lnTo>
                  <a:pt x="302383" y="3169763"/>
                </a:lnTo>
                <a:lnTo>
                  <a:pt x="302383" y="2809723"/>
                </a:lnTo>
                <a:lnTo>
                  <a:pt x="854540" y="2918427"/>
                </a:lnTo>
                <a:cubicBezTo>
                  <a:pt x="877466" y="2874463"/>
                  <a:pt x="923853" y="2845727"/>
                  <a:pt x="976952" y="2845727"/>
                </a:cubicBezTo>
                <a:cubicBezTo>
                  <a:pt x="1037333" y="2845727"/>
                  <a:pt x="1089036" y="2882887"/>
                  <a:pt x="1110064" y="2935737"/>
                </a:cubicBezTo>
                <a:lnTo>
                  <a:pt x="1710190" y="2935737"/>
                </a:lnTo>
                <a:lnTo>
                  <a:pt x="832936" y="1620001"/>
                </a:lnTo>
                <a:lnTo>
                  <a:pt x="1913056" y="0"/>
                </a:ln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0" name="Round Same Side Corner Rectangle 21">
            <a:extLst>
              <a:ext uri="{FF2B5EF4-FFF2-40B4-BE49-F238E27FC236}">
                <a16:creationId xmlns:a16="http://schemas.microsoft.com/office/drawing/2014/main" id="{A705FB8C-4E2D-4F93-8F3B-7B97C7830918}"/>
              </a:ext>
            </a:extLst>
          </p:cNvPr>
          <p:cNvSpPr/>
          <p:nvPr/>
        </p:nvSpPr>
        <p:spPr>
          <a:xfrm rot="10800000">
            <a:off x="9311063" y="2543932"/>
            <a:ext cx="386665" cy="436639"/>
          </a:xfrm>
          <a:custGeom>
            <a:avLst/>
            <a:gdLst/>
            <a:ahLst/>
            <a:cxnLst/>
            <a:rect l="l" t="t" r="r" b="b"/>
            <a:pathLst>
              <a:path w="2880320" h="3252576">
                <a:moveTo>
                  <a:pt x="612726" y="2220771"/>
                </a:moveTo>
                <a:cubicBezTo>
                  <a:pt x="662432" y="2220771"/>
                  <a:pt x="702726" y="2180477"/>
                  <a:pt x="702726" y="2130771"/>
                </a:cubicBezTo>
                <a:lnTo>
                  <a:pt x="702726" y="438771"/>
                </a:lnTo>
                <a:cubicBezTo>
                  <a:pt x="702726" y="389065"/>
                  <a:pt x="662432" y="348771"/>
                  <a:pt x="612726" y="348771"/>
                </a:cubicBezTo>
                <a:cubicBezTo>
                  <a:pt x="563020" y="348771"/>
                  <a:pt x="522726" y="389065"/>
                  <a:pt x="522726" y="438771"/>
                </a:cubicBezTo>
                <a:lnTo>
                  <a:pt x="522726" y="2130771"/>
                </a:lnTo>
                <a:cubicBezTo>
                  <a:pt x="522726" y="2180477"/>
                  <a:pt x="563020" y="2220771"/>
                  <a:pt x="612726" y="2220771"/>
                </a:cubicBezTo>
                <a:close/>
                <a:moveTo>
                  <a:pt x="1188790" y="2220771"/>
                </a:moveTo>
                <a:cubicBezTo>
                  <a:pt x="1238496" y="2220771"/>
                  <a:pt x="1278790" y="2180477"/>
                  <a:pt x="1278790" y="2130771"/>
                </a:cubicBezTo>
                <a:lnTo>
                  <a:pt x="1278790" y="438771"/>
                </a:lnTo>
                <a:cubicBezTo>
                  <a:pt x="1278790" y="389065"/>
                  <a:pt x="1238496" y="348771"/>
                  <a:pt x="1188790" y="348771"/>
                </a:cubicBezTo>
                <a:cubicBezTo>
                  <a:pt x="1139084" y="348771"/>
                  <a:pt x="1098790" y="389065"/>
                  <a:pt x="1098790" y="438771"/>
                </a:cubicBezTo>
                <a:lnTo>
                  <a:pt x="1098790" y="2130771"/>
                </a:lnTo>
                <a:cubicBezTo>
                  <a:pt x="1098790" y="2180477"/>
                  <a:pt x="1139084" y="2220771"/>
                  <a:pt x="1188790" y="2220771"/>
                </a:cubicBezTo>
                <a:close/>
                <a:moveTo>
                  <a:pt x="1764854" y="2220771"/>
                </a:moveTo>
                <a:cubicBezTo>
                  <a:pt x="1814560" y="2220771"/>
                  <a:pt x="1854854" y="2180477"/>
                  <a:pt x="1854854" y="2130771"/>
                </a:cubicBezTo>
                <a:lnTo>
                  <a:pt x="1854854" y="438771"/>
                </a:lnTo>
                <a:cubicBezTo>
                  <a:pt x="1854854" y="389065"/>
                  <a:pt x="1814560" y="348771"/>
                  <a:pt x="1764854" y="348771"/>
                </a:cubicBezTo>
                <a:cubicBezTo>
                  <a:pt x="1715148" y="348771"/>
                  <a:pt x="1674854" y="389065"/>
                  <a:pt x="1674854" y="438771"/>
                </a:cubicBezTo>
                <a:lnTo>
                  <a:pt x="1674854" y="2130771"/>
                </a:lnTo>
                <a:cubicBezTo>
                  <a:pt x="1674854" y="2180477"/>
                  <a:pt x="1715148" y="2220771"/>
                  <a:pt x="1764854" y="2220771"/>
                </a:cubicBezTo>
                <a:close/>
                <a:moveTo>
                  <a:pt x="2340918" y="2220771"/>
                </a:moveTo>
                <a:cubicBezTo>
                  <a:pt x="2390624" y="2220771"/>
                  <a:pt x="2430918" y="2180477"/>
                  <a:pt x="2430918" y="2130771"/>
                </a:cubicBezTo>
                <a:lnTo>
                  <a:pt x="2430918" y="438771"/>
                </a:lnTo>
                <a:cubicBezTo>
                  <a:pt x="2430918" y="389065"/>
                  <a:pt x="2390624" y="348771"/>
                  <a:pt x="2340918" y="348771"/>
                </a:cubicBezTo>
                <a:cubicBezTo>
                  <a:pt x="2291212" y="348771"/>
                  <a:pt x="2250918" y="389065"/>
                  <a:pt x="2250918" y="438771"/>
                </a:cubicBezTo>
                <a:lnTo>
                  <a:pt x="2250918" y="2130771"/>
                </a:lnTo>
                <a:cubicBezTo>
                  <a:pt x="2250918" y="2180477"/>
                  <a:pt x="2291212" y="2220771"/>
                  <a:pt x="2340918" y="2220771"/>
                </a:cubicBezTo>
                <a:close/>
                <a:moveTo>
                  <a:pt x="2784182" y="2519920"/>
                </a:moveTo>
                <a:lnTo>
                  <a:pt x="96136" y="2519920"/>
                </a:lnTo>
                <a:lnTo>
                  <a:pt x="96136" y="419995"/>
                </a:lnTo>
                <a:cubicBezTo>
                  <a:pt x="96136" y="188038"/>
                  <a:pt x="284174" y="0"/>
                  <a:pt x="516131" y="0"/>
                </a:cubicBezTo>
                <a:lnTo>
                  <a:pt x="2364187" y="0"/>
                </a:lnTo>
                <a:cubicBezTo>
                  <a:pt x="2596144" y="0"/>
                  <a:pt x="2784182" y="188038"/>
                  <a:pt x="2784182" y="419995"/>
                </a:cubicBezTo>
                <a:close/>
                <a:moveTo>
                  <a:pt x="1687966" y="3252576"/>
                </a:moveTo>
                <a:lnTo>
                  <a:pt x="1192350" y="3252576"/>
                </a:lnTo>
                <a:cubicBezTo>
                  <a:pt x="1129224" y="3252576"/>
                  <a:pt x="1078050" y="3201402"/>
                  <a:pt x="1078050" y="3138276"/>
                </a:cubicBezTo>
                <a:lnTo>
                  <a:pt x="1078050" y="3023976"/>
                </a:lnTo>
                <a:lnTo>
                  <a:pt x="60008" y="3023976"/>
                </a:lnTo>
                <a:cubicBezTo>
                  <a:pt x="26866" y="3023976"/>
                  <a:pt x="0" y="2997110"/>
                  <a:pt x="0" y="2963968"/>
                </a:cubicBezTo>
                <a:lnTo>
                  <a:pt x="0" y="2723944"/>
                </a:lnTo>
                <a:cubicBezTo>
                  <a:pt x="0" y="2690802"/>
                  <a:pt x="26866" y="2663936"/>
                  <a:pt x="60008" y="2663936"/>
                </a:cubicBezTo>
                <a:lnTo>
                  <a:pt x="2820312" y="2663936"/>
                </a:lnTo>
                <a:cubicBezTo>
                  <a:pt x="2853454" y="2663936"/>
                  <a:pt x="2880320" y="2690802"/>
                  <a:pt x="2880320" y="2723944"/>
                </a:cubicBezTo>
                <a:lnTo>
                  <a:pt x="2880320" y="2963968"/>
                </a:lnTo>
                <a:cubicBezTo>
                  <a:pt x="2880320" y="2997110"/>
                  <a:pt x="2853454" y="3023976"/>
                  <a:pt x="2820312" y="3023976"/>
                </a:cubicBezTo>
                <a:lnTo>
                  <a:pt x="1802266" y="3023976"/>
                </a:lnTo>
                <a:lnTo>
                  <a:pt x="1802266" y="3138276"/>
                </a:lnTo>
                <a:cubicBezTo>
                  <a:pt x="1802266" y="3201402"/>
                  <a:pt x="1751092" y="3252576"/>
                  <a:pt x="1687966" y="3252576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1" name="Oval 26">
            <a:extLst>
              <a:ext uri="{FF2B5EF4-FFF2-40B4-BE49-F238E27FC236}">
                <a16:creationId xmlns:a16="http://schemas.microsoft.com/office/drawing/2014/main" id="{A8611118-4553-45C9-837B-A5EA5C617D63}"/>
              </a:ext>
            </a:extLst>
          </p:cNvPr>
          <p:cNvSpPr/>
          <p:nvPr/>
        </p:nvSpPr>
        <p:spPr>
          <a:xfrm>
            <a:off x="6966942" y="3587275"/>
            <a:ext cx="472482" cy="563852"/>
          </a:xfrm>
          <a:custGeom>
            <a:avLst/>
            <a:gdLst/>
            <a:ahLst/>
            <a:cxnLst/>
            <a:rect l="l" t="t" r="r" b="b"/>
            <a:pathLst>
              <a:path w="2543357" h="3035197">
                <a:moveTo>
                  <a:pt x="1932497" y="885460"/>
                </a:moveTo>
                <a:lnTo>
                  <a:pt x="1858608" y="981586"/>
                </a:lnTo>
                <a:cubicBezTo>
                  <a:pt x="2087948" y="1157874"/>
                  <a:pt x="2221364" y="1431493"/>
                  <a:pt x="2219022" y="1720748"/>
                </a:cubicBezTo>
                <a:lnTo>
                  <a:pt x="2340261" y="1721729"/>
                </a:lnTo>
                <a:cubicBezTo>
                  <a:pt x="2342911" y="1394473"/>
                  <a:pt x="2191967" y="1084907"/>
                  <a:pt x="1932497" y="885460"/>
                </a:cubicBezTo>
                <a:close/>
                <a:moveTo>
                  <a:pt x="1028922" y="281987"/>
                </a:moveTo>
                <a:cubicBezTo>
                  <a:pt x="1157068" y="321344"/>
                  <a:pt x="1128134" y="299573"/>
                  <a:pt x="1193247" y="332230"/>
                </a:cubicBezTo>
                <a:cubicBezTo>
                  <a:pt x="1269854" y="451410"/>
                  <a:pt x="1301375" y="602654"/>
                  <a:pt x="1295736" y="739575"/>
                </a:cubicBezTo>
                <a:cubicBezTo>
                  <a:pt x="1418781" y="730097"/>
                  <a:pt x="1391656" y="622269"/>
                  <a:pt x="1842154" y="674175"/>
                </a:cubicBezTo>
                <a:cubicBezTo>
                  <a:pt x="2251963" y="725703"/>
                  <a:pt x="2543357" y="1202505"/>
                  <a:pt x="2543357" y="1911138"/>
                </a:cubicBezTo>
                <a:cubicBezTo>
                  <a:pt x="2543357" y="2619771"/>
                  <a:pt x="2228290" y="3174439"/>
                  <a:pt x="1189012" y="3004227"/>
                </a:cubicBezTo>
                <a:cubicBezTo>
                  <a:pt x="266689" y="3142266"/>
                  <a:pt x="99973" y="2479414"/>
                  <a:pt x="24671" y="2089269"/>
                </a:cubicBezTo>
                <a:cubicBezTo>
                  <a:pt x="-50631" y="1699124"/>
                  <a:pt x="9514" y="922425"/>
                  <a:pt x="737199" y="663358"/>
                </a:cubicBezTo>
                <a:cubicBezTo>
                  <a:pt x="1021153" y="585721"/>
                  <a:pt x="1093645" y="690425"/>
                  <a:pt x="1216376" y="728497"/>
                </a:cubicBezTo>
                <a:cubicBezTo>
                  <a:pt x="1183268" y="569368"/>
                  <a:pt x="1135766" y="458984"/>
                  <a:pt x="1028922" y="281987"/>
                </a:cubicBezTo>
                <a:close/>
                <a:moveTo>
                  <a:pt x="1919942" y="47"/>
                </a:moveTo>
                <a:cubicBezTo>
                  <a:pt x="2086542" y="1491"/>
                  <a:pt x="2263938" y="35583"/>
                  <a:pt x="2350876" y="60453"/>
                </a:cubicBezTo>
                <a:cubicBezTo>
                  <a:pt x="2672784" y="174000"/>
                  <a:pt x="2321773" y="213881"/>
                  <a:pt x="2220060" y="345654"/>
                </a:cubicBezTo>
                <a:cubicBezTo>
                  <a:pt x="2118347" y="477427"/>
                  <a:pt x="2005019" y="609932"/>
                  <a:pt x="1770740" y="609932"/>
                </a:cubicBezTo>
                <a:lnTo>
                  <a:pt x="1326444" y="614956"/>
                </a:lnTo>
                <a:lnTo>
                  <a:pt x="1346541" y="320533"/>
                </a:lnTo>
                <a:cubicBezTo>
                  <a:pt x="1401807" y="115484"/>
                  <a:pt x="1563158" y="44336"/>
                  <a:pt x="1760692" y="11037"/>
                </a:cubicBezTo>
                <a:cubicBezTo>
                  <a:pt x="1810076" y="2712"/>
                  <a:pt x="1864409" y="-434"/>
                  <a:pt x="1919942" y="47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2" name="Freeform 32">
            <a:extLst>
              <a:ext uri="{FF2B5EF4-FFF2-40B4-BE49-F238E27FC236}">
                <a16:creationId xmlns:a16="http://schemas.microsoft.com/office/drawing/2014/main" id="{9C5A04AA-A50B-457A-A783-D941E78BCCDF}"/>
              </a:ext>
            </a:extLst>
          </p:cNvPr>
          <p:cNvSpPr/>
          <p:nvPr/>
        </p:nvSpPr>
        <p:spPr>
          <a:xfrm>
            <a:off x="4360223" y="1480860"/>
            <a:ext cx="597487" cy="547278"/>
          </a:xfrm>
          <a:custGeom>
            <a:avLst/>
            <a:gdLst/>
            <a:ahLst/>
            <a:cxnLst/>
            <a:rect l="l" t="t" r="r" b="b"/>
            <a:pathLst>
              <a:path w="3210745" h="2940925">
                <a:moveTo>
                  <a:pt x="340528" y="2526682"/>
                </a:moveTo>
                <a:cubicBezTo>
                  <a:pt x="280875" y="2526682"/>
                  <a:pt x="232516" y="2575041"/>
                  <a:pt x="232516" y="2634694"/>
                </a:cubicBezTo>
                <a:cubicBezTo>
                  <a:pt x="232516" y="2694347"/>
                  <a:pt x="280875" y="2742706"/>
                  <a:pt x="340528" y="2742706"/>
                </a:cubicBezTo>
                <a:cubicBezTo>
                  <a:pt x="400181" y="2742706"/>
                  <a:pt x="448540" y="2694347"/>
                  <a:pt x="448540" y="2634694"/>
                </a:cubicBezTo>
                <a:cubicBezTo>
                  <a:pt x="448540" y="2575041"/>
                  <a:pt x="400181" y="2526682"/>
                  <a:pt x="340528" y="2526682"/>
                </a:cubicBezTo>
                <a:close/>
                <a:moveTo>
                  <a:pt x="1821636" y="152"/>
                </a:moveTo>
                <a:cubicBezTo>
                  <a:pt x="1920275" y="-4956"/>
                  <a:pt x="2051571" y="119306"/>
                  <a:pt x="2102482" y="278737"/>
                </a:cubicBezTo>
                <a:cubicBezTo>
                  <a:pt x="2192513" y="649582"/>
                  <a:pt x="1575154" y="1213351"/>
                  <a:pt x="2006019" y="1236931"/>
                </a:cubicBezTo>
                <a:cubicBezTo>
                  <a:pt x="2310412" y="1206920"/>
                  <a:pt x="2473326" y="1176910"/>
                  <a:pt x="2803442" y="1166192"/>
                </a:cubicBezTo>
                <a:cubicBezTo>
                  <a:pt x="3103547" y="1170479"/>
                  <a:pt x="3152850" y="1361260"/>
                  <a:pt x="3002798" y="1564903"/>
                </a:cubicBezTo>
                <a:cubicBezTo>
                  <a:pt x="3191435" y="1575621"/>
                  <a:pt x="3347919" y="1869296"/>
                  <a:pt x="3022090" y="1989338"/>
                </a:cubicBezTo>
                <a:cubicBezTo>
                  <a:pt x="3332913" y="2182262"/>
                  <a:pt x="3154994" y="2426634"/>
                  <a:pt x="2977074" y="2471650"/>
                </a:cubicBezTo>
                <a:cubicBezTo>
                  <a:pt x="3127127" y="2606697"/>
                  <a:pt x="3109978" y="2709590"/>
                  <a:pt x="2957782" y="2793191"/>
                </a:cubicBezTo>
                <a:cubicBezTo>
                  <a:pt x="2620164" y="2932526"/>
                  <a:pt x="1747715" y="3028988"/>
                  <a:pt x="1253613" y="2818914"/>
                </a:cubicBezTo>
                <a:cubicBezTo>
                  <a:pt x="1018944" y="2738561"/>
                  <a:pt x="869067" y="2654318"/>
                  <a:pt x="700568" y="2648441"/>
                </a:cubicBezTo>
                <a:lnTo>
                  <a:pt x="700568" y="2796242"/>
                </a:lnTo>
                <a:cubicBezTo>
                  <a:pt x="700568" y="2860729"/>
                  <a:pt x="648291" y="2913006"/>
                  <a:pt x="583804" y="2913006"/>
                </a:cubicBezTo>
                <a:lnTo>
                  <a:pt x="0" y="2913006"/>
                </a:lnTo>
                <a:lnTo>
                  <a:pt x="0" y="1400838"/>
                </a:lnTo>
                <a:lnTo>
                  <a:pt x="583804" y="1400838"/>
                </a:lnTo>
                <a:cubicBezTo>
                  <a:pt x="648291" y="1400838"/>
                  <a:pt x="700568" y="1453115"/>
                  <a:pt x="700568" y="1517602"/>
                </a:cubicBezTo>
                <a:lnTo>
                  <a:pt x="700568" y="1571674"/>
                </a:lnTo>
                <a:cubicBezTo>
                  <a:pt x="721537" y="1568378"/>
                  <a:pt x="746526" y="1559634"/>
                  <a:pt x="784162" y="1539180"/>
                </a:cubicBezTo>
                <a:cubicBezTo>
                  <a:pt x="831321" y="1421281"/>
                  <a:pt x="890271" y="1323747"/>
                  <a:pt x="1034964" y="1191915"/>
                </a:cubicBezTo>
                <a:cubicBezTo>
                  <a:pt x="1257900" y="851081"/>
                  <a:pt x="1628744" y="677449"/>
                  <a:pt x="1703770" y="169413"/>
                </a:cubicBezTo>
                <a:cubicBezTo>
                  <a:pt x="1715024" y="52855"/>
                  <a:pt x="1762452" y="3217"/>
                  <a:pt x="1821636" y="152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3" name="Rounded Rectangle 10">
            <a:extLst>
              <a:ext uri="{FF2B5EF4-FFF2-40B4-BE49-F238E27FC236}">
                <a16:creationId xmlns:a16="http://schemas.microsoft.com/office/drawing/2014/main" id="{B55467B8-5BFB-46FE-82D2-AA896BC192F1}"/>
              </a:ext>
            </a:extLst>
          </p:cNvPr>
          <p:cNvSpPr/>
          <p:nvPr/>
        </p:nvSpPr>
        <p:spPr>
          <a:xfrm>
            <a:off x="8534202" y="2515987"/>
            <a:ext cx="372169" cy="492524"/>
          </a:xfrm>
          <a:custGeom>
            <a:avLst/>
            <a:gdLst/>
            <a:ahLst/>
            <a:cxnLst/>
            <a:rect l="l" t="t" r="r" b="b"/>
            <a:pathLst>
              <a:path w="2448272" h="3240000">
                <a:moveTo>
                  <a:pt x="1358676" y="2676152"/>
                </a:moveTo>
                <a:cubicBezTo>
                  <a:pt x="1327753" y="2676152"/>
                  <a:pt x="1302685" y="2701220"/>
                  <a:pt x="1302685" y="2732143"/>
                </a:cubicBezTo>
                <a:lnTo>
                  <a:pt x="1302685" y="2956101"/>
                </a:lnTo>
                <a:cubicBezTo>
                  <a:pt x="1302685" y="2987024"/>
                  <a:pt x="1327753" y="3012092"/>
                  <a:pt x="1358676" y="3012092"/>
                </a:cubicBezTo>
                <a:lnTo>
                  <a:pt x="1582634" y="3012092"/>
                </a:lnTo>
                <a:cubicBezTo>
                  <a:pt x="1613557" y="3012092"/>
                  <a:pt x="1638625" y="2987024"/>
                  <a:pt x="1638625" y="2956101"/>
                </a:cubicBezTo>
                <a:lnTo>
                  <a:pt x="1638625" y="2732143"/>
                </a:lnTo>
                <a:cubicBezTo>
                  <a:pt x="1638625" y="2701220"/>
                  <a:pt x="1613557" y="2676152"/>
                  <a:pt x="1582634" y="2676152"/>
                </a:cubicBezTo>
                <a:close/>
                <a:moveTo>
                  <a:pt x="837062" y="2676152"/>
                </a:moveTo>
                <a:cubicBezTo>
                  <a:pt x="806139" y="2676152"/>
                  <a:pt x="781071" y="2701220"/>
                  <a:pt x="781071" y="2732143"/>
                </a:cubicBezTo>
                <a:lnTo>
                  <a:pt x="781071" y="2956101"/>
                </a:lnTo>
                <a:cubicBezTo>
                  <a:pt x="781071" y="2987024"/>
                  <a:pt x="806139" y="3012092"/>
                  <a:pt x="837062" y="3012092"/>
                </a:cubicBezTo>
                <a:lnTo>
                  <a:pt x="1061020" y="3012092"/>
                </a:lnTo>
                <a:cubicBezTo>
                  <a:pt x="1091943" y="3012092"/>
                  <a:pt x="1117011" y="2987024"/>
                  <a:pt x="1117011" y="2956101"/>
                </a:cubicBezTo>
                <a:lnTo>
                  <a:pt x="1117011" y="2732143"/>
                </a:lnTo>
                <a:cubicBezTo>
                  <a:pt x="1117011" y="2701220"/>
                  <a:pt x="1091943" y="2676152"/>
                  <a:pt x="1061020" y="2676152"/>
                </a:cubicBezTo>
                <a:close/>
                <a:moveTo>
                  <a:pt x="315448" y="2676152"/>
                </a:moveTo>
                <a:cubicBezTo>
                  <a:pt x="284525" y="2676152"/>
                  <a:pt x="259457" y="2701220"/>
                  <a:pt x="259457" y="2732143"/>
                </a:cubicBezTo>
                <a:lnTo>
                  <a:pt x="259457" y="2956101"/>
                </a:lnTo>
                <a:cubicBezTo>
                  <a:pt x="259457" y="2987024"/>
                  <a:pt x="284525" y="3012092"/>
                  <a:pt x="315448" y="3012092"/>
                </a:cubicBezTo>
                <a:lnTo>
                  <a:pt x="539406" y="3012092"/>
                </a:lnTo>
                <a:cubicBezTo>
                  <a:pt x="570329" y="3012092"/>
                  <a:pt x="595397" y="2987024"/>
                  <a:pt x="595397" y="2956101"/>
                </a:cubicBezTo>
                <a:lnTo>
                  <a:pt x="595397" y="2732143"/>
                </a:lnTo>
                <a:cubicBezTo>
                  <a:pt x="595397" y="2701220"/>
                  <a:pt x="570329" y="2676152"/>
                  <a:pt x="539406" y="2676152"/>
                </a:cubicBezTo>
                <a:close/>
                <a:moveTo>
                  <a:pt x="1880291" y="2179832"/>
                </a:moveTo>
                <a:cubicBezTo>
                  <a:pt x="1849368" y="2179832"/>
                  <a:pt x="1824300" y="2204900"/>
                  <a:pt x="1824300" y="2235823"/>
                </a:cubicBezTo>
                <a:lnTo>
                  <a:pt x="1824300" y="2956101"/>
                </a:lnTo>
                <a:cubicBezTo>
                  <a:pt x="1824300" y="2987024"/>
                  <a:pt x="1849368" y="3012092"/>
                  <a:pt x="1880291" y="3012092"/>
                </a:cubicBezTo>
                <a:lnTo>
                  <a:pt x="2104249" y="3012092"/>
                </a:lnTo>
                <a:cubicBezTo>
                  <a:pt x="2135172" y="3012092"/>
                  <a:pt x="2160240" y="2987024"/>
                  <a:pt x="2160240" y="2956101"/>
                </a:cubicBezTo>
                <a:lnTo>
                  <a:pt x="2160240" y="2235823"/>
                </a:lnTo>
                <a:cubicBezTo>
                  <a:pt x="2160240" y="2204900"/>
                  <a:pt x="2135172" y="2179832"/>
                  <a:pt x="2104249" y="2179832"/>
                </a:cubicBezTo>
                <a:close/>
                <a:moveTo>
                  <a:pt x="1358676" y="2179832"/>
                </a:moveTo>
                <a:cubicBezTo>
                  <a:pt x="1327753" y="2179832"/>
                  <a:pt x="1302685" y="2204900"/>
                  <a:pt x="1302685" y="2235823"/>
                </a:cubicBezTo>
                <a:lnTo>
                  <a:pt x="1302685" y="2459781"/>
                </a:lnTo>
                <a:cubicBezTo>
                  <a:pt x="1302685" y="2490704"/>
                  <a:pt x="1327753" y="2515772"/>
                  <a:pt x="1358676" y="2515772"/>
                </a:cubicBezTo>
                <a:lnTo>
                  <a:pt x="1582634" y="2515772"/>
                </a:lnTo>
                <a:cubicBezTo>
                  <a:pt x="1613557" y="2515772"/>
                  <a:pt x="1638625" y="2490704"/>
                  <a:pt x="1638625" y="2459781"/>
                </a:cubicBezTo>
                <a:lnTo>
                  <a:pt x="1638625" y="2235823"/>
                </a:lnTo>
                <a:cubicBezTo>
                  <a:pt x="1638625" y="2204900"/>
                  <a:pt x="1613557" y="2179832"/>
                  <a:pt x="1582634" y="2179832"/>
                </a:cubicBezTo>
                <a:close/>
                <a:moveTo>
                  <a:pt x="837062" y="2179832"/>
                </a:moveTo>
                <a:cubicBezTo>
                  <a:pt x="806139" y="2179832"/>
                  <a:pt x="781071" y="2204900"/>
                  <a:pt x="781071" y="2235823"/>
                </a:cubicBezTo>
                <a:lnTo>
                  <a:pt x="781071" y="2459781"/>
                </a:lnTo>
                <a:cubicBezTo>
                  <a:pt x="781071" y="2490704"/>
                  <a:pt x="806139" y="2515772"/>
                  <a:pt x="837062" y="2515772"/>
                </a:cubicBezTo>
                <a:lnTo>
                  <a:pt x="1061020" y="2515772"/>
                </a:lnTo>
                <a:cubicBezTo>
                  <a:pt x="1091943" y="2515772"/>
                  <a:pt x="1117011" y="2490704"/>
                  <a:pt x="1117011" y="2459781"/>
                </a:cubicBezTo>
                <a:lnTo>
                  <a:pt x="1117011" y="2235823"/>
                </a:lnTo>
                <a:cubicBezTo>
                  <a:pt x="1117011" y="2204900"/>
                  <a:pt x="1091943" y="2179832"/>
                  <a:pt x="1061020" y="2179832"/>
                </a:cubicBezTo>
                <a:close/>
                <a:moveTo>
                  <a:pt x="315448" y="2179832"/>
                </a:moveTo>
                <a:cubicBezTo>
                  <a:pt x="284525" y="2179832"/>
                  <a:pt x="259457" y="2204900"/>
                  <a:pt x="259457" y="2235823"/>
                </a:cubicBezTo>
                <a:lnTo>
                  <a:pt x="259457" y="2459781"/>
                </a:lnTo>
                <a:cubicBezTo>
                  <a:pt x="259457" y="2490704"/>
                  <a:pt x="284525" y="2515772"/>
                  <a:pt x="315448" y="2515772"/>
                </a:cubicBezTo>
                <a:lnTo>
                  <a:pt x="539406" y="2515772"/>
                </a:lnTo>
                <a:cubicBezTo>
                  <a:pt x="570329" y="2515772"/>
                  <a:pt x="595397" y="2490704"/>
                  <a:pt x="595397" y="2459781"/>
                </a:cubicBezTo>
                <a:lnTo>
                  <a:pt x="595397" y="2235823"/>
                </a:lnTo>
                <a:cubicBezTo>
                  <a:pt x="595397" y="2204900"/>
                  <a:pt x="570329" y="2179832"/>
                  <a:pt x="539406" y="2179832"/>
                </a:cubicBezTo>
                <a:close/>
                <a:moveTo>
                  <a:pt x="1880291" y="1683512"/>
                </a:moveTo>
                <a:cubicBezTo>
                  <a:pt x="1849368" y="1683512"/>
                  <a:pt x="1824300" y="1708580"/>
                  <a:pt x="1824300" y="1739503"/>
                </a:cubicBezTo>
                <a:lnTo>
                  <a:pt x="1824300" y="1963461"/>
                </a:lnTo>
                <a:cubicBezTo>
                  <a:pt x="1824300" y="1994384"/>
                  <a:pt x="1849368" y="2019452"/>
                  <a:pt x="1880291" y="2019452"/>
                </a:cubicBezTo>
                <a:lnTo>
                  <a:pt x="2104249" y="2019452"/>
                </a:lnTo>
                <a:cubicBezTo>
                  <a:pt x="2135172" y="2019452"/>
                  <a:pt x="2160240" y="1994384"/>
                  <a:pt x="2160240" y="1963461"/>
                </a:cubicBezTo>
                <a:lnTo>
                  <a:pt x="2160240" y="1739503"/>
                </a:lnTo>
                <a:cubicBezTo>
                  <a:pt x="2160240" y="1708580"/>
                  <a:pt x="2135172" y="1683512"/>
                  <a:pt x="2104249" y="1683512"/>
                </a:cubicBezTo>
                <a:close/>
                <a:moveTo>
                  <a:pt x="1358676" y="1683512"/>
                </a:moveTo>
                <a:cubicBezTo>
                  <a:pt x="1327753" y="1683512"/>
                  <a:pt x="1302685" y="1708580"/>
                  <a:pt x="1302685" y="1739503"/>
                </a:cubicBezTo>
                <a:lnTo>
                  <a:pt x="1302685" y="1963461"/>
                </a:lnTo>
                <a:cubicBezTo>
                  <a:pt x="1302685" y="1994384"/>
                  <a:pt x="1327753" y="2019452"/>
                  <a:pt x="1358676" y="2019452"/>
                </a:cubicBezTo>
                <a:lnTo>
                  <a:pt x="1582634" y="2019452"/>
                </a:lnTo>
                <a:cubicBezTo>
                  <a:pt x="1613557" y="2019452"/>
                  <a:pt x="1638625" y="1994384"/>
                  <a:pt x="1638625" y="1963461"/>
                </a:cubicBezTo>
                <a:lnTo>
                  <a:pt x="1638625" y="1739503"/>
                </a:lnTo>
                <a:cubicBezTo>
                  <a:pt x="1638625" y="1708580"/>
                  <a:pt x="1613557" y="1683512"/>
                  <a:pt x="1582634" y="1683512"/>
                </a:cubicBezTo>
                <a:close/>
                <a:moveTo>
                  <a:pt x="837062" y="1683512"/>
                </a:moveTo>
                <a:cubicBezTo>
                  <a:pt x="806139" y="1683512"/>
                  <a:pt x="781071" y="1708580"/>
                  <a:pt x="781071" y="1739503"/>
                </a:cubicBezTo>
                <a:lnTo>
                  <a:pt x="781071" y="1963461"/>
                </a:lnTo>
                <a:cubicBezTo>
                  <a:pt x="781071" y="1994384"/>
                  <a:pt x="806139" y="2019452"/>
                  <a:pt x="837062" y="2019452"/>
                </a:cubicBezTo>
                <a:lnTo>
                  <a:pt x="1061020" y="2019452"/>
                </a:lnTo>
                <a:cubicBezTo>
                  <a:pt x="1091943" y="2019452"/>
                  <a:pt x="1117011" y="1994384"/>
                  <a:pt x="1117011" y="1963461"/>
                </a:cubicBezTo>
                <a:lnTo>
                  <a:pt x="1117011" y="1739503"/>
                </a:lnTo>
                <a:cubicBezTo>
                  <a:pt x="1117011" y="1708580"/>
                  <a:pt x="1091943" y="1683512"/>
                  <a:pt x="1061020" y="1683512"/>
                </a:cubicBezTo>
                <a:close/>
                <a:moveTo>
                  <a:pt x="315448" y="1683512"/>
                </a:moveTo>
                <a:cubicBezTo>
                  <a:pt x="284525" y="1683512"/>
                  <a:pt x="259457" y="1708580"/>
                  <a:pt x="259457" y="1739503"/>
                </a:cubicBezTo>
                <a:lnTo>
                  <a:pt x="259457" y="1963461"/>
                </a:lnTo>
                <a:cubicBezTo>
                  <a:pt x="259457" y="1994384"/>
                  <a:pt x="284525" y="2019452"/>
                  <a:pt x="315448" y="2019452"/>
                </a:cubicBezTo>
                <a:lnTo>
                  <a:pt x="539406" y="2019452"/>
                </a:lnTo>
                <a:cubicBezTo>
                  <a:pt x="570329" y="2019452"/>
                  <a:pt x="595397" y="1994384"/>
                  <a:pt x="595397" y="1963461"/>
                </a:cubicBezTo>
                <a:lnTo>
                  <a:pt x="595397" y="1739503"/>
                </a:lnTo>
                <a:cubicBezTo>
                  <a:pt x="595397" y="1708580"/>
                  <a:pt x="570329" y="1683512"/>
                  <a:pt x="539406" y="1683512"/>
                </a:cubicBezTo>
                <a:close/>
                <a:moveTo>
                  <a:pt x="1880291" y="1187192"/>
                </a:moveTo>
                <a:cubicBezTo>
                  <a:pt x="1849368" y="1187192"/>
                  <a:pt x="1824300" y="1212260"/>
                  <a:pt x="1824300" y="1243183"/>
                </a:cubicBezTo>
                <a:lnTo>
                  <a:pt x="1824300" y="1467141"/>
                </a:lnTo>
                <a:cubicBezTo>
                  <a:pt x="1824300" y="1498064"/>
                  <a:pt x="1849368" y="1523132"/>
                  <a:pt x="1880291" y="1523132"/>
                </a:cubicBezTo>
                <a:lnTo>
                  <a:pt x="2104249" y="1523132"/>
                </a:lnTo>
                <a:cubicBezTo>
                  <a:pt x="2135172" y="1523132"/>
                  <a:pt x="2160240" y="1498064"/>
                  <a:pt x="2160240" y="1467141"/>
                </a:cubicBezTo>
                <a:lnTo>
                  <a:pt x="2160240" y="1243183"/>
                </a:lnTo>
                <a:cubicBezTo>
                  <a:pt x="2160240" y="1212260"/>
                  <a:pt x="2135172" y="1187192"/>
                  <a:pt x="2104249" y="1187192"/>
                </a:cubicBezTo>
                <a:close/>
                <a:moveTo>
                  <a:pt x="1358676" y="1187192"/>
                </a:moveTo>
                <a:cubicBezTo>
                  <a:pt x="1327753" y="1187192"/>
                  <a:pt x="1302685" y="1212260"/>
                  <a:pt x="1302685" y="1243183"/>
                </a:cubicBezTo>
                <a:lnTo>
                  <a:pt x="1302685" y="1467141"/>
                </a:lnTo>
                <a:cubicBezTo>
                  <a:pt x="1302685" y="1498064"/>
                  <a:pt x="1327753" y="1523132"/>
                  <a:pt x="1358676" y="1523132"/>
                </a:cubicBezTo>
                <a:lnTo>
                  <a:pt x="1582634" y="1523132"/>
                </a:lnTo>
                <a:cubicBezTo>
                  <a:pt x="1613557" y="1523132"/>
                  <a:pt x="1638625" y="1498064"/>
                  <a:pt x="1638625" y="1467141"/>
                </a:cubicBezTo>
                <a:lnTo>
                  <a:pt x="1638625" y="1243183"/>
                </a:lnTo>
                <a:cubicBezTo>
                  <a:pt x="1638625" y="1212260"/>
                  <a:pt x="1613557" y="1187192"/>
                  <a:pt x="1582634" y="1187192"/>
                </a:cubicBezTo>
                <a:close/>
                <a:moveTo>
                  <a:pt x="837062" y="1187192"/>
                </a:moveTo>
                <a:cubicBezTo>
                  <a:pt x="806139" y="1187192"/>
                  <a:pt x="781071" y="1212260"/>
                  <a:pt x="781071" y="1243183"/>
                </a:cubicBezTo>
                <a:lnTo>
                  <a:pt x="781071" y="1467141"/>
                </a:lnTo>
                <a:cubicBezTo>
                  <a:pt x="781071" y="1498064"/>
                  <a:pt x="806139" y="1523132"/>
                  <a:pt x="837062" y="1523132"/>
                </a:cubicBezTo>
                <a:lnTo>
                  <a:pt x="1061020" y="1523132"/>
                </a:lnTo>
                <a:cubicBezTo>
                  <a:pt x="1091943" y="1523132"/>
                  <a:pt x="1117011" y="1498064"/>
                  <a:pt x="1117011" y="1467141"/>
                </a:cubicBezTo>
                <a:lnTo>
                  <a:pt x="1117011" y="1243183"/>
                </a:lnTo>
                <a:cubicBezTo>
                  <a:pt x="1117011" y="1212260"/>
                  <a:pt x="1091943" y="1187192"/>
                  <a:pt x="1061020" y="1187192"/>
                </a:cubicBezTo>
                <a:close/>
                <a:moveTo>
                  <a:pt x="315448" y="1187192"/>
                </a:moveTo>
                <a:cubicBezTo>
                  <a:pt x="284525" y="1187192"/>
                  <a:pt x="259457" y="1212260"/>
                  <a:pt x="259457" y="1243183"/>
                </a:cubicBezTo>
                <a:lnTo>
                  <a:pt x="259457" y="1467141"/>
                </a:lnTo>
                <a:cubicBezTo>
                  <a:pt x="259457" y="1498064"/>
                  <a:pt x="284525" y="1523132"/>
                  <a:pt x="315448" y="1523132"/>
                </a:cubicBezTo>
                <a:lnTo>
                  <a:pt x="539406" y="1523132"/>
                </a:lnTo>
                <a:cubicBezTo>
                  <a:pt x="570329" y="1523132"/>
                  <a:pt x="595397" y="1498064"/>
                  <a:pt x="595397" y="1467141"/>
                </a:cubicBezTo>
                <a:lnTo>
                  <a:pt x="595397" y="1243183"/>
                </a:lnTo>
                <a:cubicBezTo>
                  <a:pt x="595397" y="1212260"/>
                  <a:pt x="570329" y="1187192"/>
                  <a:pt x="539406" y="1187192"/>
                </a:cubicBezTo>
                <a:close/>
                <a:moveTo>
                  <a:pt x="348041" y="163575"/>
                </a:moveTo>
                <a:cubicBezTo>
                  <a:pt x="275130" y="163575"/>
                  <a:pt x="216024" y="222681"/>
                  <a:pt x="216024" y="295592"/>
                </a:cubicBezTo>
                <a:lnTo>
                  <a:pt x="216024" y="823646"/>
                </a:lnTo>
                <a:cubicBezTo>
                  <a:pt x="216024" y="896557"/>
                  <a:pt x="275130" y="955663"/>
                  <a:pt x="348041" y="955663"/>
                </a:cubicBezTo>
                <a:lnTo>
                  <a:pt x="2100231" y="955663"/>
                </a:lnTo>
                <a:cubicBezTo>
                  <a:pt x="2173142" y="955663"/>
                  <a:pt x="2232248" y="896557"/>
                  <a:pt x="2232248" y="823646"/>
                </a:cubicBezTo>
                <a:lnTo>
                  <a:pt x="2232248" y="295592"/>
                </a:lnTo>
                <a:cubicBezTo>
                  <a:pt x="2232248" y="222681"/>
                  <a:pt x="2173142" y="163575"/>
                  <a:pt x="2100231" y="163575"/>
                </a:cubicBezTo>
                <a:close/>
                <a:moveTo>
                  <a:pt x="265172" y="0"/>
                </a:moveTo>
                <a:lnTo>
                  <a:pt x="2183100" y="0"/>
                </a:lnTo>
                <a:cubicBezTo>
                  <a:pt x="2329550" y="0"/>
                  <a:pt x="2448272" y="118722"/>
                  <a:pt x="2448272" y="265172"/>
                </a:cubicBezTo>
                <a:lnTo>
                  <a:pt x="2448272" y="2974828"/>
                </a:lnTo>
                <a:cubicBezTo>
                  <a:pt x="2448272" y="3121278"/>
                  <a:pt x="2329550" y="3240000"/>
                  <a:pt x="2183100" y="3240000"/>
                </a:cubicBezTo>
                <a:lnTo>
                  <a:pt x="265172" y="3240000"/>
                </a:lnTo>
                <a:cubicBezTo>
                  <a:pt x="118722" y="3240000"/>
                  <a:pt x="0" y="3121278"/>
                  <a:pt x="0" y="2974828"/>
                </a:cubicBezTo>
                <a:lnTo>
                  <a:pt x="0" y="265172"/>
                </a:lnTo>
                <a:cubicBezTo>
                  <a:pt x="0" y="118722"/>
                  <a:pt x="118722" y="0"/>
                  <a:pt x="265172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4" name="Rounded Rectangle 32">
            <a:extLst>
              <a:ext uri="{FF2B5EF4-FFF2-40B4-BE49-F238E27FC236}">
                <a16:creationId xmlns:a16="http://schemas.microsoft.com/office/drawing/2014/main" id="{A7C45BCB-0B8E-4E0E-842A-DD554B68B1C0}"/>
              </a:ext>
            </a:extLst>
          </p:cNvPr>
          <p:cNvSpPr/>
          <p:nvPr/>
        </p:nvSpPr>
        <p:spPr>
          <a:xfrm>
            <a:off x="10179594" y="3623455"/>
            <a:ext cx="491492" cy="491492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2019696" y="2510955"/>
                </a:moveTo>
                <a:lnTo>
                  <a:pt x="2019696" y="2797359"/>
                </a:lnTo>
                <a:lnTo>
                  <a:pt x="2914589" y="2797359"/>
                </a:lnTo>
                <a:lnTo>
                  <a:pt x="2914589" y="2510955"/>
                </a:lnTo>
                <a:close/>
                <a:moveTo>
                  <a:pt x="2019696" y="2081348"/>
                </a:moveTo>
                <a:lnTo>
                  <a:pt x="2019696" y="2367752"/>
                </a:lnTo>
                <a:lnTo>
                  <a:pt x="2914589" y="2367752"/>
                </a:lnTo>
                <a:lnTo>
                  <a:pt x="2914589" y="2081348"/>
                </a:lnTo>
                <a:close/>
                <a:moveTo>
                  <a:pt x="580710" y="2021703"/>
                </a:moveTo>
                <a:lnTo>
                  <a:pt x="378191" y="2224222"/>
                </a:lnTo>
                <a:lnTo>
                  <a:pt x="593323" y="2439354"/>
                </a:lnTo>
                <a:lnTo>
                  <a:pt x="378191" y="2654485"/>
                </a:lnTo>
                <a:lnTo>
                  <a:pt x="580710" y="2857004"/>
                </a:lnTo>
                <a:lnTo>
                  <a:pt x="795842" y="2641872"/>
                </a:lnTo>
                <a:lnTo>
                  <a:pt x="1010973" y="2857004"/>
                </a:lnTo>
                <a:lnTo>
                  <a:pt x="1213492" y="2654485"/>
                </a:lnTo>
                <a:lnTo>
                  <a:pt x="998360" y="2439354"/>
                </a:lnTo>
                <a:lnTo>
                  <a:pt x="1213492" y="2224222"/>
                </a:lnTo>
                <a:lnTo>
                  <a:pt x="1010973" y="2021703"/>
                </a:lnTo>
                <a:lnTo>
                  <a:pt x="795842" y="2236835"/>
                </a:lnTo>
                <a:close/>
                <a:moveTo>
                  <a:pt x="1656000" y="1656001"/>
                </a:moveTo>
                <a:lnTo>
                  <a:pt x="3240000" y="1656001"/>
                </a:lnTo>
                <a:lnTo>
                  <a:pt x="3240000" y="2699989"/>
                </a:lnTo>
                <a:cubicBezTo>
                  <a:pt x="3240000" y="2998229"/>
                  <a:pt x="2998229" y="3240000"/>
                  <a:pt x="2699989" y="3240000"/>
                </a:cubicBezTo>
                <a:lnTo>
                  <a:pt x="1656000" y="3240000"/>
                </a:lnTo>
                <a:close/>
                <a:moveTo>
                  <a:pt x="0" y="1656001"/>
                </a:moveTo>
                <a:lnTo>
                  <a:pt x="1584000" y="1656001"/>
                </a:lnTo>
                <a:lnTo>
                  <a:pt x="1584000" y="3240000"/>
                </a:lnTo>
                <a:lnTo>
                  <a:pt x="540011" y="3240000"/>
                </a:lnTo>
                <a:cubicBezTo>
                  <a:pt x="241771" y="3240000"/>
                  <a:pt x="0" y="2998229"/>
                  <a:pt x="0" y="2699989"/>
                </a:cubicBezTo>
                <a:close/>
                <a:moveTo>
                  <a:pt x="2467143" y="957859"/>
                </a:moveTo>
                <a:cubicBezTo>
                  <a:pt x="2388055" y="957859"/>
                  <a:pt x="2323941" y="1021973"/>
                  <a:pt x="2323941" y="1101061"/>
                </a:cubicBezTo>
                <a:cubicBezTo>
                  <a:pt x="2323941" y="1180149"/>
                  <a:pt x="2388055" y="1244263"/>
                  <a:pt x="2467143" y="1244263"/>
                </a:cubicBezTo>
                <a:cubicBezTo>
                  <a:pt x="2546231" y="1244263"/>
                  <a:pt x="2610345" y="1180149"/>
                  <a:pt x="2610345" y="1101061"/>
                </a:cubicBezTo>
                <a:cubicBezTo>
                  <a:pt x="2610345" y="1021973"/>
                  <a:pt x="2546231" y="957859"/>
                  <a:pt x="2467143" y="957859"/>
                </a:cubicBezTo>
                <a:close/>
                <a:moveTo>
                  <a:pt x="2019696" y="635775"/>
                </a:moveTo>
                <a:lnTo>
                  <a:pt x="2019696" y="922180"/>
                </a:lnTo>
                <a:lnTo>
                  <a:pt x="2914589" y="922180"/>
                </a:lnTo>
                <a:lnTo>
                  <a:pt x="2914589" y="635775"/>
                </a:lnTo>
                <a:close/>
                <a:moveTo>
                  <a:pt x="652639" y="331531"/>
                </a:moveTo>
                <a:lnTo>
                  <a:pt x="652639" y="635775"/>
                </a:lnTo>
                <a:lnTo>
                  <a:pt x="348395" y="635775"/>
                </a:lnTo>
                <a:lnTo>
                  <a:pt x="348395" y="922180"/>
                </a:lnTo>
                <a:lnTo>
                  <a:pt x="652639" y="922180"/>
                </a:lnTo>
                <a:lnTo>
                  <a:pt x="652639" y="1226424"/>
                </a:lnTo>
                <a:lnTo>
                  <a:pt x="939044" y="1226424"/>
                </a:lnTo>
                <a:lnTo>
                  <a:pt x="939044" y="922180"/>
                </a:lnTo>
                <a:lnTo>
                  <a:pt x="1243288" y="922180"/>
                </a:lnTo>
                <a:lnTo>
                  <a:pt x="1243288" y="635775"/>
                </a:lnTo>
                <a:lnTo>
                  <a:pt x="939044" y="635775"/>
                </a:lnTo>
                <a:lnTo>
                  <a:pt x="939044" y="331531"/>
                </a:lnTo>
                <a:close/>
                <a:moveTo>
                  <a:pt x="2467143" y="313692"/>
                </a:moveTo>
                <a:cubicBezTo>
                  <a:pt x="2388055" y="313692"/>
                  <a:pt x="2323941" y="377806"/>
                  <a:pt x="2323941" y="456894"/>
                </a:cubicBezTo>
                <a:cubicBezTo>
                  <a:pt x="2323941" y="535982"/>
                  <a:pt x="2388055" y="600096"/>
                  <a:pt x="2467143" y="600096"/>
                </a:cubicBezTo>
                <a:cubicBezTo>
                  <a:pt x="2546231" y="600096"/>
                  <a:pt x="2610345" y="535982"/>
                  <a:pt x="2610345" y="456894"/>
                </a:cubicBezTo>
                <a:cubicBezTo>
                  <a:pt x="2610345" y="377806"/>
                  <a:pt x="2546231" y="313692"/>
                  <a:pt x="2467143" y="313692"/>
                </a:cubicBezTo>
                <a:close/>
                <a:moveTo>
                  <a:pt x="540011" y="0"/>
                </a:moveTo>
                <a:lnTo>
                  <a:pt x="2699989" y="0"/>
                </a:lnTo>
                <a:cubicBezTo>
                  <a:pt x="2998229" y="0"/>
                  <a:pt x="3240000" y="241771"/>
                  <a:pt x="3240000" y="540011"/>
                </a:cubicBezTo>
                <a:lnTo>
                  <a:pt x="3240000" y="1584001"/>
                </a:lnTo>
                <a:lnTo>
                  <a:pt x="1656000" y="1584001"/>
                </a:lnTo>
                <a:lnTo>
                  <a:pt x="1656000" y="1"/>
                </a:lnTo>
                <a:lnTo>
                  <a:pt x="1584000" y="1"/>
                </a:lnTo>
                <a:lnTo>
                  <a:pt x="1584000" y="1584001"/>
                </a:lnTo>
                <a:lnTo>
                  <a:pt x="0" y="1584001"/>
                </a:lnTo>
                <a:lnTo>
                  <a:pt x="0" y="540011"/>
                </a:lnTo>
                <a:cubicBezTo>
                  <a:pt x="0" y="241771"/>
                  <a:pt x="241771" y="0"/>
                  <a:pt x="540011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5" name="Trapezoid 13">
            <a:extLst>
              <a:ext uri="{FF2B5EF4-FFF2-40B4-BE49-F238E27FC236}">
                <a16:creationId xmlns:a16="http://schemas.microsoft.com/office/drawing/2014/main" id="{EAB635DE-58EF-4585-A0F5-0790A1957A5B}"/>
              </a:ext>
            </a:extLst>
          </p:cNvPr>
          <p:cNvSpPr/>
          <p:nvPr/>
        </p:nvSpPr>
        <p:spPr>
          <a:xfrm>
            <a:off x="5324216" y="2538243"/>
            <a:ext cx="529844" cy="448015"/>
          </a:xfrm>
          <a:custGeom>
            <a:avLst/>
            <a:gdLst/>
            <a:ahLst/>
            <a:cxnLst/>
            <a:rect l="l" t="t" r="r" b="b"/>
            <a:pathLst>
              <a:path w="2736304" h="2313707">
                <a:moveTo>
                  <a:pt x="1046195" y="1945901"/>
                </a:moveTo>
                <a:lnTo>
                  <a:pt x="998316" y="2093032"/>
                </a:lnTo>
                <a:lnTo>
                  <a:pt x="1737988" y="2093032"/>
                </a:lnTo>
                <a:lnTo>
                  <a:pt x="1690109" y="1945901"/>
                </a:lnTo>
                <a:close/>
                <a:moveTo>
                  <a:pt x="396044" y="89541"/>
                </a:moveTo>
                <a:lnTo>
                  <a:pt x="396044" y="1241668"/>
                </a:lnTo>
                <a:lnTo>
                  <a:pt x="2340260" y="1241668"/>
                </a:lnTo>
                <a:lnTo>
                  <a:pt x="2340260" y="89541"/>
                </a:lnTo>
                <a:close/>
                <a:moveTo>
                  <a:pt x="252028" y="0"/>
                </a:moveTo>
                <a:lnTo>
                  <a:pt x="2484276" y="0"/>
                </a:lnTo>
                <a:lnTo>
                  <a:pt x="2484276" y="1331208"/>
                </a:lnTo>
                <a:lnTo>
                  <a:pt x="2484679" y="1331208"/>
                </a:lnTo>
                <a:lnTo>
                  <a:pt x="2736304" y="2195304"/>
                </a:lnTo>
                <a:lnTo>
                  <a:pt x="2736304" y="2313707"/>
                </a:lnTo>
                <a:lnTo>
                  <a:pt x="0" y="2313707"/>
                </a:lnTo>
                <a:lnTo>
                  <a:pt x="0" y="2195304"/>
                </a:lnTo>
                <a:lnTo>
                  <a:pt x="251625" y="1331208"/>
                </a:lnTo>
                <a:lnTo>
                  <a:pt x="252028" y="1331208"/>
                </a:ln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6" name="Rounded Rectangle 7">
            <a:extLst>
              <a:ext uri="{FF2B5EF4-FFF2-40B4-BE49-F238E27FC236}">
                <a16:creationId xmlns:a16="http://schemas.microsoft.com/office/drawing/2014/main" id="{890A206E-8EB0-46CB-87E5-BB62DA827BE4}"/>
              </a:ext>
            </a:extLst>
          </p:cNvPr>
          <p:cNvSpPr/>
          <p:nvPr/>
        </p:nvSpPr>
        <p:spPr>
          <a:xfrm>
            <a:off x="7858216" y="2527504"/>
            <a:ext cx="271294" cy="469495"/>
          </a:xfrm>
          <a:custGeom>
            <a:avLst/>
            <a:gdLst/>
            <a:ahLst/>
            <a:cxnLst/>
            <a:rect l="l" t="t" r="r" b="b"/>
            <a:pathLst>
              <a:path w="1872208" h="3240000">
                <a:moveTo>
                  <a:pt x="936104" y="2852499"/>
                </a:moveTo>
                <a:cubicBezTo>
                  <a:pt x="861605" y="2852499"/>
                  <a:pt x="801211" y="2912893"/>
                  <a:pt x="801211" y="2987392"/>
                </a:cubicBezTo>
                <a:cubicBezTo>
                  <a:pt x="801211" y="3061891"/>
                  <a:pt x="861605" y="3122285"/>
                  <a:pt x="936104" y="3122285"/>
                </a:cubicBezTo>
                <a:cubicBezTo>
                  <a:pt x="1010603" y="3122285"/>
                  <a:pt x="1070997" y="3061891"/>
                  <a:pt x="1070997" y="2987392"/>
                </a:cubicBezTo>
                <a:cubicBezTo>
                  <a:pt x="1070997" y="2912893"/>
                  <a:pt x="1010603" y="2852499"/>
                  <a:pt x="936104" y="2852499"/>
                </a:cubicBezTo>
                <a:close/>
                <a:moveTo>
                  <a:pt x="144016" y="323096"/>
                </a:moveTo>
                <a:lnTo>
                  <a:pt x="144016" y="2699360"/>
                </a:lnTo>
                <a:lnTo>
                  <a:pt x="1728192" y="2699360"/>
                </a:lnTo>
                <a:lnTo>
                  <a:pt x="1728192" y="323096"/>
                </a:lnTo>
                <a:close/>
                <a:moveTo>
                  <a:pt x="720104" y="107072"/>
                </a:moveTo>
                <a:cubicBezTo>
                  <a:pt x="690281" y="107072"/>
                  <a:pt x="666104" y="131249"/>
                  <a:pt x="666104" y="161072"/>
                </a:cubicBezTo>
                <a:cubicBezTo>
                  <a:pt x="666104" y="190895"/>
                  <a:pt x="690281" y="215072"/>
                  <a:pt x="720104" y="215072"/>
                </a:cubicBezTo>
                <a:lnTo>
                  <a:pt x="1152104" y="215072"/>
                </a:lnTo>
                <a:cubicBezTo>
                  <a:pt x="1181927" y="215072"/>
                  <a:pt x="1206104" y="190895"/>
                  <a:pt x="1206104" y="161072"/>
                </a:cubicBezTo>
                <a:cubicBezTo>
                  <a:pt x="1206104" y="131249"/>
                  <a:pt x="1181927" y="107072"/>
                  <a:pt x="1152104" y="107072"/>
                </a:cubicBezTo>
                <a:close/>
                <a:moveTo>
                  <a:pt x="312041" y="0"/>
                </a:moveTo>
                <a:lnTo>
                  <a:pt x="1560167" y="0"/>
                </a:lnTo>
                <a:cubicBezTo>
                  <a:pt x="1732502" y="0"/>
                  <a:pt x="1872208" y="139706"/>
                  <a:pt x="1872208" y="312041"/>
                </a:cubicBezTo>
                <a:lnTo>
                  <a:pt x="1872208" y="2927959"/>
                </a:lnTo>
                <a:cubicBezTo>
                  <a:pt x="1872208" y="3100294"/>
                  <a:pt x="1732502" y="3240000"/>
                  <a:pt x="1560167" y="3240000"/>
                </a:cubicBezTo>
                <a:lnTo>
                  <a:pt x="312041" y="3240000"/>
                </a:lnTo>
                <a:cubicBezTo>
                  <a:pt x="139706" y="3240000"/>
                  <a:pt x="0" y="3100294"/>
                  <a:pt x="0" y="2927959"/>
                </a:cubicBezTo>
                <a:lnTo>
                  <a:pt x="0" y="312041"/>
                </a:lnTo>
                <a:cubicBezTo>
                  <a:pt x="0" y="139706"/>
                  <a:pt x="139706" y="0"/>
                  <a:pt x="312041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7" name="Rectangle 18">
            <a:extLst>
              <a:ext uri="{FF2B5EF4-FFF2-40B4-BE49-F238E27FC236}">
                <a16:creationId xmlns:a16="http://schemas.microsoft.com/office/drawing/2014/main" id="{D8BFBE69-EC90-491A-A905-789398F4B3A8}"/>
              </a:ext>
            </a:extLst>
          </p:cNvPr>
          <p:cNvSpPr/>
          <p:nvPr/>
        </p:nvSpPr>
        <p:spPr>
          <a:xfrm>
            <a:off x="6258752" y="2567175"/>
            <a:ext cx="491054" cy="390153"/>
          </a:xfrm>
          <a:custGeom>
            <a:avLst/>
            <a:gdLst/>
            <a:ahLst/>
            <a:cxnLst/>
            <a:rect l="l" t="t" r="r" b="b"/>
            <a:pathLst>
              <a:path w="3240000" h="2574247">
                <a:moveTo>
                  <a:pt x="2393400" y="1814089"/>
                </a:moveTo>
                <a:cubicBezTo>
                  <a:pt x="2363577" y="1814089"/>
                  <a:pt x="2339400" y="1838266"/>
                  <a:pt x="2339400" y="1868089"/>
                </a:cubicBezTo>
                <a:cubicBezTo>
                  <a:pt x="2339400" y="1897912"/>
                  <a:pt x="2363577" y="1922089"/>
                  <a:pt x="2393400" y="1922089"/>
                </a:cubicBezTo>
                <a:lnTo>
                  <a:pt x="2573400" y="1922089"/>
                </a:lnTo>
                <a:cubicBezTo>
                  <a:pt x="2603223" y="1922089"/>
                  <a:pt x="2627400" y="1897912"/>
                  <a:pt x="2627400" y="1868089"/>
                </a:cubicBezTo>
                <a:cubicBezTo>
                  <a:pt x="2627400" y="1838266"/>
                  <a:pt x="2603223" y="1814089"/>
                  <a:pt x="2573400" y="1814089"/>
                </a:cubicBezTo>
                <a:close/>
                <a:moveTo>
                  <a:pt x="173344" y="1814089"/>
                </a:moveTo>
                <a:cubicBezTo>
                  <a:pt x="143521" y="1814089"/>
                  <a:pt x="119344" y="1838266"/>
                  <a:pt x="119344" y="1868089"/>
                </a:cubicBezTo>
                <a:cubicBezTo>
                  <a:pt x="119344" y="1897912"/>
                  <a:pt x="143521" y="1922089"/>
                  <a:pt x="173344" y="1922089"/>
                </a:cubicBezTo>
                <a:lnTo>
                  <a:pt x="353344" y="1922089"/>
                </a:lnTo>
                <a:cubicBezTo>
                  <a:pt x="383167" y="1922089"/>
                  <a:pt x="407344" y="1897912"/>
                  <a:pt x="407344" y="1868089"/>
                </a:cubicBezTo>
                <a:cubicBezTo>
                  <a:pt x="407344" y="1838266"/>
                  <a:pt x="383167" y="1814089"/>
                  <a:pt x="353344" y="1814089"/>
                </a:cubicBezTo>
                <a:close/>
                <a:moveTo>
                  <a:pt x="2933496" y="1796081"/>
                </a:moveTo>
                <a:cubicBezTo>
                  <a:pt x="2893727" y="1796081"/>
                  <a:pt x="2861488" y="1828320"/>
                  <a:pt x="2861488" y="1868089"/>
                </a:cubicBezTo>
                <a:cubicBezTo>
                  <a:pt x="2861488" y="1907858"/>
                  <a:pt x="2893727" y="1940097"/>
                  <a:pt x="2933496" y="1940097"/>
                </a:cubicBezTo>
                <a:cubicBezTo>
                  <a:pt x="2973265" y="1940097"/>
                  <a:pt x="3005504" y="1907858"/>
                  <a:pt x="3005504" y="1868089"/>
                </a:cubicBezTo>
                <a:cubicBezTo>
                  <a:pt x="3005504" y="1828320"/>
                  <a:pt x="2973265" y="1796081"/>
                  <a:pt x="2933496" y="1796081"/>
                </a:cubicBezTo>
                <a:close/>
                <a:moveTo>
                  <a:pt x="119344" y="122856"/>
                </a:moveTo>
                <a:lnTo>
                  <a:pt x="119344" y="1728192"/>
                </a:lnTo>
                <a:lnTo>
                  <a:pt x="3120656" y="1728192"/>
                </a:lnTo>
                <a:lnTo>
                  <a:pt x="3120656" y="122856"/>
                </a:lnTo>
                <a:close/>
                <a:moveTo>
                  <a:pt x="0" y="0"/>
                </a:moveTo>
                <a:lnTo>
                  <a:pt x="3240000" y="0"/>
                </a:lnTo>
                <a:lnTo>
                  <a:pt x="3240000" y="2016224"/>
                </a:lnTo>
                <a:lnTo>
                  <a:pt x="1812079" y="2016224"/>
                </a:lnTo>
                <a:lnTo>
                  <a:pt x="1857107" y="2320159"/>
                </a:lnTo>
                <a:lnTo>
                  <a:pt x="2357140" y="2320159"/>
                </a:lnTo>
                <a:cubicBezTo>
                  <a:pt x="2427304" y="2320159"/>
                  <a:pt x="2484184" y="2377039"/>
                  <a:pt x="2484184" y="2447203"/>
                </a:cubicBezTo>
                <a:lnTo>
                  <a:pt x="2484184" y="2574247"/>
                </a:lnTo>
                <a:lnTo>
                  <a:pt x="755992" y="2574247"/>
                </a:lnTo>
                <a:lnTo>
                  <a:pt x="755992" y="2447203"/>
                </a:lnTo>
                <a:cubicBezTo>
                  <a:pt x="755992" y="2377039"/>
                  <a:pt x="812872" y="2320159"/>
                  <a:pt x="883036" y="2320159"/>
                </a:cubicBezTo>
                <a:lnTo>
                  <a:pt x="1382894" y="2320159"/>
                </a:lnTo>
                <a:lnTo>
                  <a:pt x="1427922" y="2016224"/>
                </a:lnTo>
                <a:lnTo>
                  <a:pt x="0" y="2016224"/>
                </a:ln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8" name="Rounded Rectangle 25">
            <a:extLst>
              <a:ext uri="{FF2B5EF4-FFF2-40B4-BE49-F238E27FC236}">
                <a16:creationId xmlns:a16="http://schemas.microsoft.com/office/drawing/2014/main" id="{4572E89B-D1A8-4A73-807F-C57BE0137D47}"/>
              </a:ext>
            </a:extLst>
          </p:cNvPr>
          <p:cNvSpPr/>
          <p:nvPr/>
        </p:nvSpPr>
        <p:spPr>
          <a:xfrm>
            <a:off x="7154498" y="2552022"/>
            <a:ext cx="299026" cy="420457"/>
          </a:xfrm>
          <a:custGeom>
            <a:avLst/>
            <a:gdLst/>
            <a:ahLst/>
            <a:cxnLst/>
            <a:rect l="l" t="t" r="r" b="b"/>
            <a:pathLst>
              <a:path w="2304256" h="3240000">
                <a:moveTo>
                  <a:pt x="954128" y="3024336"/>
                </a:moveTo>
                <a:cubicBezTo>
                  <a:pt x="924305" y="3024336"/>
                  <a:pt x="900128" y="3048513"/>
                  <a:pt x="900128" y="3078336"/>
                </a:cubicBezTo>
                <a:cubicBezTo>
                  <a:pt x="900128" y="3108159"/>
                  <a:pt x="924305" y="3132336"/>
                  <a:pt x="954128" y="3132336"/>
                </a:cubicBezTo>
                <a:lnTo>
                  <a:pt x="1350128" y="3132336"/>
                </a:lnTo>
                <a:cubicBezTo>
                  <a:pt x="1379951" y="3132336"/>
                  <a:pt x="1404128" y="3108159"/>
                  <a:pt x="1404128" y="3078336"/>
                </a:cubicBezTo>
                <a:cubicBezTo>
                  <a:pt x="1404128" y="3048513"/>
                  <a:pt x="1379951" y="3024336"/>
                  <a:pt x="1350128" y="3024336"/>
                </a:cubicBezTo>
                <a:close/>
                <a:moveTo>
                  <a:pt x="131531" y="224650"/>
                </a:moveTo>
                <a:lnTo>
                  <a:pt x="131531" y="2888946"/>
                </a:lnTo>
                <a:lnTo>
                  <a:pt x="2172725" y="2888946"/>
                </a:lnTo>
                <a:lnTo>
                  <a:pt x="2172725" y="224650"/>
                </a:lnTo>
                <a:close/>
                <a:moveTo>
                  <a:pt x="936128" y="73520"/>
                </a:moveTo>
                <a:cubicBezTo>
                  <a:pt x="916246" y="73520"/>
                  <a:pt x="900128" y="89638"/>
                  <a:pt x="900128" y="109520"/>
                </a:cubicBezTo>
                <a:cubicBezTo>
                  <a:pt x="900128" y="129402"/>
                  <a:pt x="916246" y="145520"/>
                  <a:pt x="936128" y="145520"/>
                </a:cubicBezTo>
                <a:lnTo>
                  <a:pt x="1368128" y="145520"/>
                </a:lnTo>
                <a:cubicBezTo>
                  <a:pt x="1388010" y="145520"/>
                  <a:pt x="1404128" y="129402"/>
                  <a:pt x="1404128" y="109520"/>
                </a:cubicBezTo>
                <a:cubicBezTo>
                  <a:pt x="1404128" y="89638"/>
                  <a:pt x="1388010" y="73520"/>
                  <a:pt x="1368128" y="73520"/>
                </a:cubicBezTo>
                <a:close/>
                <a:moveTo>
                  <a:pt x="155330" y="0"/>
                </a:moveTo>
                <a:lnTo>
                  <a:pt x="2148926" y="0"/>
                </a:lnTo>
                <a:cubicBezTo>
                  <a:pt x="2234712" y="0"/>
                  <a:pt x="2304256" y="69544"/>
                  <a:pt x="2304256" y="155330"/>
                </a:cubicBezTo>
                <a:lnTo>
                  <a:pt x="2304256" y="3084670"/>
                </a:lnTo>
                <a:cubicBezTo>
                  <a:pt x="2304256" y="3170456"/>
                  <a:pt x="2234712" y="3240000"/>
                  <a:pt x="2148926" y="3240000"/>
                </a:cubicBezTo>
                <a:lnTo>
                  <a:pt x="155330" y="3240000"/>
                </a:lnTo>
                <a:cubicBezTo>
                  <a:pt x="69544" y="3240000"/>
                  <a:pt x="0" y="3170456"/>
                  <a:pt x="0" y="3084670"/>
                </a:cubicBezTo>
                <a:lnTo>
                  <a:pt x="0" y="155330"/>
                </a:lnTo>
                <a:cubicBezTo>
                  <a:pt x="0" y="69544"/>
                  <a:pt x="69544" y="0"/>
                  <a:pt x="155330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9" name="Chord 14">
            <a:extLst>
              <a:ext uri="{FF2B5EF4-FFF2-40B4-BE49-F238E27FC236}">
                <a16:creationId xmlns:a16="http://schemas.microsoft.com/office/drawing/2014/main" id="{55CB0732-5078-415F-A13A-7992B69C1679}"/>
              </a:ext>
            </a:extLst>
          </p:cNvPr>
          <p:cNvSpPr/>
          <p:nvPr/>
        </p:nvSpPr>
        <p:spPr>
          <a:xfrm>
            <a:off x="5919945" y="5535338"/>
            <a:ext cx="512639" cy="646909"/>
          </a:xfrm>
          <a:custGeom>
            <a:avLst/>
            <a:gdLst/>
            <a:ahLst/>
            <a:cxnLst/>
            <a:rect l="l" t="t" r="r" b="b"/>
            <a:pathLst>
              <a:path w="2120980" h="2676504">
                <a:moveTo>
                  <a:pt x="824057" y="2198115"/>
                </a:moveTo>
                <a:lnTo>
                  <a:pt x="824057" y="2229022"/>
                </a:lnTo>
                <a:lnTo>
                  <a:pt x="751177" y="2229022"/>
                </a:lnTo>
                <a:lnTo>
                  <a:pt x="751177" y="2510330"/>
                </a:lnTo>
                <a:lnTo>
                  <a:pt x="824057" y="2510330"/>
                </a:lnTo>
                <a:lnTo>
                  <a:pt x="824057" y="2541237"/>
                </a:lnTo>
                <a:lnTo>
                  <a:pt x="1298129" y="2541237"/>
                </a:lnTo>
                <a:lnTo>
                  <a:pt x="1298129" y="2510330"/>
                </a:lnTo>
                <a:lnTo>
                  <a:pt x="1371008" y="2510330"/>
                </a:lnTo>
                <a:lnTo>
                  <a:pt x="1371008" y="2229022"/>
                </a:lnTo>
                <a:lnTo>
                  <a:pt x="1298129" y="2229022"/>
                </a:lnTo>
                <a:lnTo>
                  <a:pt x="1298129" y="2198115"/>
                </a:lnTo>
                <a:close/>
                <a:moveTo>
                  <a:pt x="1933495" y="134375"/>
                </a:moveTo>
                <a:cubicBezTo>
                  <a:pt x="1872496" y="128267"/>
                  <a:pt x="1778964" y="206162"/>
                  <a:pt x="1655092" y="316398"/>
                </a:cubicBezTo>
                <a:lnTo>
                  <a:pt x="1655092" y="762581"/>
                </a:lnTo>
                <a:lnTo>
                  <a:pt x="1651862" y="762581"/>
                </a:lnTo>
                <a:cubicBezTo>
                  <a:pt x="1647824" y="843406"/>
                  <a:pt x="1633793" y="920606"/>
                  <a:pt x="1611266" y="992211"/>
                </a:cubicBezTo>
                <a:cubicBezTo>
                  <a:pt x="1739269" y="1047184"/>
                  <a:pt x="1828260" y="986425"/>
                  <a:pt x="1895778" y="900656"/>
                </a:cubicBezTo>
                <a:cubicBezTo>
                  <a:pt x="1964561" y="813279"/>
                  <a:pt x="2016746" y="624382"/>
                  <a:pt x="2016490" y="465292"/>
                </a:cubicBezTo>
                <a:cubicBezTo>
                  <a:pt x="2023696" y="232949"/>
                  <a:pt x="1995287" y="140561"/>
                  <a:pt x="1933495" y="134375"/>
                </a:cubicBezTo>
                <a:close/>
                <a:moveTo>
                  <a:pt x="187485" y="134375"/>
                </a:moveTo>
                <a:cubicBezTo>
                  <a:pt x="125693" y="140561"/>
                  <a:pt x="97284" y="232949"/>
                  <a:pt x="104490" y="465292"/>
                </a:cubicBezTo>
                <a:cubicBezTo>
                  <a:pt x="104234" y="624382"/>
                  <a:pt x="156419" y="813279"/>
                  <a:pt x="225202" y="900656"/>
                </a:cubicBezTo>
                <a:cubicBezTo>
                  <a:pt x="292944" y="986710"/>
                  <a:pt x="382303" y="1047587"/>
                  <a:pt x="511026" y="991745"/>
                </a:cubicBezTo>
                <a:cubicBezTo>
                  <a:pt x="488627" y="920189"/>
                  <a:pt x="474740" y="843131"/>
                  <a:pt x="470841" y="762581"/>
                </a:cubicBezTo>
                <a:lnTo>
                  <a:pt x="467092" y="762581"/>
                </a:lnTo>
                <a:lnTo>
                  <a:pt x="467092" y="317447"/>
                </a:lnTo>
                <a:cubicBezTo>
                  <a:pt x="342616" y="206663"/>
                  <a:pt x="248680" y="128248"/>
                  <a:pt x="187485" y="134375"/>
                </a:cubicBezTo>
                <a:close/>
                <a:moveTo>
                  <a:pt x="171293" y="338"/>
                </a:moveTo>
                <a:cubicBezTo>
                  <a:pt x="267101" y="7324"/>
                  <a:pt x="383647" y="121035"/>
                  <a:pt x="467092" y="183917"/>
                </a:cubicBezTo>
                <a:lnTo>
                  <a:pt x="467092" y="127304"/>
                </a:lnTo>
                <a:cubicBezTo>
                  <a:pt x="446033" y="120339"/>
                  <a:pt x="431092" y="100383"/>
                  <a:pt x="431092" y="76938"/>
                </a:cubicBezTo>
                <a:cubicBezTo>
                  <a:pt x="431092" y="47115"/>
                  <a:pt x="455269" y="22938"/>
                  <a:pt x="485092" y="22938"/>
                </a:cubicBezTo>
                <a:lnTo>
                  <a:pt x="1637092" y="22938"/>
                </a:lnTo>
                <a:cubicBezTo>
                  <a:pt x="1666915" y="22938"/>
                  <a:pt x="1691092" y="47115"/>
                  <a:pt x="1691092" y="76938"/>
                </a:cubicBezTo>
                <a:cubicBezTo>
                  <a:pt x="1691092" y="100383"/>
                  <a:pt x="1676151" y="120339"/>
                  <a:pt x="1655092" y="127304"/>
                </a:cubicBezTo>
                <a:lnTo>
                  <a:pt x="1655092" y="182958"/>
                </a:lnTo>
                <a:cubicBezTo>
                  <a:pt x="1738474" y="119924"/>
                  <a:pt x="1854348" y="7289"/>
                  <a:pt x="1949687" y="338"/>
                </a:cubicBezTo>
                <a:cubicBezTo>
                  <a:pt x="2046947" y="-6754"/>
                  <a:pt x="2122836" y="96139"/>
                  <a:pt x="2120946" y="473736"/>
                </a:cubicBezTo>
                <a:cubicBezTo>
                  <a:pt x="2117166" y="673942"/>
                  <a:pt x="2058714" y="872497"/>
                  <a:pt x="1966316" y="974360"/>
                </a:cubicBezTo>
                <a:cubicBezTo>
                  <a:pt x="1875288" y="1074712"/>
                  <a:pt x="1740706" y="1159472"/>
                  <a:pt x="1574365" y="1087619"/>
                </a:cubicBezTo>
                <a:cubicBezTo>
                  <a:pt x="1498402" y="1256706"/>
                  <a:pt x="1371540" y="1383225"/>
                  <a:pt x="1220432" y="1434843"/>
                </a:cubicBezTo>
                <a:lnTo>
                  <a:pt x="1220432" y="1524098"/>
                </a:lnTo>
                <a:cubicBezTo>
                  <a:pt x="1242816" y="1529237"/>
                  <a:pt x="1259092" y="1549488"/>
                  <a:pt x="1259092" y="1573540"/>
                </a:cubicBezTo>
                <a:lnTo>
                  <a:pt x="1259092" y="1782216"/>
                </a:lnTo>
                <a:cubicBezTo>
                  <a:pt x="1259092" y="1806269"/>
                  <a:pt x="1242816" y="1826519"/>
                  <a:pt x="1220432" y="1831659"/>
                </a:cubicBezTo>
                <a:lnTo>
                  <a:pt x="1220432" y="1899972"/>
                </a:lnTo>
                <a:cubicBezTo>
                  <a:pt x="1220432" y="1908643"/>
                  <a:pt x="1218317" y="1916820"/>
                  <a:pt x="1214011" y="1923722"/>
                </a:cubicBezTo>
                <a:cubicBezTo>
                  <a:pt x="1480406" y="1939701"/>
                  <a:pt x="1673079" y="1996147"/>
                  <a:pt x="1682229" y="2062848"/>
                </a:cubicBezTo>
                <a:lnTo>
                  <a:pt x="1925188" y="2062848"/>
                </a:lnTo>
                <a:lnTo>
                  <a:pt x="1925188" y="2676504"/>
                </a:lnTo>
                <a:lnTo>
                  <a:pt x="196996" y="2676504"/>
                </a:lnTo>
                <a:lnTo>
                  <a:pt x="196996" y="2062848"/>
                </a:lnTo>
                <a:lnTo>
                  <a:pt x="427501" y="2062848"/>
                </a:lnTo>
                <a:cubicBezTo>
                  <a:pt x="436455" y="1995236"/>
                  <a:pt x="634470" y="1937990"/>
                  <a:pt x="907722" y="1923052"/>
                </a:cubicBezTo>
                <a:cubicBezTo>
                  <a:pt x="903729" y="1916275"/>
                  <a:pt x="901752" y="1908354"/>
                  <a:pt x="901752" y="1899972"/>
                </a:cubicBezTo>
                <a:lnTo>
                  <a:pt x="901752" y="1831659"/>
                </a:lnTo>
                <a:cubicBezTo>
                  <a:pt x="879369" y="1826519"/>
                  <a:pt x="863092" y="1806269"/>
                  <a:pt x="863092" y="1782216"/>
                </a:cubicBezTo>
                <a:lnTo>
                  <a:pt x="863092" y="1573540"/>
                </a:lnTo>
                <a:cubicBezTo>
                  <a:pt x="863092" y="1549488"/>
                  <a:pt x="879369" y="1529237"/>
                  <a:pt x="901752" y="1524098"/>
                </a:cubicBezTo>
                <a:lnTo>
                  <a:pt x="901752" y="1435225"/>
                </a:lnTo>
                <a:cubicBezTo>
                  <a:pt x="750211" y="1383280"/>
                  <a:pt x="623484" y="1256276"/>
                  <a:pt x="547795" y="1087211"/>
                </a:cubicBezTo>
                <a:cubicBezTo>
                  <a:pt x="380891" y="1159861"/>
                  <a:pt x="245901" y="1074942"/>
                  <a:pt x="154664" y="974360"/>
                </a:cubicBezTo>
                <a:cubicBezTo>
                  <a:pt x="62266" y="872497"/>
                  <a:pt x="3814" y="673942"/>
                  <a:pt x="34" y="473736"/>
                </a:cubicBezTo>
                <a:cubicBezTo>
                  <a:pt x="-1856" y="96139"/>
                  <a:pt x="74033" y="-6754"/>
                  <a:pt x="171293" y="338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80" name="Rounded Rectangle 6">
            <a:extLst>
              <a:ext uri="{FF2B5EF4-FFF2-40B4-BE49-F238E27FC236}">
                <a16:creationId xmlns:a16="http://schemas.microsoft.com/office/drawing/2014/main" id="{11DB8BB9-D675-470D-AC1D-C9EF80405172}"/>
              </a:ext>
            </a:extLst>
          </p:cNvPr>
          <p:cNvSpPr/>
          <p:nvPr/>
        </p:nvSpPr>
        <p:spPr>
          <a:xfrm>
            <a:off x="4411373" y="2471636"/>
            <a:ext cx="508153" cy="516633"/>
          </a:xfrm>
          <a:custGeom>
            <a:avLst/>
            <a:gdLst/>
            <a:ahLst/>
            <a:cxnLst/>
            <a:rect l="l" t="t" r="r" b="b"/>
            <a:pathLst>
              <a:path w="3186824" h="3060919">
                <a:moveTo>
                  <a:pt x="1045874" y="2696689"/>
                </a:moveTo>
                <a:lnTo>
                  <a:pt x="2125874" y="2696689"/>
                </a:lnTo>
                <a:lnTo>
                  <a:pt x="2125874" y="2804689"/>
                </a:lnTo>
                <a:lnTo>
                  <a:pt x="1045874" y="2804689"/>
                </a:lnTo>
                <a:close/>
                <a:moveTo>
                  <a:pt x="1045874" y="2410468"/>
                </a:moveTo>
                <a:lnTo>
                  <a:pt x="2125874" y="2410468"/>
                </a:lnTo>
                <a:lnTo>
                  <a:pt x="2125874" y="2518468"/>
                </a:lnTo>
                <a:lnTo>
                  <a:pt x="1045874" y="2518468"/>
                </a:lnTo>
                <a:close/>
                <a:moveTo>
                  <a:pt x="1045874" y="2124247"/>
                </a:moveTo>
                <a:lnTo>
                  <a:pt x="2125874" y="2124247"/>
                </a:lnTo>
                <a:lnTo>
                  <a:pt x="2125874" y="2232247"/>
                </a:lnTo>
                <a:lnTo>
                  <a:pt x="1045874" y="2232247"/>
                </a:lnTo>
                <a:close/>
                <a:moveTo>
                  <a:pt x="902547" y="1956791"/>
                </a:moveTo>
                <a:lnTo>
                  <a:pt x="902547" y="2109191"/>
                </a:lnTo>
                <a:lnTo>
                  <a:pt x="902547" y="2185391"/>
                </a:lnTo>
                <a:lnTo>
                  <a:pt x="902547" y="2376263"/>
                </a:lnTo>
                <a:lnTo>
                  <a:pt x="902547" y="2973921"/>
                </a:lnTo>
                <a:lnTo>
                  <a:pt x="2284277" y="2973921"/>
                </a:lnTo>
                <a:lnTo>
                  <a:pt x="2284277" y="2376263"/>
                </a:lnTo>
                <a:lnTo>
                  <a:pt x="2284277" y="2185391"/>
                </a:lnTo>
                <a:lnTo>
                  <a:pt x="2284277" y="2109191"/>
                </a:lnTo>
                <a:lnTo>
                  <a:pt x="2284277" y="1956791"/>
                </a:lnTo>
                <a:close/>
                <a:moveTo>
                  <a:pt x="469172" y="1728191"/>
                </a:moveTo>
                <a:lnTo>
                  <a:pt x="469172" y="2185391"/>
                </a:lnTo>
                <a:lnTo>
                  <a:pt x="767127" y="2185391"/>
                </a:lnTo>
                <a:lnTo>
                  <a:pt x="767127" y="2109191"/>
                </a:lnTo>
                <a:lnTo>
                  <a:pt x="545372" y="2109191"/>
                </a:lnTo>
                <a:lnTo>
                  <a:pt x="545372" y="1804391"/>
                </a:lnTo>
                <a:lnTo>
                  <a:pt x="2641452" y="1804391"/>
                </a:lnTo>
                <a:lnTo>
                  <a:pt x="2641452" y="2109191"/>
                </a:lnTo>
                <a:lnTo>
                  <a:pt x="2419697" y="2109191"/>
                </a:lnTo>
                <a:lnTo>
                  <a:pt x="2419697" y="2185391"/>
                </a:lnTo>
                <a:lnTo>
                  <a:pt x="2717652" y="2185391"/>
                </a:lnTo>
                <a:lnTo>
                  <a:pt x="2717652" y="1728191"/>
                </a:lnTo>
                <a:close/>
                <a:moveTo>
                  <a:pt x="2819005" y="1350909"/>
                </a:moveTo>
                <a:cubicBezTo>
                  <a:pt x="2769294" y="1350909"/>
                  <a:pt x="2728995" y="1391208"/>
                  <a:pt x="2728995" y="1440919"/>
                </a:cubicBezTo>
                <a:cubicBezTo>
                  <a:pt x="2728995" y="1490630"/>
                  <a:pt x="2769294" y="1530929"/>
                  <a:pt x="2819005" y="1530929"/>
                </a:cubicBezTo>
                <a:cubicBezTo>
                  <a:pt x="2868716" y="1530929"/>
                  <a:pt x="2909015" y="1490630"/>
                  <a:pt x="2909015" y="1440919"/>
                </a:cubicBezTo>
                <a:cubicBezTo>
                  <a:pt x="2909015" y="1391208"/>
                  <a:pt x="2868716" y="1350909"/>
                  <a:pt x="2819005" y="1350909"/>
                </a:cubicBezTo>
                <a:close/>
                <a:moveTo>
                  <a:pt x="2509707" y="1350909"/>
                </a:moveTo>
                <a:cubicBezTo>
                  <a:pt x="2459996" y="1350909"/>
                  <a:pt x="2419697" y="1391208"/>
                  <a:pt x="2419697" y="1440919"/>
                </a:cubicBezTo>
                <a:cubicBezTo>
                  <a:pt x="2419697" y="1490630"/>
                  <a:pt x="2459996" y="1530929"/>
                  <a:pt x="2509707" y="1530929"/>
                </a:cubicBezTo>
                <a:cubicBezTo>
                  <a:pt x="2559418" y="1530929"/>
                  <a:pt x="2599717" y="1490630"/>
                  <a:pt x="2599717" y="1440919"/>
                </a:cubicBezTo>
                <a:cubicBezTo>
                  <a:pt x="2599717" y="1391208"/>
                  <a:pt x="2559418" y="1350909"/>
                  <a:pt x="2509707" y="1350909"/>
                </a:cubicBezTo>
                <a:close/>
                <a:moveTo>
                  <a:pt x="195993" y="1200328"/>
                </a:moveTo>
                <a:lnTo>
                  <a:pt x="2990831" y="1200328"/>
                </a:lnTo>
                <a:cubicBezTo>
                  <a:pt x="3099075" y="1200328"/>
                  <a:pt x="3186824" y="1288077"/>
                  <a:pt x="3186824" y="1396321"/>
                </a:cubicBezTo>
                <a:lnTo>
                  <a:pt x="3186824" y="2180270"/>
                </a:lnTo>
                <a:cubicBezTo>
                  <a:pt x="3186824" y="2288514"/>
                  <a:pt x="3099075" y="2376263"/>
                  <a:pt x="2990831" y="2376263"/>
                </a:cubicBezTo>
                <a:lnTo>
                  <a:pt x="2419697" y="2376263"/>
                </a:lnTo>
                <a:lnTo>
                  <a:pt x="2419697" y="3060919"/>
                </a:lnTo>
                <a:lnTo>
                  <a:pt x="767127" y="3060919"/>
                </a:lnTo>
                <a:lnTo>
                  <a:pt x="767127" y="2376263"/>
                </a:lnTo>
                <a:lnTo>
                  <a:pt x="195993" y="2376263"/>
                </a:lnTo>
                <a:cubicBezTo>
                  <a:pt x="87749" y="2376263"/>
                  <a:pt x="0" y="2288514"/>
                  <a:pt x="0" y="2180270"/>
                </a:cubicBezTo>
                <a:lnTo>
                  <a:pt x="0" y="1396321"/>
                </a:lnTo>
                <a:cubicBezTo>
                  <a:pt x="0" y="1288077"/>
                  <a:pt x="87749" y="1200328"/>
                  <a:pt x="195993" y="1200328"/>
                </a:cubicBezTo>
                <a:close/>
                <a:moveTo>
                  <a:pt x="767127" y="0"/>
                </a:moveTo>
                <a:lnTo>
                  <a:pt x="2419697" y="0"/>
                </a:lnTo>
                <a:lnTo>
                  <a:pt x="2419697" y="190589"/>
                </a:lnTo>
                <a:lnTo>
                  <a:pt x="2565249" y="190589"/>
                </a:lnTo>
                <a:cubicBezTo>
                  <a:pt x="2649419" y="190589"/>
                  <a:pt x="2717652" y="258822"/>
                  <a:pt x="2717652" y="342992"/>
                </a:cubicBezTo>
                <a:lnTo>
                  <a:pt x="2717652" y="1104989"/>
                </a:lnTo>
                <a:lnTo>
                  <a:pt x="2284277" y="1104989"/>
                </a:lnTo>
                <a:lnTo>
                  <a:pt x="2284277" y="1104128"/>
                </a:lnTo>
                <a:lnTo>
                  <a:pt x="2284277" y="190589"/>
                </a:lnTo>
                <a:lnTo>
                  <a:pt x="2284277" y="96523"/>
                </a:lnTo>
                <a:lnTo>
                  <a:pt x="902547" y="96523"/>
                </a:lnTo>
                <a:lnTo>
                  <a:pt x="902547" y="190589"/>
                </a:lnTo>
                <a:lnTo>
                  <a:pt x="902547" y="1104128"/>
                </a:lnTo>
                <a:lnTo>
                  <a:pt x="902547" y="1104989"/>
                </a:lnTo>
                <a:lnTo>
                  <a:pt x="469172" y="1104989"/>
                </a:lnTo>
                <a:lnTo>
                  <a:pt x="469172" y="342992"/>
                </a:lnTo>
                <a:cubicBezTo>
                  <a:pt x="469172" y="258822"/>
                  <a:pt x="537405" y="190589"/>
                  <a:pt x="621575" y="190589"/>
                </a:cubicBezTo>
                <a:lnTo>
                  <a:pt x="767127" y="190589"/>
                </a:ln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81" name="Oval 66">
            <a:extLst>
              <a:ext uri="{FF2B5EF4-FFF2-40B4-BE49-F238E27FC236}">
                <a16:creationId xmlns:a16="http://schemas.microsoft.com/office/drawing/2014/main" id="{64136ECC-E882-4D1E-8298-06A6A02A6E1A}"/>
              </a:ext>
            </a:extLst>
          </p:cNvPr>
          <p:cNvSpPr/>
          <p:nvPr/>
        </p:nvSpPr>
        <p:spPr>
          <a:xfrm rot="20700000">
            <a:off x="6137536" y="3634206"/>
            <a:ext cx="548680" cy="469988"/>
          </a:xfrm>
          <a:custGeom>
            <a:avLst/>
            <a:gdLst/>
            <a:ahLst/>
            <a:cxnLst/>
            <a:rect l="l" t="t" r="r" b="b"/>
            <a:pathLst>
              <a:path w="2901316" h="2485205">
                <a:moveTo>
                  <a:pt x="2901316" y="8833"/>
                </a:moveTo>
                <a:lnTo>
                  <a:pt x="2885407" y="69738"/>
                </a:lnTo>
                <a:lnTo>
                  <a:pt x="2890344" y="71061"/>
                </a:lnTo>
                <a:lnTo>
                  <a:pt x="2331295" y="2157461"/>
                </a:lnTo>
                <a:lnTo>
                  <a:pt x="2322295" y="2155049"/>
                </a:lnTo>
                <a:cubicBezTo>
                  <a:pt x="2311779" y="2339141"/>
                  <a:pt x="2127696" y="2485205"/>
                  <a:pt x="1902404" y="2485205"/>
                </a:cubicBezTo>
                <a:cubicBezTo>
                  <a:pt x="1669201" y="2485205"/>
                  <a:pt x="1480151" y="2328701"/>
                  <a:pt x="1480150" y="2135644"/>
                </a:cubicBezTo>
                <a:cubicBezTo>
                  <a:pt x="1480150" y="1942587"/>
                  <a:pt x="1669200" y="1786083"/>
                  <a:pt x="1902404" y="1786083"/>
                </a:cubicBezTo>
                <a:cubicBezTo>
                  <a:pt x="2026046" y="1786083"/>
                  <a:pt x="2137276" y="1830075"/>
                  <a:pt x="2213623" y="1901150"/>
                </a:cubicBezTo>
                <a:lnTo>
                  <a:pt x="2586815" y="508378"/>
                </a:lnTo>
                <a:lnTo>
                  <a:pt x="1283297" y="508378"/>
                </a:lnTo>
                <a:lnTo>
                  <a:pt x="847984" y="2132988"/>
                </a:lnTo>
                <a:lnTo>
                  <a:pt x="841776" y="2131324"/>
                </a:lnTo>
                <a:cubicBezTo>
                  <a:pt x="829584" y="2314002"/>
                  <a:pt x="646295" y="2458448"/>
                  <a:pt x="422254" y="2458448"/>
                </a:cubicBezTo>
                <a:cubicBezTo>
                  <a:pt x="189051" y="2458448"/>
                  <a:pt x="1" y="2301944"/>
                  <a:pt x="0" y="2108887"/>
                </a:cubicBezTo>
                <a:cubicBezTo>
                  <a:pt x="0" y="1915830"/>
                  <a:pt x="189051" y="1759326"/>
                  <a:pt x="422255" y="1759326"/>
                </a:cubicBezTo>
                <a:cubicBezTo>
                  <a:pt x="544771" y="1759326"/>
                  <a:pt x="655100" y="1802522"/>
                  <a:pt x="731465" y="1872378"/>
                </a:cubicBezTo>
                <a:lnTo>
                  <a:pt x="1233167" y="0"/>
                </a:lnTo>
                <a:lnTo>
                  <a:pt x="1266129" y="8833"/>
                </a:ln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82" name="Isosceles Triangle 13">
            <a:extLst>
              <a:ext uri="{FF2B5EF4-FFF2-40B4-BE49-F238E27FC236}">
                <a16:creationId xmlns:a16="http://schemas.microsoft.com/office/drawing/2014/main" id="{A54A6140-C0D9-4440-A5D4-E05BC900724C}"/>
              </a:ext>
            </a:extLst>
          </p:cNvPr>
          <p:cNvSpPr/>
          <p:nvPr/>
        </p:nvSpPr>
        <p:spPr>
          <a:xfrm rot="10800000">
            <a:off x="5188220" y="5485943"/>
            <a:ext cx="376548" cy="745701"/>
          </a:xfrm>
          <a:custGeom>
            <a:avLst/>
            <a:gdLst/>
            <a:ahLst/>
            <a:cxnLst/>
            <a:rect l="l" t="t" r="r" b="b"/>
            <a:pathLst>
              <a:path w="1613569" h="3195455">
                <a:moveTo>
                  <a:pt x="1348422" y="2012960"/>
                </a:moveTo>
                <a:lnTo>
                  <a:pt x="264249" y="2012960"/>
                </a:lnTo>
                <a:cubicBezTo>
                  <a:pt x="99656" y="1932015"/>
                  <a:pt x="172" y="1814225"/>
                  <a:pt x="0" y="1686651"/>
                </a:cubicBezTo>
                <a:lnTo>
                  <a:pt x="716785" y="1678553"/>
                </a:lnTo>
                <a:lnTo>
                  <a:pt x="716785" y="360000"/>
                </a:lnTo>
                <a:lnTo>
                  <a:pt x="716785" y="355479"/>
                </a:lnTo>
                <a:lnTo>
                  <a:pt x="717916" y="355479"/>
                </a:lnTo>
                <a:lnTo>
                  <a:pt x="806785" y="0"/>
                </a:lnTo>
                <a:lnTo>
                  <a:pt x="895655" y="355479"/>
                </a:lnTo>
                <a:lnTo>
                  <a:pt x="896785" y="355479"/>
                </a:lnTo>
                <a:lnTo>
                  <a:pt x="896785" y="360000"/>
                </a:lnTo>
                <a:lnTo>
                  <a:pt x="896785" y="1676520"/>
                </a:lnTo>
                <a:lnTo>
                  <a:pt x="1612906" y="1668429"/>
                </a:lnTo>
                <a:cubicBezTo>
                  <a:pt x="1622778" y="1802631"/>
                  <a:pt x="1521918" y="1928220"/>
                  <a:pt x="1348422" y="2012960"/>
                </a:cubicBezTo>
                <a:close/>
                <a:moveTo>
                  <a:pt x="1175921" y="2908428"/>
                </a:moveTo>
                <a:lnTo>
                  <a:pt x="437641" y="2908428"/>
                </a:lnTo>
                <a:lnTo>
                  <a:pt x="250570" y="2083962"/>
                </a:lnTo>
                <a:lnTo>
                  <a:pt x="1362992" y="2083962"/>
                </a:lnTo>
                <a:close/>
                <a:moveTo>
                  <a:pt x="1155969" y="3195455"/>
                </a:moveTo>
                <a:lnTo>
                  <a:pt x="457593" y="3195455"/>
                </a:lnTo>
                <a:cubicBezTo>
                  <a:pt x="397940" y="3195455"/>
                  <a:pt x="349581" y="3147096"/>
                  <a:pt x="349581" y="3087443"/>
                </a:cubicBezTo>
                <a:cubicBezTo>
                  <a:pt x="349581" y="3027790"/>
                  <a:pt x="397940" y="2979431"/>
                  <a:pt x="457593" y="2979431"/>
                </a:cubicBezTo>
                <a:lnTo>
                  <a:pt x="1155969" y="2979431"/>
                </a:lnTo>
                <a:cubicBezTo>
                  <a:pt x="1215622" y="2979431"/>
                  <a:pt x="1263981" y="3027790"/>
                  <a:pt x="1263981" y="3087443"/>
                </a:cubicBezTo>
                <a:cubicBezTo>
                  <a:pt x="1263981" y="3147096"/>
                  <a:pt x="1215622" y="3195455"/>
                  <a:pt x="1155969" y="3195455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83" name="Smiley Face 14">
            <a:extLst>
              <a:ext uri="{FF2B5EF4-FFF2-40B4-BE49-F238E27FC236}">
                <a16:creationId xmlns:a16="http://schemas.microsoft.com/office/drawing/2014/main" id="{BD37565A-D14C-4133-B9E1-D7F8BF1C6551}"/>
              </a:ext>
            </a:extLst>
          </p:cNvPr>
          <p:cNvSpPr/>
          <p:nvPr/>
        </p:nvSpPr>
        <p:spPr>
          <a:xfrm>
            <a:off x="7617042" y="5578826"/>
            <a:ext cx="559934" cy="559934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2026698" y="2215122"/>
                </a:moveTo>
                <a:cubicBezTo>
                  <a:pt x="1959656" y="2378616"/>
                  <a:pt x="1801229" y="2486070"/>
                  <a:pt x="1624533" y="2487892"/>
                </a:cubicBezTo>
                <a:cubicBezTo>
                  <a:pt x="1447837" y="2489714"/>
                  <a:pt x="1287227" y="2385551"/>
                  <a:pt x="1216828" y="2223474"/>
                </a:cubicBezTo>
                <a:lnTo>
                  <a:pt x="1039110" y="2300667"/>
                </a:lnTo>
                <a:cubicBezTo>
                  <a:pt x="1140541" y="2534187"/>
                  <a:pt x="1371947" y="2684266"/>
                  <a:pt x="1626531" y="2681641"/>
                </a:cubicBezTo>
                <a:cubicBezTo>
                  <a:pt x="1881115" y="2679016"/>
                  <a:pt x="2109376" y="2524196"/>
                  <a:pt x="2205970" y="2288634"/>
                </a:cubicBezTo>
                <a:close/>
                <a:moveTo>
                  <a:pt x="2165423" y="986226"/>
                </a:moveTo>
                <a:cubicBezTo>
                  <a:pt x="2072622" y="986226"/>
                  <a:pt x="1997392" y="1061456"/>
                  <a:pt x="1997392" y="1154257"/>
                </a:cubicBezTo>
                <a:cubicBezTo>
                  <a:pt x="1997392" y="1247058"/>
                  <a:pt x="2072622" y="1322288"/>
                  <a:pt x="2165423" y="1322288"/>
                </a:cubicBezTo>
                <a:cubicBezTo>
                  <a:pt x="2258224" y="1322288"/>
                  <a:pt x="2333454" y="1247058"/>
                  <a:pt x="2333454" y="1154257"/>
                </a:cubicBezTo>
                <a:cubicBezTo>
                  <a:pt x="2333454" y="1061456"/>
                  <a:pt x="2258224" y="986226"/>
                  <a:pt x="2165423" y="986226"/>
                </a:cubicBezTo>
                <a:close/>
                <a:moveTo>
                  <a:pt x="1107401" y="986226"/>
                </a:moveTo>
                <a:cubicBezTo>
                  <a:pt x="1014600" y="986226"/>
                  <a:pt x="939370" y="1061456"/>
                  <a:pt x="939370" y="1154257"/>
                </a:cubicBezTo>
                <a:cubicBezTo>
                  <a:pt x="939370" y="1247058"/>
                  <a:pt x="1014600" y="1322288"/>
                  <a:pt x="1107401" y="1322288"/>
                </a:cubicBezTo>
                <a:cubicBezTo>
                  <a:pt x="1200202" y="1322288"/>
                  <a:pt x="1275432" y="1247058"/>
                  <a:pt x="1275432" y="1154257"/>
                </a:cubicBezTo>
                <a:cubicBezTo>
                  <a:pt x="1275432" y="1061456"/>
                  <a:pt x="1200202" y="986226"/>
                  <a:pt x="1107401" y="986226"/>
                </a:cubicBezTo>
                <a:close/>
                <a:moveTo>
                  <a:pt x="1620000" y="0"/>
                </a:moveTo>
                <a:lnTo>
                  <a:pt x="1785636" y="8364"/>
                </a:lnTo>
                <a:lnTo>
                  <a:pt x="1946487" y="32913"/>
                </a:lnTo>
                <a:lnTo>
                  <a:pt x="2101738" y="72832"/>
                </a:lnTo>
                <a:lnTo>
                  <a:pt x="2250577" y="127308"/>
                </a:lnTo>
                <a:lnTo>
                  <a:pt x="2392188" y="195525"/>
                </a:lnTo>
                <a:lnTo>
                  <a:pt x="2525757" y="276671"/>
                </a:lnTo>
                <a:lnTo>
                  <a:pt x="2650470" y="369929"/>
                </a:lnTo>
                <a:lnTo>
                  <a:pt x="2765513" y="474487"/>
                </a:lnTo>
                <a:lnTo>
                  <a:pt x="2870071" y="589530"/>
                </a:lnTo>
                <a:lnTo>
                  <a:pt x="2963329" y="714243"/>
                </a:lnTo>
                <a:lnTo>
                  <a:pt x="3044475" y="847812"/>
                </a:lnTo>
                <a:lnTo>
                  <a:pt x="3112693" y="989423"/>
                </a:lnTo>
                <a:lnTo>
                  <a:pt x="3167168" y="1138262"/>
                </a:lnTo>
                <a:lnTo>
                  <a:pt x="3207088" y="1293514"/>
                </a:lnTo>
                <a:lnTo>
                  <a:pt x="3231636" y="1454365"/>
                </a:lnTo>
                <a:lnTo>
                  <a:pt x="3240000" y="1620000"/>
                </a:lnTo>
                <a:lnTo>
                  <a:pt x="3231636" y="1785636"/>
                </a:lnTo>
                <a:lnTo>
                  <a:pt x="3207088" y="1946487"/>
                </a:lnTo>
                <a:lnTo>
                  <a:pt x="3167168" y="2101739"/>
                </a:lnTo>
                <a:lnTo>
                  <a:pt x="3112693" y="2250577"/>
                </a:lnTo>
                <a:lnTo>
                  <a:pt x="3044475" y="2392188"/>
                </a:lnTo>
                <a:lnTo>
                  <a:pt x="2963329" y="2525758"/>
                </a:lnTo>
                <a:lnTo>
                  <a:pt x="2870071" y="2650471"/>
                </a:lnTo>
                <a:lnTo>
                  <a:pt x="2765513" y="2765513"/>
                </a:lnTo>
                <a:lnTo>
                  <a:pt x="2650470" y="2870071"/>
                </a:lnTo>
                <a:lnTo>
                  <a:pt x="2525757" y="2963330"/>
                </a:lnTo>
                <a:lnTo>
                  <a:pt x="2392188" y="3044475"/>
                </a:lnTo>
                <a:lnTo>
                  <a:pt x="2250577" y="3112693"/>
                </a:lnTo>
                <a:lnTo>
                  <a:pt x="2101738" y="3167168"/>
                </a:lnTo>
                <a:lnTo>
                  <a:pt x="1946487" y="3207088"/>
                </a:lnTo>
                <a:lnTo>
                  <a:pt x="1785636" y="3231636"/>
                </a:lnTo>
                <a:cubicBezTo>
                  <a:pt x="1731176" y="3237167"/>
                  <a:pt x="1675919" y="3240000"/>
                  <a:pt x="1620000" y="3240000"/>
                </a:cubicBezTo>
                <a:cubicBezTo>
                  <a:pt x="1508162" y="3240000"/>
                  <a:pt x="1398972" y="3228667"/>
                  <a:pt x="1293514" y="3207088"/>
                </a:cubicBezTo>
                <a:cubicBezTo>
                  <a:pt x="1240785" y="3196298"/>
                  <a:pt x="1188989" y="3182946"/>
                  <a:pt x="1138262" y="3167168"/>
                </a:cubicBezTo>
                <a:cubicBezTo>
                  <a:pt x="1087535" y="3151390"/>
                  <a:pt x="1037877" y="3133187"/>
                  <a:pt x="989423" y="3112693"/>
                </a:cubicBezTo>
                <a:cubicBezTo>
                  <a:pt x="940970" y="3092198"/>
                  <a:pt x="893721" y="3069414"/>
                  <a:pt x="847812" y="3044475"/>
                </a:cubicBezTo>
                <a:cubicBezTo>
                  <a:pt x="801903" y="3019536"/>
                  <a:pt x="757335" y="2992442"/>
                  <a:pt x="714243" y="2963330"/>
                </a:cubicBezTo>
                <a:cubicBezTo>
                  <a:pt x="671151" y="2934217"/>
                  <a:pt x="629534" y="2903086"/>
                  <a:pt x="589530" y="2870071"/>
                </a:cubicBezTo>
                <a:cubicBezTo>
                  <a:pt x="549525" y="2837056"/>
                  <a:pt x="511132" y="2802158"/>
                  <a:pt x="474487" y="2765513"/>
                </a:cubicBezTo>
                <a:cubicBezTo>
                  <a:pt x="437842" y="2728868"/>
                  <a:pt x="402944" y="2690475"/>
                  <a:pt x="369929" y="2650471"/>
                </a:cubicBezTo>
                <a:cubicBezTo>
                  <a:pt x="336915" y="2610466"/>
                  <a:pt x="305783" y="2568850"/>
                  <a:pt x="276671" y="2525758"/>
                </a:cubicBezTo>
                <a:cubicBezTo>
                  <a:pt x="247558" y="2482665"/>
                  <a:pt x="220464" y="2438097"/>
                  <a:pt x="195525" y="2392188"/>
                </a:cubicBezTo>
                <a:cubicBezTo>
                  <a:pt x="170586" y="2346280"/>
                  <a:pt x="147802" y="2299031"/>
                  <a:pt x="127308" y="2250577"/>
                </a:cubicBezTo>
                <a:cubicBezTo>
                  <a:pt x="106814" y="2202124"/>
                  <a:pt x="88610" y="2152466"/>
                  <a:pt x="72832" y="2101739"/>
                </a:cubicBezTo>
                <a:cubicBezTo>
                  <a:pt x="57054" y="2051012"/>
                  <a:pt x="43703" y="1999216"/>
                  <a:pt x="32913" y="1946487"/>
                </a:cubicBezTo>
                <a:cubicBezTo>
                  <a:pt x="22123" y="1893758"/>
                  <a:pt x="13895" y="1840095"/>
                  <a:pt x="8364" y="1785636"/>
                </a:cubicBezTo>
                <a:cubicBezTo>
                  <a:pt x="2833" y="1731176"/>
                  <a:pt x="0" y="1675919"/>
                  <a:pt x="0" y="1620000"/>
                </a:cubicBezTo>
                <a:cubicBezTo>
                  <a:pt x="0" y="1508163"/>
                  <a:pt x="11333" y="1398972"/>
                  <a:pt x="32913" y="1293514"/>
                </a:cubicBezTo>
                <a:cubicBezTo>
                  <a:pt x="43703" y="1240785"/>
                  <a:pt x="57054" y="1188989"/>
                  <a:pt x="72832" y="1138262"/>
                </a:cubicBezTo>
                <a:cubicBezTo>
                  <a:pt x="88610" y="1087535"/>
                  <a:pt x="106814" y="1037877"/>
                  <a:pt x="127308" y="989423"/>
                </a:cubicBezTo>
                <a:cubicBezTo>
                  <a:pt x="147802" y="940970"/>
                  <a:pt x="170586" y="893721"/>
                  <a:pt x="195525" y="847812"/>
                </a:cubicBezTo>
                <a:cubicBezTo>
                  <a:pt x="220464" y="801904"/>
                  <a:pt x="247558" y="757335"/>
                  <a:pt x="276671" y="714243"/>
                </a:cubicBezTo>
                <a:cubicBezTo>
                  <a:pt x="305783" y="671151"/>
                  <a:pt x="336915" y="629534"/>
                  <a:pt x="369929" y="589530"/>
                </a:cubicBezTo>
                <a:cubicBezTo>
                  <a:pt x="402944" y="549525"/>
                  <a:pt x="437842" y="511133"/>
                  <a:pt x="474487" y="474487"/>
                </a:cubicBezTo>
                <a:cubicBezTo>
                  <a:pt x="511132" y="437842"/>
                  <a:pt x="549525" y="402944"/>
                  <a:pt x="589530" y="369929"/>
                </a:cubicBezTo>
                <a:cubicBezTo>
                  <a:pt x="629534" y="336915"/>
                  <a:pt x="671151" y="305783"/>
                  <a:pt x="714243" y="276671"/>
                </a:cubicBezTo>
                <a:cubicBezTo>
                  <a:pt x="757335" y="247558"/>
                  <a:pt x="801903" y="220465"/>
                  <a:pt x="847812" y="195525"/>
                </a:cubicBezTo>
                <a:cubicBezTo>
                  <a:pt x="893721" y="170586"/>
                  <a:pt x="940970" y="147802"/>
                  <a:pt x="989423" y="127308"/>
                </a:cubicBezTo>
                <a:cubicBezTo>
                  <a:pt x="1037877" y="106814"/>
                  <a:pt x="1087535" y="88610"/>
                  <a:pt x="1138262" y="72832"/>
                </a:cubicBezTo>
                <a:cubicBezTo>
                  <a:pt x="1188989" y="57054"/>
                  <a:pt x="1240785" y="43703"/>
                  <a:pt x="1293514" y="32913"/>
                </a:cubicBezTo>
                <a:cubicBezTo>
                  <a:pt x="1346243" y="22123"/>
                  <a:pt x="1399905" y="13895"/>
                  <a:pt x="1454365" y="8364"/>
                </a:cubicBezTo>
                <a:cubicBezTo>
                  <a:pt x="1508824" y="2833"/>
                  <a:pt x="1564081" y="0"/>
                  <a:pt x="1620000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84" name="Smiley Face 12">
            <a:extLst>
              <a:ext uri="{FF2B5EF4-FFF2-40B4-BE49-F238E27FC236}">
                <a16:creationId xmlns:a16="http://schemas.microsoft.com/office/drawing/2014/main" id="{7F01996A-EF70-44A8-AD2D-1E270513DCED}"/>
              </a:ext>
            </a:extLst>
          </p:cNvPr>
          <p:cNvSpPr/>
          <p:nvPr/>
        </p:nvSpPr>
        <p:spPr>
          <a:xfrm>
            <a:off x="10160622" y="5578826"/>
            <a:ext cx="559934" cy="559934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1613470" y="2077417"/>
                </a:moveTo>
                <a:cubicBezTo>
                  <a:pt x="1358886" y="2080042"/>
                  <a:pt x="1130625" y="2234862"/>
                  <a:pt x="1034031" y="2470424"/>
                </a:cubicBezTo>
                <a:lnTo>
                  <a:pt x="1213303" y="2543936"/>
                </a:lnTo>
                <a:cubicBezTo>
                  <a:pt x="1280345" y="2380442"/>
                  <a:pt x="1438772" y="2272988"/>
                  <a:pt x="1615468" y="2271166"/>
                </a:cubicBezTo>
                <a:cubicBezTo>
                  <a:pt x="1792164" y="2269344"/>
                  <a:pt x="1952774" y="2373507"/>
                  <a:pt x="2023173" y="2535584"/>
                </a:cubicBezTo>
                <a:lnTo>
                  <a:pt x="2200891" y="2458391"/>
                </a:lnTo>
                <a:cubicBezTo>
                  <a:pt x="2099460" y="2224871"/>
                  <a:pt x="1868054" y="2074792"/>
                  <a:pt x="1613470" y="2077417"/>
                </a:cubicBezTo>
                <a:close/>
                <a:moveTo>
                  <a:pt x="2165423" y="986226"/>
                </a:moveTo>
                <a:cubicBezTo>
                  <a:pt x="2072622" y="986226"/>
                  <a:pt x="1997392" y="1061456"/>
                  <a:pt x="1997392" y="1154257"/>
                </a:cubicBezTo>
                <a:cubicBezTo>
                  <a:pt x="1997392" y="1247058"/>
                  <a:pt x="2072622" y="1322288"/>
                  <a:pt x="2165423" y="1322288"/>
                </a:cubicBezTo>
                <a:cubicBezTo>
                  <a:pt x="2258224" y="1322288"/>
                  <a:pt x="2333454" y="1247058"/>
                  <a:pt x="2333454" y="1154257"/>
                </a:cubicBezTo>
                <a:cubicBezTo>
                  <a:pt x="2333454" y="1061456"/>
                  <a:pt x="2258224" y="986226"/>
                  <a:pt x="2165423" y="986226"/>
                </a:cubicBezTo>
                <a:close/>
                <a:moveTo>
                  <a:pt x="1107401" y="986226"/>
                </a:moveTo>
                <a:cubicBezTo>
                  <a:pt x="1014600" y="986226"/>
                  <a:pt x="939370" y="1061456"/>
                  <a:pt x="939370" y="1154257"/>
                </a:cubicBezTo>
                <a:cubicBezTo>
                  <a:pt x="939370" y="1247058"/>
                  <a:pt x="1014600" y="1322288"/>
                  <a:pt x="1107401" y="1322288"/>
                </a:cubicBezTo>
                <a:cubicBezTo>
                  <a:pt x="1200202" y="1322288"/>
                  <a:pt x="1275432" y="1247058"/>
                  <a:pt x="1275432" y="1154257"/>
                </a:cubicBezTo>
                <a:cubicBezTo>
                  <a:pt x="1275432" y="1061456"/>
                  <a:pt x="1200202" y="986226"/>
                  <a:pt x="1107401" y="986226"/>
                </a:cubicBezTo>
                <a:close/>
                <a:moveTo>
                  <a:pt x="1620000" y="0"/>
                </a:moveTo>
                <a:lnTo>
                  <a:pt x="1785636" y="8364"/>
                </a:lnTo>
                <a:lnTo>
                  <a:pt x="1946487" y="32913"/>
                </a:lnTo>
                <a:lnTo>
                  <a:pt x="2101739" y="72832"/>
                </a:lnTo>
                <a:lnTo>
                  <a:pt x="2250577" y="127308"/>
                </a:lnTo>
                <a:lnTo>
                  <a:pt x="2392188" y="195525"/>
                </a:lnTo>
                <a:lnTo>
                  <a:pt x="2525758" y="276671"/>
                </a:lnTo>
                <a:lnTo>
                  <a:pt x="2650471" y="369929"/>
                </a:lnTo>
                <a:lnTo>
                  <a:pt x="2765513" y="474487"/>
                </a:lnTo>
                <a:lnTo>
                  <a:pt x="2870071" y="589530"/>
                </a:lnTo>
                <a:lnTo>
                  <a:pt x="2963330" y="714243"/>
                </a:lnTo>
                <a:lnTo>
                  <a:pt x="3044475" y="847812"/>
                </a:lnTo>
                <a:lnTo>
                  <a:pt x="3112693" y="989423"/>
                </a:lnTo>
                <a:lnTo>
                  <a:pt x="3167168" y="1138262"/>
                </a:lnTo>
                <a:lnTo>
                  <a:pt x="3207088" y="1293514"/>
                </a:lnTo>
                <a:lnTo>
                  <a:pt x="3231636" y="1454365"/>
                </a:lnTo>
                <a:lnTo>
                  <a:pt x="3240000" y="1620000"/>
                </a:lnTo>
                <a:lnTo>
                  <a:pt x="3231636" y="1785636"/>
                </a:lnTo>
                <a:lnTo>
                  <a:pt x="3207088" y="1946487"/>
                </a:lnTo>
                <a:lnTo>
                  <a:pt x="3167168" y="2101739"/>
                </a:lnTo>
                <a:lnTo>
                  <a:pt x="3112693" y="2250577"/>
                </a:lnTo>
                <a:lnTo>
                  <a:pt x="3044475" y="2392188"/>
                </a:lnTo>
                <a:lnTo>
                  <a:pt x="2963330" y="2525758"/>
                </a:lnTo>
                <a:lnTo>
                  <a:pt x="2870071" y="2650471"/>
                </a:lnTo>
                <a:lnTo>
                  <a:pt x="2765513" y="2765513"/>
                </a:lnTo>
                <a:lnTo>
                  <a:pt x="2650471" y="2870071"/>
                </a:lnTo>
                <a:lnTo>
                  <a:pt x="2525758" y="2963330"/>
                </a:lnTo>
                <a:lnTo>
                  <a:pt x="2392188" y="3044475"/>
                </a:lnTo>
                <a:lnTo>
                  <a:pt x="2250577" y="3112693"/>
                </a:lnTo>
                <a:lnTo>
                  <a:pt x="2101739" y="3167168"/>
                </a:lnTo>
                <a:lnTo>
                  <a:pt x="1946487" y="3207088"/>
                </a:lnTo>
                <a:lnTo>
                  <a:pt x="1785636" y="3231636"/>
                </a:lnTo>
                <a:cubicBezTo>
                  <a:pt x="1731176" y="3237167"/>
                  <a:pt x="1675919" y="3240000"/>
                  <a:pt x="1620000" y="3240000"/>
                </a:cubicBezTo>
                <a:cubicBezTo>
                  <a:pt x="1508163" y="3240000"/>
                  <a:pt x="1398972" y="3228667"/>
                  <a:pt x="1293514" y="3207088"/>
                </a:cubicBezTo>
                <a:cubicBezTo>
                  <a:pt x="1240785" y="3196298"/>
                  <a:pt x="1188989" y="3182946"/>
                  <a:pt x="1138262" y="3167168"/>
                </a:cubicBezTo>
                <a:cubicBezTo>
                  <a:pt x="1087535" y="3151390"/>
                  <a:pt x="1037877" y="3133187"/>
                  <a:pt x="989423" y="3112693"/>
                </a:cubicBezTo>
                <a:cubicBezTo>
                  <a:pt x="940970" y="3092198"/>
                  <a:pt x="893721" y="3069414"/>
                  <a:pt x="847812" y="3044475"/>
                </a:cubicBezTo>
                <a:cubicBezTo>
                  <a:pt x="801904" y="3019536"/>
                  <a:pt x="757335" y="2992442"/>
                  <a:pt x="714243" y="2963330"/>
                </a:cubicBezTo>
                <a:cubicBezTo>
                  <a:pt x="671151" y="2934217"/>
                  <a:pt x="629534" y="2903086"/>
                  <a:pt x="589530" y="2870071"/>
                </a:cubicBezTo>
                <a:cubicBezTo>
                  <a:pt x="549525" y="2837056"/>
                  <a:pt x="511133" y="2802158"/>
                  <a:pt x="474487" y="2765513"/>
                </a:cubicBezTo>
                <a:cubicBezTo>
                  <a:pt x="437842" y="2728868"/>
                  <a:pt x="402944" y="2690475"/>
                  <a:pt x="369930" y="2650471"/>
                </a:cubicBezTo>
                <a:cubicBezTo>
                  <a:pt x="336915" y="2610466"/>
                  <a:pt x="305783" y="2568850"/>
                  <a:pt x="276671" y="2525758"/>
                </a:cubicBezTo>
                <a:cubicBezTo>
                  <a:pt x="247558" y="2482665"/>
                  <a:pt x="220465" y="2438097"/>
                  <a:pt x="195526" y="2392188"/>
                </a:cubicBezTo>
                <a:cubicBezTo>
                  <a:pt x="170586" y="2346280"/>
                  <a:pt x="147802" y="2299031"/>
                  <a:pt x="127308" y="2250577"/>
                </a:cubicBezTo>
                <a:cubicBezTo>
                  <a:pt x="106814" y="2202124"/>
                  <a:pt x="88610" y="2152466"/>
                  <a:pt x="72832" y="2101739"/>
                </a:cubicBezTo>
                <a:cubicBezTo>
                  <a:pt x="57055" y="2051012"/>
                  <a:pt x="43703" y="1999216"/>
                  <a:pt x="32913" y="1946487"/>
                </a:cubicBezTo>
                <a:cubicBezTo>
                  <a:pt x="22123" y="1893758"/>
                  <a:pt x="13895" y="1840095"/>
                  <a:pt x="8364" y="1785636"/>
                </a:cubicBezTo>
                <a:cubicBezTo>
                  <a:pt x="2833" y="1731176"/>
                  <a:pt x="0" y="1675919"/>
                  <a:pt x="0" y="1620000"/>
                </a:cubicBezTo>
                <a:cubicBezTo>
                  <a:pt x="0" y="1508163"/>
                  <a:pt x="11333" y="1398972"/>
                  <a:pt x="32913" y="1293514"/>
                </a:cubicBezTo>
                <a:cubicBezTo>
                  <a:pt x="43703" y="1240785"/>
                  <a:pt x="57055" y="1188989"/>
                  <a:pt x="72832" y="1138262"/>
                </a:cubicBezTo>
                <a:cubicBezTo>
                  <a:pt x="88610" y="1087535"/>
                  <a:pt x="106814" y="1037877"/>
                  <a:pt x="127308" y="989423"/>
                </a:cubicBezTo>
                <a:cubicBezTo>
                  <a:pt x="147802" y="940970"/>
                  <a:pt x="170586" y="893721"/>
                  <a:pt x="195526" y="847812"/>
                </a:cubicBezTo>
                <a:cubicBezTo>
                  <a:pt x="220465" y="801904"/>
                  <a:pt x="247558" y="757335"/>
                  <a:pt x="276671" y="714243"/>
                </a:cubicBezTo>
                <a:cubicBezTo>
                  <a:pt x="305783" y="671151"/>
                  <a:pt x="336915" y="629534"/>
                  <a:pt x="369930" y="589530"/>
                </a:cubicBezTo>
                <a:cubicBezTo>
                  <a:pt x="402944" y="549525"/>
                  <a:pt x="437842" y="511133"/>
                  <a:pt x="474487" y="474487"/>
                </a:cubicBezTo>
                <a:cubicBezTo>
                  <a:pt x="511133" y="437842"/>
                  <a:pt x="549525" y="402944"/>
                  <a:pt x="589530" y="369929"/>
                </a:cubicBezTo>
                <a:cubicBezTo>
                  <a:pt x="629534" y="336915"/>
                  <a:pt x="671151" y="305783"/>
                  <a:pt x="714243" y="276671"/>
                </a:cubicBezTo>
                <a:cubicBezTo>
                  <a:pt x="757335" y="247558"/>
                  <a:pt x="801904" y="220465"/>
                  <a:pt x="847812" y="195525"/>
                </a:cubicBezTo>
                <a:cubicBezTo>
                  <a:pt x="893721" y="170586"/>
                  <a:pt x="940970" y="147802"/>
                  <a:pt x="989423" y="127308"/>
                </a:cubicBezTo>
                <a:cubicBezTo>
                  <a:pt x="1037877" y="106814"/>
                  <a:pt x="1087535" y="88610"/>
                  <a:pt x="1138262" y="72832"/>
                </a:cubicBezTo>
                <a:cubicBezTo>
                  <a:pt x="1188989" y="57054"/>
                  <a:pt x="1240785" y="43703"/>
                  <a:pt x="1293514" y="32913"/>
                </a:cubicBezTo>
                <a:cubicBezTo>
                  <a:pt x="1346243" y="22123"/>
                  <a:pt x="1399905" y="13895"/>
                  <a:pt x="1454365" y="8364"/>
                </a:cubicBezTo>
                <a:cubicBezTo>
                  <a:pt x="1508824" y="2833"/>
                  <a:pt x="1564081" y="0"/>
                  <a:pt x="1620000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85" name="Smiley Face 15">
            <a:extLst>
              <a:ext uri="{FF2B5EF4-FFF2-40B4-BE49-F238E27FC236}">
                <a16:creationId xmlns:a16="http://schemas.microsoft.com/office/drawing/2014/main" id="{7DB0A6EE-0534-4660-BA3C-A3E8C9FF112F}"/>
              </a:ext>
            </a:extLst>
          </p:cNvPr>
          <p:cNvSpPr/>
          <p:nvPr/>
        </p:nvSpPr>
        <p:spPr>
          <a:xfrm>
            <a:off x="8468995" y="5581897"/>
            <a:ext cx="553792" cy="553792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2298433" y="2114441"/>
                </a:moveTo>
                <a:lnTo>
                  <a:pt x="1355104" y="2367205"/>
                </a:lnTo>
                <a:lnTo>
                  <a:pt x="1411009" y="2575845"/>
                </a:lnTo>
                <a:lnTo>
                  <a:pt x="2354338" y="2323081"/>
                </a:lnTo>
                <a:close/>
                <a:moveTo>
                  <a:pt x="2165423" y="986226"/>
                </a:moveTo>
                <a:cubicBezTo>
                  <a:pt x="2072622" y="986226"/>
                  <a:pt x="1997392" y="1061456"/>
                  <a:pt x="1997392" y="1154257"/>
                </a:cubicBezTo>
                <a:cubicBezTo>
                  <a:pt x="1997392" y="1247058"/>
                  <a:pt x="2072622" y="1322288"/>
                  <a:pt x="2165423" y="1322288"/>
                </a:cubicBezTo>
                <a:cubicBezTo>
                  <a:pt x="2258224" y="1322288"/>
                  <a:pt x="2333454" y="1247058"/>
                  <a:pt x="2333454" y="1154257"/>
                </a:cubicBezTo>
                <a:cubicBezTo>
                  <a:pt x="2333454" y="1061456"/>
                  <a:pt x="2258224" y="986226"/>
                  <a:pt x="2165423" y="986226"/>
                </a:cubicBezTo>
                <a:close/>
                <a:moveTo>
                  <a:pt x="1107401" y="986226"/>
                </a:moveTo>
                <a:cubicBezTo>
                  <a:pt x="1014600" y="986226"/>
                  <a:pt x="939370" y="1061456"/>
                  <a:pt x="939370" y="1154257"/>
                </a:cubicBezTo>
                <a:cubicBezTo>
                  <a:pt x="939370" y="1247058"/>
                  <a:pt x="1014600" y="1322288"/>
                  <a:pt x="1107401" y="1322288"/>
                </a:cubicBezTo>
                <a:cubicBezTo>
                  <a:pt x="1200202" y="1322288"/>
                  <a:pt x="1275432" y="1247058"/>
                  <a:pt x="1275432" y="1154257"/>
                </a:cubicBezTo>
                <a:cubicBezTo>
                  <a:pt x="1275432" y="1061456"/>
                  <a:pt x="1200202" y="986226"/>
                  <a:pt x="1107401" y="986226"/>
                </a:cubicBezTo>
                <a:close/>
                <a:moveTo>
                  <a:pt x="1620000" y="0"/>
                </a:moveTo>
                <a:lnTo>
                  <a:pt x="1785636" y="8364"/>
                </a:lnTo>
                <a:lnTo>
                  <a:pt x="1946487" y="32913"/>
                </a:lnTo>
                <a:lnTo>
                  <a:pt x="2101738" y="72832"/>
                </a:lnTo>
                <a:lnTo>
                  <a:pt x="2250577" y="127308"/>
                </a:lnTo>
                <a:lnTo>
                  <a:pt x="2392188" y="195525"/>
                </a:lnTo>
                <a:lnTo>
                  <a:pt x="2525757" y="276671"/>
                </a:lnTo>
                <a:lnTo>
                  <a:pt x="2650470" y="369929"/>
                </a:lnTo>
                <a:lnTo>
                  <a:pt x="2765513" y="474487"/>
                </a:lnTo>
                <a:lnTo>
                  <a:pt x="2870071" y="589530"/>
                </a:lnTo>
                <a:lnTo>
                  <a:pt x="2963329" y="714243"/>
                </a:lnTo>
                <a:lnTo>
                  <a:pt x="3044475" y="847812"/>
                </a:lnTo>
                <a:lnTo>
                  <a:pt x="3112693" y="989423"/>
                </a:lnTo>
                <a:lnTo>
                  <a:pt x="3167168" y="1138262"/>
                </a:lnTo>
                <a:lnTo>
                  <a:pt x="3207088" y="1293514"/>
                </a:lnTo>
                <a:lnTo>
                  <a:pt x="3231636" y="1454365"/>
                </a:lnTo>
                <a:lnTo>
                  <a:pt x="3240000" y="1620000"/>
                </a:lnTo>
                <a:lnTo>
                  <a:pt x="3231636" y="1785636"/>
                </a:lnTo>
                <a:lnTo>
                  <a:pt x="3207088" y="1946487"/>
                </a:lnTo>
                <a:lnTo>
                  <a:pt x="3167168" y="2101739"/>
                </a:lnTo>
                <a:lnTo>
                  <a:pt x="3112693" y="2250577"/>
                </a:lnTo>
                <a:lnTo>
                  <a:pt x="3044475" y="2392188"/>
                </a:lnTo>
                <a:lnTo>
                  <a:pt x="2963329" y="2525758"/>
                </a:lnTo>
                <a:lnTo>
                  <a:pt x="2870071" y="2650471"/>
                </a:lnTo>
                <a:lnTo>
                  <a:pt x="2765513" y="2765513"/>
                </a:lnTo>
                <a:lnTo>
                  <a:pt x="2650470" y="2870071"/>
                </a:lnTo>
                <a:lnTo>
                  <a:pt x="2525757" y="2963330"/>
                </a:lnTo>
                <a:lnTo>
                  <a:pt x="2392188" y="3044475"/>
                </a:lnTo>
                <a:lnTo>
                  <a:pt x="2250577" y="3112693"/>
                </a:lnTo>
                <a:lnTo>
                  <a:pt x="2101738" y="3167168"/>
                </a:lnTo>
                <a:lnTo>
                  <a:pt x="1946487" y="3207088"/>
                </a:lnTo>
                <a:lnTo>
                  <a:pt x="1785636" y="3231636"/>
                </a:lnTo>
                <a:cubicBezTo>
                  <a:pt x="1731176" y="3237167"/>
                  <a:pt x="1675919" y="3240000"/>
                  <a:pt x="1620000" y="3240000"/>
                </a:cubicBezTo>
                <a:cubicBezTo>
                  <a:pt x="1508162" y="3240000"/>
                  <a:pt x="1398972" y="3228667"/>
                  <a:pt x="1293514" y="3207088"/>
                </a:cubicBezTo>
                <a:cubicBezTo>
                  <a:pt x="1240785" y="3196298"/>
                  <a:pt x="1188989" y="3182946"/>
                  <a:pt x="1138262" y="3167168"/>
                </a:cubicBezTo>
                <a:cubicBezTo>
                  <a:pt x="1087535" y="3151390"/>
                  <a:pt x="1037877" y="3133187"/>
                  <a:pt x="989423" y="3112693"/>
                </a:cubicBezTo>
                <a:cubicBezTo>
                  <a:pt x="940970" y="3092198"/>
                  <a:pt x="893721" y="3069414"/>
                  <a:pt x="847812" y="3044475"/>
                </a:cubicBezTo>
                <a:cubicBezTo>
                  <a:pt x="801903" y="3019536"/>
                  <a:pt x="757335" y="2992442"/>
                  <a:pt x="714243" y="2963330"/>
                </a:cubicBezTo>
                <a:cubicBezTo>
                  <a:pt x="671151" y="2934217"/>
                  <a:pt x="629534" y="2903086"/>
                  <a:pt x="589530" y="2870071"/>
                </a:cubicBezTo>
                <a:cubicBezTo>
                  <a:pt x="549525" y="2837056"/>
                  <a:pt x="511132" y="2802158"/>
                  <a:pt x="474487" y="2765513"/>
                </a:cubicBezTo>
                <a:cubicBezTo>
                  <a:pt x="437842" y="2728868"/>
                  <a:pt x="402944" y="2690475"/>
                  <a:pt x="369929" y="2650471"/>
                </a:cubicBezTo>
                <a:cubicBezTo>
                  <a:pt x="336915" y="2610466"/>
                  <a:pt x="305783" y="2568850"/>
                  <a:pt x="276671" y="2525758"/>
                </a:cubicBezTo>
                <a:cubicBezTo>
                  <a:pt x="247558" y="2482665"/>
                  <a:pt x="220464" y="2438097"/>
                  <a:pt x="195525" y="2392188"/>
                </a:cubicBezTo>
                <a:cubicBezTo>
                  <a:pt x="170586" y="2346280"/>
                  <a:pt x="147802" y="2299031"/>
                  <a:pt x="127308" y="2250577"/>
                </a:cubicBezTo>
                <a:cubicBezTo>
                  <a:pt x="106814" y="2202124"/>
                  <a:pt x="88610" y="2152466"/>
                  <a:pt x="72832" y="2101739"/>
                </a:cubicBezTo>
                <a:cubicBezTo>
                  <a:pt x="57054" y="2051012"/>
                  <a:pt x="43703" y="1999216"/>
                  <a:pt x="32913" y="1946487"/>
                </a:cubicBezTo>
                <a:cubicBezTo>
                  <a:pt x="22123" y="1893758"/>
                  <a:pt x="13895" y="1840095"/>
                  <a:pt x="8364" y="1785636"/>
                </a:cubicBezTo>
                <a:cubicBezTo>
                  <a:pt x="2833" y="1731176"/>
                  <a:pt x="0" y="1675919"/>
                  <a:pt x="0" y="1620000"/>
                </a:cubicBezTo>
                <a:cubicBezTo>
                  <a:pt x="0" y="1508163"/>
                  <a:pt x="11333" y="1398972"/>
                  <a:pt x="32913" y="1293514"/>
                </a:cubicBezTo>
                <a:cubicBezTo>
                  <a:pt x="43703" y="1240785"/>
                  <a:pt x="57054" y="1188989"/>
                  <a:pt x="72832" y="1138262"/>
                </a:cubicBezTo>
                <a:cubicBezTo>
                  <a:pt x="88610" y="1087535"/>
                  <a:pt x="106814" y="1037877"/>
                  <a:pt x="127308" y="989423"/>
                </a:cubicBezTo>
                <a:cubicBezTo>
                  <a:pt x="147802" y="940970"/>
                  <a:pt x="170586" y="893721"/>
                  <a:pt x="195525" y="847812"/>
                </a:cubicBezTo>
                <a:cubicBezTo>
                  <a:pt x="220464" y="801904"/>
                  <a:pt x="247558" y="757335"/>
                  <a:pt x="276671" y="714243"/>
                </a:cubicBezTo>
                <a:cubicBezTo>
                  <a:pt x="305783" y="671151"/>
                  <a:pt x="336915" y="629534"/>
                  <a:pt x="369929" y="589530"/>
                </a:cubicBezTo>
                <a:cubicBezTo>
                  <a:pt x="402944" y="549525"/>
                  <a:pt x="437842" y="511133"/>
                  <a:pt x="474487" y="474487"/>
                </a:cubicBezTo>
                <a:cubicBezTo>
                  <a:pt x="511132" y="437842"/>
                  <a:pt x="549525" y="402944"/>
                  <a:pt x="589530" y="369929"/>
                </a:cubicBezTo>
                <a:cubicBezTo>
                  <a:pt x="629534" y="336915"/>
                  <a:pt x="671151" y="305783"/>
                  <a:pt x="714243" y="276671"/>
                </a:cubicBezTo>
                <a:cubicBezTo>
                  <a:pt x="757335" y="247558"/>
                  <a:pt x="801903" y="220465"/>
                  <a:pt x="847812" y="195525"/>
                </a:cubicBezTo>
                <a:cubicBezTo>
                  <a:pt x="893721" y="170586"/>
                  <a:pt x="940970" y="147802"/>
                  <a:pt x="989423" y="127308"/>
                </a:cubicBezTo>
                <a:cubicBezTo>
                  <a:pt x="1037877" y="106814"/>
                  <a:pt x="1087535" y="88610"/>
                  <a:pt x="1138262" y="72832"/>
                </a:cubicBezTo>
                <a:cubicBezTo>
                  <a:pt x="1188989" y="57054"/>
                  <a:pt x="1240785" y="43703"/>
                  <a:pt x="1293514" y="32913"/>
                </a:cubicBezTo>
                <a:cubicBezTo>
                  <a:pt x="1346243" y="22123"/>
                  <a:pt x="1399905" y="13895"/>
                  <a:pt x="1454365" y="8364"/>
                </a:cubicBezTo>
                <a:cubicBezTo>
                  <a:pt x="1508824" y="2833"/>
                  <a:pt x="1564081" y="0"/>
                  <a:pt x="1620000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86" name="Oval 37">
            <a:extLst>
              <a:ext uri="{FF2B5EF4-FFF2-40B4-BE49-F238E27FC236}">
                <a16:creationId xmlns:a16="http://schemas.microsoft.com/office/drawing/2014/main" id="{1430B71C-D580-4CA6-A442-26AED5FAE293}"/>
              </a:ext>
            </a:extLst>
          </p:cNvPr>
          <p:cNvSpPr/>
          <p:nvPr/>
        </p:nvSpPr>
        <p:spPr>
          <a:xfrm>
            <a:off x="11012576" y="5575424"/>
            <a:ext cx="566738" cy="566738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2249999" y="2117384"/>
                </a:moveTo>
                <a:lnTo>
                  <a:pt x="990192" y="2131776"/>
                </a:lnTo>
                <a:cubicBezTo>
                  <a:pt x="998682" y="2476365"/>
                  <a:pt x="1282526" y="2750154"/>
                  <a:pt x="1627197" y="2746216"/>
                </a:cubicBezTo>
                <a:cubicBezTo>
                  <a:pt x="1971867" y="2742279"/>
                  <a:pt x="2249383" y="2462077"/>
                  <a:pt x="2249999" y="2117384"/>
                </a:cubicBezTo>
                <a:close/>
                <a:moveTo>
                  <a:pt x="2505352" y="784338"/>
                </a:moveTo>
                <a:lnTo>
                  <a:pt x="1869332" y="1428843"/>
                </a:lnTo>
                <a:lnTo>
                  <a:pt x="2505352" y="1522122"/>
                </a:lnTo>
                <a:lnTo>
                  <a:pt x="2505352" y="1378597"/>
                </a:lnTo>
                <a:lnTo>
                  <a:pt x="2187887" y="1332038"/>
                </a:lnTo>
                <a:lnTo>
                  <a:pt x="2505352" y="1010338"/>
                </a:lnTo>
                <a:close/>
                <a:moveTo>
                  <a:pt x="734649" y="784338"/>
                </a:moveTo>
                <a:lnTo>
                  <a:pt x="734649" y="1010338"/>
                </a:lnTo>
                <a:lnTo>
                  <a:pt x="1052115" y="1332038"/>
                </a:lnTo>
                <a:lnTo>
                  <a:pt x="734649" y="1378597"/>
                </a:lnTo>
                <a:lnTo>
                  <a:pt x="734649" y="1522122"/>
                </a:lnTo>
                <a:lnTo>
                  <a:pt x="1370670" y="1428843"/>
                </a:lnTo>
                <a:close/>
                <a:moveTo>
                  <a:pt x="1620000" y="0"/>
                </a:moveTo>
                <a:cubicBezTo>
                  <a:pt x="2514701" y="0"/>
                  <a:pt x="3240000" y="725299"/>
                  <a:pt x="3240000" y="1620000"/>
                </a:cubicBezTo>
                <a:cubicBezTo>
                  <a:pt x="3240000" y="2514701"/>
                  <a:pt x="2514701" y="3240000"/>
                  <a:pt x="1620000" y="3240000"/>
                </a:cubicBezTo>
                <a:cubicBezTo>
                  <a:pt x="725299" y="3240000"/>
                  <a:pt x="0" y="2514701"/>
                  <a:pt x="0" y="1620000"/>
                </a:cubicBezTo>
                <a:cubicBezTo>
                  <a:pt x="0" y="725299"/>
                  <a:pt x="725299" y="0"/>
                  <a:pt x="1620000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7" name="Smiley Face 14">
            <a:extLst>
              <a:ext uri="{FF2B5EF4-FFF2-40B4-BE49-F238E27FC236}">
                <a16:creationId xmlns:a16="http://schemas.microsoft.com/office/drawing/2014/main" id="{77504E11-68B3-460A-979B-D56E2900C922}"/>
              </a:ext>
            </a:extLst>
          </p:cNvPr>
          <p:cNvSpPr/>
          <p:nvPr/>
        </p:nvSpPr>
        <p:spPr>
          <a:xfrm>
            <a:off x="9314808" y="5581897"/>
            <a:ext cx="553792" cy="553792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2026698" y="2215122"/>
                </a:moveTo>
                <a:cubicBezTo>
                  <a:pt x="1959656" y="2378616"/>
                  <a:pt x="1801229" y="2486070"/>
                  <a:pt x="1624533" y="2487892"/>
                </a:cubicBezTo>
                <a:cubicBezTo>
                  <a:pt x="1447837" y="2489714"/>
                  <a:pt x="1287227" y="2385551"/>
                  <a:pt x="1216828" y="2223474"/>
                </a:cubicBezTo>
                <a:lnTo>
                  <a:pt x="1039110" y="2300667"/>
                </a:lnTo>
                <a:cubicBezTo>
                  <a:pt x="1140541" y="2534187"/>
                  <a:pt x="1371947" y="2684266"/>
                  <a:pt x="1626531" y="2681641"/>
                </a:cubicBezTo>
                <a:cubicBezTo>
                  <a:pt x="1881115" y="2679016"/>
                  <a:pt x="2109376" y="2524196"/>
                  <a:pt x="2205970" y="2288634"/>
                </a:cubicBezTo>
                <a:close/>
                <a:moveTo>
                  <a:pt x="937973" y="986566"/>
                </a:moveTo>
                <a:cubicBezTo>
                  <a:pt x="850807" y="983371"/>
                  <a:pt x="762813" y="1002775"/>
                  <a:pt x="683096" y="1045110"/>
                </a:cubicBezTo>
                <a:cubicBezTo>
                  <a:pt x="523662" y="1129780"/>
                  <a:pt x="421680" y="1293248"/>
                  <a:pt x="415731" y="1473672"/>
                </a:cubicBezTo>
                <a:lnTo>
                  <a:pt x="615852" y="1480270"/>
                </a:lnTo>
                <a:cubicBezTo>
                  <a:pt x="619438" y="1371518"/>
                  <a:pt x="680908" y="1272986"/>
                  <a:pt x="777009" y="1221950"/>
                </a:cubicBezTo>
                <a:cubicBezTo>
                  <a:pt x="873110" y="1170914"/>
                  <a:pt x="989166" y="1175167"/>
                  <a:pt x="1081273" y="1233100"/>
                </a:cubicBezTo>
                <a:cubicBezTo>
                  <a:pt x="1173381" y="1291033"/>
                  <a:pt x="1227475" y="1393800"/>
                  <a:pt x="1223091" y="1502523"/>
                </a:cubicBezTo>
                <a:lnTo>
                  <a:pt x="1423160" y="1510590"/>
                </a:lnTo>
                <a:cubicBezTo>
                  <a:pt x="1430433" y="1330214"/>
                  <a:pt x="1340689" y="1159721"/>
                  <a:pt x="1187880" y="1063608"/>
                </a:cubicBezTo>
                <a:cubicBezTo>
                  <a:pt x="1111476" y="1015552"/>
                  <a:pt x="1025138" y="989760"/>
                  <a:pt x="937973" y="986566"/>
                </a:cubicBezTo>
                <a:close/>
                <a:moveTo>
                  <a:pt x="2306124" y="986566"/>
                </a:moveTo>
                <a:cubicBezTo>
                  <a:pt x="2218958" y="983371"/>
                  <a:pt x="2130964" y="1002775"/>
                  <a:pt x="2051247" y="1045110"/>
                </a:cubicBezTo>
                <a:cubicBezTo>
                  <a:pt x="1891813" y="1129780"/>
                  <a:pt x="1789831" y="1293248"/>
                  <a:pt x="1783882" y="1473672"/>
                </a:cubicBezTo>
                <a:lnTo>
                  <a:pt x="1984003" y="1480270"/>
                </a:lnTo>
                <a:cubicBezTo>
                  <a:pt x="1987589" y="1371518"/>
                  <a:pt x="2049059" y="1272986"/>
                  <a:pt x="2145160" y="1221950"/>
                </a:cubicBezTo>
                <a:cubicBezTo>
                  <a:pt x="2241261" y="1170914"/>
                  <a:pt x="2357317" y="1175167"/>
                  <a:pt x="2449424" y="1233100"/>
                </a:cubicBezTo>
                <a:cubicBezTo>
                  <a:pt x="2541532" y="1291033"/>
                  <a:pt x="2595626" y="1393800"/>
                  <a:pt x="2591242" y="1502523"/>
                </a:cubicBezTo>
                <a:lnTo>
                  <a:pt x="2791311" y="1510590"/>
                </a:lnTo>
                <a:cubicBezTo>
                  <a:pt x="2798584" y="1330214"/>
                  <a:pt x="2708840" y="1159721"/>
                  <a:pt x="2556031" y="1063608"/>
                </a:cubicBezTo>
                <a:cubicBezTo>
                  <a:pt x="2479627" y="1015552"/>
                  <a:pt x="2393289" y="989760"/>
                  <a:pt x="2306124" y="986566"/>
                </a:cubicBezTo>
                <a:close/>
                <a:moveTo>
                  <a:pt x="1620000" y="0"/>
                </a:moveTo>
                <a:lnTo>
                  <a:pt x="1785636" y="8364"/>
                </a:lnTo>
                <a:lnTo>
                  <a:pt x="1946487" y="32913"/>
                </a:lnTo>
                <a:lnTo>
                  <a:pt x="2101738" y="72832"/>
                </a:lnTo>
                <a:lnTo>
                  <a:pt x="2250577" y="127308"/>
                </a:lnTo>
                <a:lnTo>
                  <a:pt x="2392188" y="195525"/>
                </a:lnTo>
                <a:lnTo>
                  <a:pt x="2525757" y="276671"/>
                </a:lnTo>
                <a:lnTo>
                  <a:pt x="2650470" y="369929"/>
                </a:lnTo>
                <a:lnTo>
                  <a:pt x="2765513" y="474487"/>
                </a:lnTo>
                <a:lnTo>
                  <a:pt x="2870071" y="589530"/>
                </a:lnTo>
                <a:lnTo>
                  <a:pt x="2963329" y="714243"/>
                </a:lnTo>
                <a:lnTo>
                  <a:pt x="3044475" y="847812"/>
                </a:lnTo>
                <a:lnTo>
                  <a:pt x="3112693" y="989423"/>
                </a:lnTo>
                <a:lnTo>
                  <a:pt x="3167168" y="1138262"/>
                </a:lnTo>
                <a:lnTo>
                  <a:pt x="3207088" y="1293514"/>
                </a:lnTo>
                <a:lnTo>
                  <a:pt x="3231636" y="1454365"/>
                </a:lnTo>
                <a:lnTo>
                  <a:pt x="3240000" y="1620000"/>
                </a:lnTo>
                <a:lnTo>
                  <a:pt x="3231636" y="1785636"/>
                </a:lnTo>
                <a:lnTo>
                  <a:pt x="3207088" y="1946487"/>
                </a:lnTo>
                <a:lnTo>
                  <a:pt x="3167168" y="2101739"/>
                </a:lnTo>
                <a:lnTo>
                  <a:pt x="3112693" y="2250577"/>
                </a:lnTo>
                <a:lnTo>
                  <a:pt x="3044475" y="2392188"/>
                </a:lnTo>
                <a:lnTo>
                  <a:pt x="2963329" y="2525758"/>
                </a:lnTo>
                <a:lnTo>
                  <a:pt x="2870071" y="2650471"/>
                </a:lnTo>
                <a:lnTo>
                  <a:pt x="2765513" y="2765513"/>
                </a:lnTo>
                <a:lnTo>
                  <a:pt x="2650470" y="2870071"/>
                </a:lnTo>
                <a:lnTo>
                  <a:pt x="2525757" y="2963330"/>
                </a:lnTo>
                <a:lnTo>
                  <a:pt x="2392188" y="3044475"/>
                </a:lnTo>
                <a:lnTo>
                  <a:pt x="2250577" y="3112693"/>
                </a:lnTo>
                <a:lnTo>
                  <a:pt x="2101738" y="3167168"/>
                </a:lnTo>
                <a:lnTo>
                  <a:pt x="1946487" y="3207088"/>
                </a:lnTo>
                <a:lnTo>
                  <a:pt x="1785636" y="3231636"/>
                </a:lnTo>
                <a:cubicBezTo>
                  <a:pt x="1731176" y="3237167"/>
                  <a:pt x="1675919" y="3240000"/>
                  <a:pt x="1620000" y="3240000"/>
                </a:cubicBezTo>
                <a:cubicBezTo>
                  <a:pt x="1508162" y="3240000"/>
                  <a:pt x="1398972" y="3228667"/>
                  <a:pt x="1293514" y="3207088"/>
                </a:cubicBezTo>
                <a:cubicBezTo>
                  <a:pt x="1240785" y="3196298"/>
                  <a:pt x="1188989" y="3182946"/>
                  <a:pt x="1138262" y="3167168"/>
                </a:cubicBezTo>
                <a:cubicBezTo>
                  <a:pt x="1087535" y="3151390"/>
                  <a:pt x="1037877" y="3133187"/>
                  <a:pt x="989423" y="3112693"/>
                </a:cubicBezTo>
                <a:cubicBezTo>
                  <a:pt x="940970" y="3092198"/>
                  <a:pt x="893721" y="3069414"/>
                  <a:pt x="847812" y="3044475"/>
                </a:cubicBezTo>
                <a:cubicBezTo>
                  <a:pt x="801903" y="3019536"/>
                  <a:pt x="757335" y="2992442"/>
                  <a:pt x="714243" y="2963330"/>
                </a:cubicBezTo>
                <a:cubicBezTo>
                  <a:pt x="671151" y="2934217"/>
                  <a:pt x="629534" y="2903086"/>
                  <a:pt x="589530" y="2870071"/>
                </a:cubicBezTo>
                <a:cubicBezTo>
                  <a:pt x="549525" y="2837056"/>
                  <a:pt x="511132" y="2802158"/>
                  <a:pt x="474487" y="2765513"/>
                </a:cubicBezTo>
                <a:cubicBezTo>
                  <a:pt x="437842" y="2728868"/>
                  <a:pt x="402944" y="2690475"/>
                  <a:pt x="369929" y="2650471"/>
                </a:cubicBezTo>
                <a:cubicBezTo>
                  <a:pt x="336915" y="2610466"/>
                  <a:pt x="305783" y="2568850"/>
                  <a:pt x="276671" y="2525758"/>
                </a:cubicBezTo>
                <a:cubicBezTo>
                  <a:pt x="247558" y="2482665"/>
                  <a:pt x="220464" y="2438097"/>
                  <a:pt x="195525" y="2392188"/>
                </a:cubicBezTo>
                <a:cubicBezTo>
                  <a:pt x="170586" y="2346280"/>
                  <a:pt x="147802" y="2299031"/>
                  <a:pt x="127308" y="2250577"/>
                </a:cubicBezTo>
                <a:cubicBezTo>
                  <a:pt x="106814" y="2202124"/>
                  <a:pt x="88610" y="2152466"/>
                  <a:pt x="72832" y="2101739"/>
                </a:cubicBezTo>
                <a:cubicBezTo>
                  <a:pt x="57054" y="2051012"/>
                  <a:pt x="43703" y="1999216"/>
                  <a:pt x="32913" y="1946487"/>
                </a:cubicBezTo>
                <a:cubicBezTo>
                  <a:pt x="22123" y="1893758"/>
                  <a:pt x="13895" y="1840095"/>
                  <a:pt x="8364" y="1785636"/>
                </a:cubicBezTo>
                <a:cubicBezTo>
                  <a:pt x="2833" y="1731176"/>
                  <a:pt x="0" y="1675919"/>
                  <a:pt x="0" y="1620000"/>
                </a:cubicBezTo>
                <a:cubicBezTo>
                  <a:pt x="0" y="1508163"/>
                  <a:pt x="11333" y="1398972"/>
                  <a:pt x="32913" y="1293514"/>
                </a:cubicBezTo>
                <a:cubicBezTo>
                  <a:pt x="43703" y="1240785"/>
                  <a:pt x="57054" y="1188989"/>
                  <a:pt x="72832" y="1138262"/>
                </a:cubicBezTo>
                <a:cubicBezTo>
                  <a:pt x="88610" y="1087535"/>
                  <a:pt x="106814" y="1037877"/>
                  <a:pt x="127308" y="989423"/>
                </a:cubicBezTo>
                <a:cubicBezTo>
                  <a:pt x="147802" y="940970"/>
                  <a:pt x="170586" y="893721"/>
                  <a:pt x="195525" y="847812"/>
                </a:cubicBezTo>
                <a:cubicBezTo>
                  <a:pt x="220464" y="801904"/>
                  <a:pt x="247558" y="757335"/>
                  <a:pt x="276671" y="714243"/>
                </a:cubicBezTo>
                <a:cubicBezTo>
                  <a:pt x="305783" y="671151"/>
                  <a:pt x="336915" y="629534"/>
                  <a:pt x="369929" y="589530"/>
                </a:cubicBezTo>
                <a:cubicBezTo>
                  <a:pt x="402944" y="549525"/>
                  <a:pt x="437842" y="511133"/>
                  <a:pt x="474487" y="474487"/>
                </a:cubicBezTo>
                <a:cubicBezTo>
                  <a:pt x="511132" y="437842"/>
                  <a:pt x="549525" y="402944"/>
                  <a:pt x="589530" y="369929"/>
                </a:cubicBezTo>
                <a:cubicBezTo>
                  <a:pt x="629534" y="336915"/>
                  <a:pt x="671151" y="305783"/>
                  <a:pt x="714243" y="276671"/>
                </a:cubicBezTo>
                <a:cubicBezTo>
                  <a:pt x="757335" y="247558"/>
                  <a:pt x="801903" y="220465"/>
                  <a:pt x="847812" y="195525"/>
                </a:cubicBezTo>
                <a:cubicBezTo>
                  <a:pt x="893721" y="170586"/>
                  <a:pt x="940970" y="147802"/>
                  <a:pt x="989423" y="127308"/>
                </a:cubicBezTo>
                <a:cubicBezTo>
                  <a:pt x="1037877" y="106814"/>
                  <a:pt x="1087535" y="88610"/>
                  <a:pt x="1138262" y="72832"/>
                </a:cubicBezTo>
                <a:cubicBezTo>
                  <a:pt x="1188989" y="57054"/>
                  <a:pt x="1240785" y="43703"/>
                  <a:pt x="1293514" y="32913"/>
                </a:cubicBezTo>
                <a:cubicBezTo>
                  <a:pt x="1346243" y="22123"/>
                  <a:pt x="1399905" y="13895"/>
                  <a:pt x="1454365" y="8364"/>
                </a:cubicBezTo>
                <a:cubicBezTo>
                  <a:pt x="1508824" y="2833"/>
                  <a:pt x="1564081" y="0"/>
                  <a:pt x="1620000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88" name="Rectangle 16">
            <a:extLst>
              <a:ext uri="{FF2B5EF4-FFF2-40B4-BE49-F238E27FC236}">
                <a16:creationId xmlns:a16="http://schemas.microsoft.com/office/drawing/2014/main" id="{EE8124F3-717D-48CF-A47F-1E6B4110895D}"/>
              </a:ext>
            </a:extLst>
          </p:cNvPr>
          <p:cNvSpPr/>
          <p:nvPr/>
        </p:nvSpPr>
        <p:spPr>
          <a:xfrm rot="2700000">
            <a:off x="5325698" y="3520150"/>
            <a:ext cx="389390" cy="698103"/>
          </a:xfrm>
          <a:custGeom>
            <a:avLst/>
            <a:gdLst/>
            <a:ahLst/>
            <a:cxnLst/>
            <a:rect l="l" t="t" r="r" b="b"/>
            <a:pathLst>
              <a:path w="2232248" h="4001999">
                <a:moveTo>
                  <a:pt x="1116887" y="0"/>
                </a:moveTo>
                <a:cubicBezTo>
                  <a:pt x="1270748" y="4762"/>
                  <a:pt x="1433283" y="120651"/>
                  <a:pt x="1447291" y="308459"/>
                </a:cubicBezTo>
                <a:cubicBezTo>
                  <a:pt x="1483174" y="544979"/>
                  <a:pt x="1283237" y="603082"/>
                  <a:pt x="1339988" y="887363"/>
                </a:cubicBezTo>
                <a:lnTo>
                  <a:pt x="2232248" y="887363"/>
                </a:lnTo>
                <a:lnTo>
                  <a:pt x="2232248" y="1778237"/>
                </a:lnTo>
                <a:cubicBezTo>
                  <a:pt x="1956566" y="1829261"/>
                  <a:pt x="1897086" y="1634366"/>
                  <a:pt x="1663321" y="1669832"/>
                </a:cubicBezTo>
                <a:cubicBezTo>
                  <a:pt x="1475513" y="1683840"/>
                  <a:pt x="1359624" y="1846375"/>
                  <a:pt x="1354862" y="2000236"/>
                </a:cubicBezTo>
                <a:cubicBezTo>
                  <a:pt x="1358037" y="2135389"/>
                  <a:pt x="1477787" y="2334920"/>
                  <a:pt x="1701420" y="2336507"/>
                </a:cubicBezTo>
                <a:cubicBezTo>
                  <a:pt x="1972077" y="2308709"/>
                  <a:pt x="1932339" y="2176007"/>
                  <a:pt x="2232248" y="2187989"/>
                </a:cubicBezTo>
                <a:lnTo>
                  <a:pt x="2232248" y="3119611"/>
                </a:lnTo>
                <a:lnTo>
                  <a:pt x="1303259" y="3119611"/>
                </a:lnTo>
                <a:cubicBezTo>
                  <a:pt x="1289664" y="3424971"/>
                  <a:pt x="1423682" y="3383289"/>
                  <a:pt x="1451633" y="3655441"/>
                </a:cubicBezTo>
                <a:cubicBezTo>
                  <a:pt x="1450046" y="3879074"/>
                  <a:pt x="1250515" y="3998824"/>
                  <a:pt x="1115362" y="4001999"/>
                </a:cubicBezTo>
                <a:cubicBezTo>
                  <a:pt x="961501" y="3997237"/>
                  <a:pt x="798966" y="3881348"/>
                  <a:pt x="784958" y="3693540"/>
                </a:cubicBezTo>
                <a:cubicBezTo>
                  <a:pt x="749282" y="3458385"/>
                  <a:pt x="946712" y="3399594"/>
                  <a:pt x="892811" y="3119611"/>
                </a:cubicBezTo>
                <a:lnTo>
                  <a:pt x="0" y="3119611"/>
                </a:lnTo>
                <a:lnTo>
                  <a:pt x="0" y="2203607"/>
                </a:lnTo>
                <a:cubicBezTo>
                  <a:pt x="285884" y="2145799"/>
                  <a:pt x="343730" y="2346665"/>
                  <a:pt x="580754" y="2310706"/>
                </a:cubicBezTo>
                <a:cubicBezTo>
                  <a:pt x="768562" y="2296698"/>
                  <a:pt x="884451" y="2134163"/>
                  <a:pt x="889213" y="1980302"/>
                </a:cubicBezTo>
                <a:cubicBezTo>
                  <a:pt x="886038" y="1845149"/>
                  <a:pt x="766288" y="1645618"/>
                  <a:pt x="542655" y="1644031"/>
                </a:cubicBezTo>
                <a:cubicBezTo>
                  <a:pt x="268493" y="1672188"/>
                  <a:pt x="312817" y="1807984"/>
                  <a:pt x="0" y="1792208"/>
                </a:cubicBezTo>
                <a:lnTo>
                  <a:pt x="0" y="887363"/>
                </a:lnTo>
                <a:lnTo>
                  <a:pt x="928847" y="887363"/>
                </a:lnTo>
                <a:cubicBezTo>
                  <a:pt x="944034" y="576570"/>
                  <a:pt x="808718" y="620178"/>
                  <a:pt x="780616" y="346558"/>
                </a:cubicBezTo>
                <a:cubicBezTo>
                  <a:pt x="782203" y="122925"/>
                  <a:pt x="981734" y="3175"/>
                  <a:pt x="1116887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9" name="Rectangle 9">
            <a:extLst>
              <a:ext uri="{FF2B5EF4-FFF2-40B4-BE49-F238E27FC236}">
                <a16:creationId xmlns:a16="http://schemas.microsoft.com/office/drawing/2014/main" id="{444E6227-4972-4DE6-BEB0-C3FC42991182}"/>
              </a:ext>
            </a:extLst>
          </p:cNvPr>
          <p:cNvSpPr/>
          <p:nvPr/>
        </p:nvSpPr>
        <p:spPr>
          <a:xfrm>
            <a:off x="4401174" y="3545247"/>
            <a:ext cx="527335" cy="493633"/>
          </a:xfrm>
          <a:custGeom>
            <a:avLst/>
            <a:gdLst>
              <a:gd name="connsiteX0" fmla="*/ 833935 w 3239999"/>
              <a:gd name="connsiteY0" fmla="*/ 22 h 3032924"/>
              <a:gd name="connsiteX1" fmla="*/ 1576606 w 3239999"/>
              <a:gd name="connsiteY1" fmla="*/ 402054 h 3032924"/>
              <a:gd name="connsiteX2" fmla="*/ 1576606 w 3239999"/>
              <a:gd name="connsiteY2" fmla="*/ 430441 h 3032924"/>
              <a:gd name="connsiteX3" fmla="*/ 1576606 w 3239999"/>
              <a:gd name="connsiteY3" fmla="*/ 526981 h 3032924"/>
              <a:gd name="connsiteX4" fmla="*/ 1576606 w 3239999"/>
              <a:gd name="connsiteY4" fmla="*/ 2765302 h 3032924"/>
              <a:gd name="connsiteX5" fmla="*/ 378630 w 3239999"/>
              <a:gd name="connsiteY5" fmla="*/ 2472117 h 3032924"/>
              <a:gd name="connsiteX6" fmla="*/ 384918 w 3239999"/>
              <a:gd name="connsiteY6" fmla="*/ 526981 h 3032924"/>
              <a:gd name="connsiteX7" fmla="*/ 239143 w 3239999"/>
              <a:gd name="connsiteY7" fmla="*/ 526981 h 3032924"/>
              <a:gd name="connsiteX8" fmla="*/ 239143 w 3239999"/>
              <a:gd name="connsiteY8" fmla="*/ 2776423 h 3032924"/>
              <a:gd name="connsiteX9" fmla="*/ 1576606 w 3239999"/>
              <a:gd name="connsiteY9" fmla="*/ 2776423 h 3032924"/>
              <a:gd name="connsiteX10" fmla="*/ 1576606 w 3239999"/>
              <a:gd name="connsiteY10" fmla="*/ 2778202 h 3032924"/>
              <a:gd name="connsiteX11" fmla="*/ 1663394 w 3239999"/>
              <a:gd name="connsiteY11" fmla="*/ 2778202 h 3032924"/>
              <a:gd name="connsiteX12" fmla="*/ 1663394 w 3239999"/>
              <a:gd name="connsiteY12" fmla="*/ 2776423 h 3032924"/>
              <a:gd name="connsiteX13" fmla="*/ 3000856 w 3239999"/>
              <a:gd name="connsiteY13" fmla="*/ 2776423 h 3032924"/>
              <a:gd name="connsiteX14" fmla="*/ 3000856 w 3239999"/>
              <a:gd name="connsiteY14" fmla="*/ 526981 h 3032924"/>
              <a:gd name="connsiteX15" fmla="*/ 2855082 w 3239999"/>
              <a:gd name="connsiteY15" fmla="*/ 526981 h 3032924"/>
              <a:gd name="connsiteX16" fmla="*/ 2861369 w 3239999"/>
              <a:gd name="connsiteY16" fmla="*/ 2472117 h 3032924"/>
              <a:gd name="connsiteX17" fmla="*/ 1663394 w 3239999"/>
              <a:gd name="connsiteY17" fmla="*/ 2765302 h 3032924"/>
              <a:gd name="connsiteX18" fmla="*/ 1663394 w 3239999"/>
              <a:gd name="connsiteY18" fmla="*/ 526981 h 3032924"/>
              <a:gd name="connsiteX19" fmla="*/ 1663394 w 3239999"/>
              <a:gd name="connsiteY19" fmla="*/ 430441 h 3032924"/>
              <a:gd name="connsiteX20" fmla="*/ 1663394 w 3239999"/>
              <a:gd name="connsiteY20" fmla="*/ 402054 h 3032924"/>
              <a:gd name="connsiteX21" fmla="*/ 2406065 w 3239999"/>
              <a:gd name="connsiteY21" fmla="*/ 22 h 3032924"/>
              <a:gd name="connsiteX22" fmla="*/ 2853673 w 3239999"/>
              <a:gd name="connsiteY22" fmla="*/ 91100 h 3032924"/>
              <a:gd name="connsiteX23" fmla="*/ 2854770 w 3239999"/>
              <a:gd name="connsiteY23" fmla="*/ 430441 h 3032924"/>
              <a:gd name="connsiteX24" fmla="*/ 3120669 w 3239999"/>
              <a:gd name="connsiteY24" fmla="*/ 428517 h 3032924"/>
              <a:gd name="connsiteX25" fmla="*/ 3120669 w 3239999"/>
              <a:gd name="connsiteY25" fmla="*/ 738345 h 3032924"/>
              <a:gd name="connsiteX26" fmla="*/ 3239999 w 3239999"/>
              <a:gd name="connsiteY26" fmla="*/ 738345 h 3032924"/>
              <a:gd name="connsiteX27" fmla="*/ 3239999 w 3239999"/>
              <a:gd name="connsiteY27" fmla="*/ 3032924 h 3032924"/>
              <a:gd name="connsiteX28" fmla="*/ 0 w 3239999"/>
              <a:gd name="connsiteY28" fmla="*/ 3032924 h 3032924"/>
              <a:gd name="connsiteX29" fmla="*/ 0 w 3239999"/>
              <a:gd name="connsiteY29" fmla="*/ 738345 h 3032924"/>
              <a:gd name="connsiteX30" fmla="*/ 102477 w 3239999"/>
              <a:gd name="connsiteY30" fmla="*/ 738345 h 3032924"/>
              <a:gd name="connsiteX31" fmla="*/ 102477 w 3239999"/>
              <a:gd name="connsiteY31" fmla="*/ 428517 h 3032924"/>
              <a:gd name="connsiteX32" fmla="*/ 385229 w 3239999"/>
              <a:gd name="connsiteY32" fmla="*/ 430441 h 3032924"/>
              <a:gd name="connsiteX33" fmla="*/ 386326 w 3239999"/>
              <a:gd name="connsiteY33" fmla="*/ 91100 h 3032924"/>
              <a:gd name="connsiteX34" fmla="*/ 833935 w 3239999"/>
              <a:gd name="connsiteY34" fmla="*/ 22 h 3032924"/>
              <a:gd name="connsiteX0" fmla="*/ 833935 w 3239999"/>
              <a:gd name="connsiteY0" fmla="*/ 22 h 3032924"/>
              <a:gd name="connsiteX1" fmla="*/ 1576606 w 3239999"/>
              <a:gd name="connsiteY1" fmla="*/ 402054 h 3032924"/>
              <a:gd name="connsiteX2" fmla="*/ 1576606 w 3239999"/>
              <a:gd name="connsiteY2" fmla="*/ 430441 h 3032924"/>
              <a:gd name="connsiteX3" fmla="*/ 1576606 w 3239999"/>
              <a:gd name="connsiteY3" fmla="*/ 526981 h 3032924"/>
              <a:gd name="connsiteX4" fmla="*/ 1576606 w 3239999"/>
              <a:gd name="connsiteY4" fmla="*/ 2765302 h 3032924"/>
              <a:gd name="connsiteX5" fmla="*/ 378630 w 3239999"/>
              <a:gd name="connsiteY5" fmla="*/ 2472117 h 3032924"/>
              <a:gd name="connsiteX6" fmla="*/ 384918 w 3239999"/>
              <a:gd name="connsiteY6" fmla="*/ 526981 h 3032924"/>
              <a:gd name="connsiteX7" fmla="*/ 239143 w 3239999"/>
              <a:gd name="connsiteY7" fmla="*/ 526981 h 3032924"/>
              <a:gd name="connsiteX8" fmla="*/ 239143 w 3239999"/>
              <a:gd name="connsiteY8" fmla="*/ 2776423 h 3032924"/>
              <a:gd name="connsiteX9" fmla="*/ 1576606 w 3239999"/>
              <a:gd name="connsiteY9" fmla="*/ 2776423 h 3032924"/>
              <a:gd name="connsiteX10" fmla="*/ 1576606 w 3239999"/>
              <a:gd name="connsiteY10" fmla="*/ 2778202 h 3032924"/>
              <a:gd name="connsiteX11" fmla="*/ 1663394 w 3239999"/>
              <a:gd name="connsiteY11" fmla="*/ 2778202 h 3032924"/>
              <a:gd name="connsiteX12" fmla="*/ 1663394 w 3239999"/>
              <a:gd name="connsiteY12" fmla="*/ 2776423 h 3032924"/>
              <a:gd name="connsiteX13" fmla="*/ 3000856 w 3239999"/>
              <a:gd name="connsiteY13" fmla="*/ 2776423 h 3032924"/>
              <a:gd name="connsiteX14" fmla="*/ 3000856 w 3239999"/>
              <a:gd name="connsiteY14" fmla="*/ 526981 h 3032924"/>
              <a:gd name="connsiteX15" fmla="*/ 2855082 w 3239999"/>
              <a:gd name="connsiteY15" fmla="*/ 526981 h 3032924"/>
              <a:gd name="connsiteX16" fmla="*/ 2861369 w 3239999"/>
              <a:gd name="connsiteY16" fmla="*/ 2472117 h 3032924"/>
              <a:gd name="connsiteX17" fmla="*/ 1663394 w 3239999"/>
              <a:gd name="connsiteY17" fmla="*/ 2765302 h 3032924"/>
              <a:gd name="connsiteX18" fmla="*/ 1663394 w 3239999"/>
              <a:gd name="connsiteY18" fmla="*/ 526981 h 3032924"/>
              <a:gd name="connsiteX19" fmla="*/ 1663394 w 3239999"/>
              <a:gd name="connsiteY19" fmla="*/ 430441 h 3032924"/>
              <a:gd name="connsiteX20" fmla="*/ 1663394 w 3239999"/>
              <a:gd name="connsiteY20" fmla="*/ 402054 h 3032924"/>
              <a:gd name="connsiteX21" fmla="*/ 2406065 w 3239999"/>
              <a:gd name="connsiteY21" fmla="*/ 22 h 3032924"/>
              <a:gd name="connsiteX22" fmla="*/ 2853673 w 3239999"/>
              <a:gd name="connsiteY22" fmla="*/ 91100 h 3032924"/>
              <a:gd name="connsiteX23" fmla="*/ 2854770 w 3239999"/>
              <a:gd name="connsiteY23" fmla="*/ 430441 h 3032924"/>
              <a:gd name="connsiteX24" fmla="*/ 3120669 w 3239999"/>
              <a:gd name="connsiteY24" fmla="*/ 428517 h 3032924"/>
              <a:gd name="connsiteX25" fmla="*/ 3120669 w 3239999"/>
              <a:gd name="connsiteY25" fmla="*/ 738345 h 3032924"/>
              <a:gd name="connsiteX26" fmla="*/ 3239999 w 3239999"/>
              <a:gd name="connsiteY26" fmla="*/ 738345 h 3032924"/>
              <a:gd name="connsiteX27" fmla="*/ 3239999 w 3239999"/>
              <a:gd name="connsiteY27" fmla="*/ 3032924 h 3032924"/>
              <a:gd name="connsiteX28" fmla="*/ 0 w 3239999"/>
              <a:gd name="connsiteY28" fmla="*/ 3032924 h 3032924"/>
              <a:gd name="connsiteX29" fmla="*/ 0 w 3239999"/>
              <a:gd name="connsiteY29" fmla="*/ 738345 h 3032924"/>
              <a:gd name="connsiteX30" fmla="*/ 102477 w 3239999"/>
              <a:gd name="connsiteY30" fmla="*/ 738345 h 3032924"/>
              <a:gd name="connsiteX31" fmla="*/ 102477 w 3239999"/>
              <a:gd name="connsiteY31" fmla="*/ 428517 h 3032924"/>
              <a:gd name="connsiteX32" fmla="*/ 385229 w 3239999"/>
              <a:gd name="connsiteY32" fmla="*/ 430441 h 3032924"/>
              <a:gd name="connsiteX33" fmla="*/ 386326 w 3239999"/>
              <a:gd name="connsiteY33" fmla="*/ 91100 h 3032924"/>
              <a:gd name="connsiteX34" fmla="*/ 833935 w 3239999"/>
              <a:gd name="connsiteY34" fmla="*/ 22 h 3032924"/>
              <a:gd name="connsiteX0" fmla="*/ 833935 w 3239999"/>
              <a:gd name="connsiteY0" fmla="*/ 22 h 3032924"/>
              <a:gd name="connsiteX1" fmla="*/ 1576606 w 3239999"/>
              <a:gd name="connsiteY1" fmla="*/ 402054 h 3032924"/>
              <a:gd name="connsiteX2" fmla="*/ 1576606 w 3239999"/>
              <a:gd name="connsiteY2" fmla="*/ 430441 h 3032924"/>
              <a:gd name="connsiteX3" fmla="*/ 1576606 w 3239999"/>
              <a:gd name="connsiteY3" fmla="*/ 526981 h 3032924"/>
              <a:gd name="connsiteX4" fmla="*/ 1576606 w 3239999"/>
              <a:gd name="connsiteY4" fmla="*/ 2765302 h 3032924"/>
              <a:gd name="connsiteX5" fmla="*/ 378630 w 3239999"/>
              <a:gd name="connsiteY5" fmla="*/ 2472117 h 3032924"/>
              <a:gd name="connsiteX6" fmla="*/ 384918 w 3239999"/>
              <a:gd name="connsiteY6" fmla="*/ 526981 h 3032924"/>
              <a:gd name="connsiteX7" fmla="*/ 239143 w 3239999"/>
              <a:gd name="connsiteY7" fmla="*/ 526981 h 3032924"/>
              <a:gd name="connsiteX8" fmla="*/ 239143 w 3239999"/>
              <a:gd name="connsiteY8" fmla="*/ 2776423 h 3032924"/>
              <a:gd name="connsiteX9" fmla="*/ 1576606 w 3239999"/>
              <a:gd name="connsiteY9" fmla="*/ 2776423 h 3032924"/>
              <a:gd name="connsiteX10" fmla="*/ 1576606 w 3239999"/>
              <a:gd name="connsiteY10" fmla="*/ 2778202 h 3032924"/>
              <a:gd name="connsiteX11" fmla="*/ 1663394 w 3239999"/>
              <a:gd name="connsiteY11" fmla="*/ 2778202 h 3032924"/>
              <a:gd name="connsiteX12" fmla="*/ 1663394 w 3239999"/>
              <a:gd name="connsiteY12" fmla="*/ 2776423 h 3032924"/>
              <a:gd name="connsiteX13" fmla="*/ 3000856 w 3239999"/>
              <a:gd name="connsiteY13" fmla="*/ 2776423 h 3032924"/>
              <a:gd name="connsiteX14" fmla="*/ 3000856 w 3239999"/>
              <a:gd name="connsiteY14" fmla="*/ 526981 h 3032924"/>
              <a:gd name="connsiteX15" fmla="*/ 2855082 w 3239999"/>
              <a:gd name="connsiteY15" fmla="*/ 526981 h 3032924"/>
              <a:gd name="connsiteX16" fmla="*/ 2861369 w 3239999"/>
              <a:gd name="connsiteY16" fmla="*/ 2472117 h 3032924"/>
              <a:gd name="connsiteX17" fmla="*/ 1663394 w 3239999"/>
              <a:gd name="connsiteY17" fmla="*/ 2765302 h 3032924"/>
              <a:gd name="connsiteX18" fmla="*/ 1663394 w 3239999"/>
              <a:gd name="connsiteY18" fmla="*/ 526981 h 3032924"/>
              <a:gd name="connsiteX19" fmla="*/ 1663394 w 3239999"/>
              <a:gd name="connsiteY19" fmla="*/ 430441 h 3032924"/>
              <a:gd name="connsiteX20" fmla="*/ 1663394 w 3239999"/>
              <a:gd name="connsiteY20" fmla="*/ 402054 h 3032924"/>
              <a:gd name="connsiteX21" fmla="*/ 2406065 w 3239999"/>
              <a:gd name="connsiteY21" fmla="*/ 22 h 3032924"/>
              <a:gd name="connsiteX22" fmla="*/ 2853673 w 3239999"/>
              <a:gd name="connsiteY22" fmla="*/ 91100 h 3032924"/>
              <a:gd name="connsiteX23" fmla="*/ 2854770 w 3239999"/>
              <a:gd name="connsiteY23" fmla="*/ 430441 h 3032924"/>
              <a:gd name="connsiteX24" fmla="*/ 3120669 w 3239999"/>
              <a:gd name="connsiteY24" fmla="*/ 428517 h 3032924"/>
              <a:gd name="connsiteX25" fmla="*/ 3120669 w 3239999"/>
              <a:gd name="connsiteY25" fmla="*/ 738345 h 3032924"/>
              <a:gd name="connsiteX26" fmla="*/ 3239999 w 3239999"/>
              <a:gd name="connsiteY26" fmla="*/ 738345 h 3032924"/>
              <a:gd name="connsiteX27" fmla="*/ 3239999 w 3239999"/>
              <a:gd name="connsiteY27" fmla="*/ 3032924 h 3032924"/>
              <a:gd name="connsiteX28" fmla="*/ 0 w 3239999"/>
              <a:gd name="connsiteY28" fmla="*/ 3032924 h 3032924"/>
              <a:gd name="connsiteX29" fmla="*/ 0 w 3239999"/>
              <a:gd name="connsiteY29" fmla="*/ 738345 h 3032924"/>
              <a:gd name="connsiteX30" fmla="*/ 102477 w 3239999"/>
              <a:gd name="connsiteY30" fmla="*/ 738345 h 3032924"/>
              <a:gd name="connsiteX31" fmla="*/ 102477 w 3239999"/>
              <a:gd name="connsiteY31" fmla="*/ 428517 h 3032924"/>
              <a:gd name="connsiteX32" fmla="*/ 385229 w 3239999"/>
              <a:gd name="connsiteY32" fmla="*/ 430441 h 3032924"/>
              <a:gd name="connsiteX33" fmla="*/ 386326 w 3239999"/>
              <a:gd name="connsiteY33" fmla="*/ 91100 h 3032924"/>
              <a:gd name="connsiteX34" fmla="*/ 833935 w 3239999"/>
              <a:gd name="connsiteY34" fmla="*/ 2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34" fmla="*/ 1668046 w 3239999"/>
              <a:gd name="connsiteY34" fmla="*/ 2869642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39143 w 3239999"/>
              <a:gd name="connsiteY32" fmla="*/ 2776423 h 3032924"/>
              <a:gd name="connsiteX33" fmla="*/ 1576606 w 3239999"/>
              <a:gd name="connsiteY33" fmla="*/ 2776423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3000856 w 3239999"/>
              <a:gd name="connsiteY3" fmla="*/ 2776423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29618 w 3239999"/>
              <a:gd name="connsiteY32" fmla="*/ 2690698 h 3032924"/>
              <a:gd name="connsiteX33" fmla="*/ 1576606 w 3239999"/>
              <a:gd name="connsiteY33" fmla="*/ 2776423 h 3032924"/>
              <a:gd name="connsiteX0" fmla="*/ 1576606 w 3239999"/>
              <a:gd name="connsiteY0" fmla="*/ 2778202 h 3032924"/>
              <a:gd name="connsiteX1" fmla="*/ 1663394 w 3239999"/>
              <a:gd name="connsiteY1" fmla="*/ 2778202 h 3032924"/>
              <a:gd name="connsiteX2" fmla="*/ 1663394 w 3239999"/>
              <a:gd name="connsiteY2" fmla="*/ 2776423 h 3032924"/>
              <a:gd name="connsiteX3" fmla="*/ 2991331 w 3239999"/>
              <a:gd name="connsiteY3" fmla="*/ 2709748 h 3032924"/>
              <a:gd name="connsiteX4" fmla="*/ 3000856 w 3239999"/>
              <a:gd name="connsiteY4" fmla="*/ 526981 h 3032924"/>
              <a:gd name="connsiteX5" fmla="*/ 2855082 w 3239999"/>
              <a:gd name="connsiteY5" fmla="*/ 526981 h 3032924"/>
              <a:gd name="connsiteX6" fmla="*/ 2861369 w 3239999"/>
              <a:gd name="connsiteY6" fmla="*/ 2472117 h 3032924"/>
              <a:gd name="connsiteX7" fmla="*/ 1663394 w 3239999"/>
              <a:gd name="connsiteY7" fmla="*/ 2765302 h 3032924"/>
              <a:gd name="connsiteX8" fmla="*/ 1663394 w 3239999"/>
              <a:gd name="connsiteY8" fmla="*/ 526981 h 3032924"/>
              <a:gd name="connsiteX9" fmla="*/ 1663394 w 3239999"/>
              <a:gd name="connsiteY9" fmla="*/ 430441 h 3032924"/>
              <a:gd name="connsiteX10" fmla="*/ 1663394 w 3239999"/>
              <a:gd name="connsiteY10" fmla="*/ 402054 h 3032924"/>
              <a:gd name="connsiteX11" fmla="*/ 2406065 w 3239999"/>
              <a:gd name="connsiteY11" fmla="*/ 22 h 3032924"/>
              <a:gd name="connsiteX12" fmla="*/ 2853673 w 3239999"/>
              <a:gd name="connsiteY12" fmla="*/ 91100 h 3032924"/>
              <a:gd name="connsiteX13" fmla="*/ 2854770 w 3239999"/>
              <a:gd name="connsiteY13" fmla="*/ 430441 h 3032924"/>
              <a:gd name="connsiteX14" fmla="*/ 3120669 w 3239999"/>
              <a:gd name="connsiteY14" fmla="*/ 428517 h 3032924"/>
              <a:gd name="connsiteX15" fmla="*/ 3120669 w 3239999"/>
              <a:gd name="connsiteY15" fmla="*/ 738345 h 3032924"/>
              <a:gd name="connsiteX16" fmla="*/ 3239999 w 3239999"/>
              <a:gd name="connsiteY16" fmla="*/ 738345 h 3032924"/>
              <a:gd name="connsiteX17" fmla="*/ 3239999 w 3239999"/>
              <a:gd name="connsiteY17" fmla="*/ 3032924 h 3032924"/>
              <a:gd name="connsiteX18" fmla="*/ 0 w 3239999"/>
              <a:gd name="connsiteY18" fmla="*/ 3032924 h 3032924"/>
              <a:gd name="connsiteX19" fmla="*/ 0 w 3239999"/>
              <a:gd name="connsiteY19" fmla="*/ 738345 h 3032924"/>
              <a:gd name="connsiteX20" fmla="*/ 102477 w 3239999"/>
              <a:gd name="connsiteY20" fmla="*/ 738345 h 3032924"/>
              <a:gd name="connsiteX21" fmla="*/ 102477 w 3239999"/>
              <a:gd name="connsiteY21" fmla="*/ 428517 h 3032924"/>
              <a:gd name="connsiteX22" fmla="*/ 385229 w 3239999"/>
              <a:gd name="connsiteY22" fmla="*/ 430441 h 3032924"/>
              <a:gd name="connsiteX23" fmla="*/ 386326 w 3239999"/>
              <a:gd name="connsiteY23" fmla="*/ 91100 h 3032924"/>
              <a:gd name="connsiteX24" fmla="*/ 833935 w 3239999"/>
              <a:gd name="connsiteY24" fmla="*/ 22 h 3032924"/>
              <a:gd name="connsiteX25" fmla="*/ 1576606 w 3239999"/>
              <a:gd name="connsiteY25" fmla="*/ 402054 h 3032924"/>
              <a:gd name="connsiteX26" fmla="*/ 1576606 w 3239999"/>
              <a:gd name="connsiteY26" fmla="*/ 430441 h 3032924"/>
              <a:gd name="connsiteX27" fmla="*/ 1576606 w 3239999"/>
              <a:gd name="connsiteY27" fmla="*/ 526981 h 3032924"/>
              <a:gd name="connsiteX28" fmla="*/ 1576606 w 3239999"/>
              <a:gd name="connsiteY28" fmla="*/ 2765302 h 3032924"/>
              <a:gd name="connsiteX29" fmla="*/ 378630 w 3239999"/>
              <a:gd name="connsiteY29" fmla="*/ 2472117 h 3032924"/>
              <a:gd name="connsiteX30" fmla="*/ 384918 w 3239999"/>
              <a:gd name="connsiteY30" fmla="*/ 526981 h 3032924"/>
              <a:gd name="connsiteX31" fmla="*/ 239143 w 3239999"/>
              <a:gd name="connsiteY31" fmla="*/ 526981 h 3032924"/>
              <a:gd name="connsiteX32" fmla="*/ 229618 w 3239999"/>
              <a:gd name="connsiteY32" fmla="*/ 2690698 h 3032924"/>
              <a:gd name="connsiteX33" fmla="*/ 1576606 w 3239999"/>
              <a:gd name="connsiteY33" fmla="*/ 2776423 h 303292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</a:cxnLst>
            <a:rect l="l" t="t" r="r" b="b"/>
            <a:pathLst>
              <a:path w="3239999" h="3032924">
                <a:moveTo>
                  <a:pt x="1576606" y="2778202"/>
                </a:moveTo>
                <a:cubicBezTo>
                  <a:pt x="1576606" y="2778795"/>
                  <a:pt x="1663394" y="2792670"/>
                  <a:pt x="1663394" y="2778202"/>
                </a:cubicBezTo>
                <a:lnTo>
                  <a:pt x="1663394" y="2776423"/>
                </a:lnTo>
                <a:cubicBezTo>
                  <a:pt x="2185083" y="2605634"/>
                  <a:pt x="2444552" y="2500589"/>
                  <a:pt x="2991331" y="2709748"/>
                </a:cubicBezTo>
                <a:lnTo>
                  <a:pt x="3000856" y="526981"/>
                </a:lnTo>
                <a:lnTo>
                  <a:pt x="2855082" y="526981"/>
                </a:lnTo>
                <a:cubicBezTo>
                  <a:pt x="2857178" y="1175360"/>
                  <a:pt x="2859273" y="1823738"/>
                  <a:pt x="2861369" y="2472117"/>
                </a:cubicBezTo>
                <a:cubicBezTo>
                  <a:pt x="2483869" y="2318121"/>
                  <a:pt x="2052449" y="2439541"/>
                  <a:pt x="1663394" y="2765302"/>
                </a:cubicBezTo>
                <a:lnTo>
                  <a:pt x="1663394" y="526981"/>
                </a:lnTo>
                <a:lnTo>
                  <a:pt x="1663394" y="430441"/>
                </a:lnTo>
                <a:lnTo>
                  <a:pt x="1663394" y="402054"/>
                </a:lnTo>
                <a:cubicBezTo>
                  <a:pt x="1896442" y="149589"/>
                  <a:pt x="2115835" y="2106"/>
                  <a:pt x="2406065" y="22"/>
                </a:cubicBezTo>
                <a:cubicBezTo>
                  <a:pt x="2537987" y="-925"/>
                  <a:pt x="2684544" y="28169"/>
                  <a:pt x="2853673" y="91100"/>
                </a:cubicBezTo>
                <a:cubicBezTo>
                  <a:pt x="2854039" y="204214"/>
                  <a:pt x="2854404" y="317327"/>
                  <a:pt x="2854770" y="430441"/>
                </a:cubicBezTo>
                <a:lnTo>
                  <a:pt x="3120669" y="428517"/>
                </a:lnTo>
                <a:lnTo>
                  <a:pt x="3120669" y="738345"/>
                </a:lnTo>
                <a:lnTo>
                  <a:pt x="3239999" y="738345"/>
                </a:lnTo>
                <a:lnTo>
                  <a:pt x="3239999" y="3032924"/>
                </a:lnTo>
                <a:lnTo>
                  <a:pt x="0" y="3032924"/>
                </a:lnTo>
                <a:lnTo>
                  <a:pt x="0" y="738345"/>
                </a:lnTo>
                <a:lnTo>
                  <a:pt x="102477" y="738345"/>
                </a:lnTo>
                <a:lnTo>
                  <a:pt x="102477" y="428517"/>
                </a:lnTo>
                <a:lnTo>
                  <a:pt x="385229" y="430441"/>
                </a:lnTo>
                <a:cubicBezTo>
                  <a:pt x="385595" y="317327"/>
                  <a:pt x="385960" y="204214"/>
                  <a:pt x="386326" y="91100"/>
                </a:cubicBezTo>
                <a:cubicBezTo>
                  <a:pt x="555455" y="28169"/>
                  <a:pt x="702013" y="-925"/>
                  <a:pt x="833935" y="22"/>
                </a:cubicBezTo>
                <a:cubicBezTo>
                  <a:pt x="1124164" y="2106"/>
                  <a:pt x="1343558" y="149589"/>
                  <a:pt x="1576606" y="402054"/>
                </a:cubicBezTo>
                <a:lnTo>
                  <a:pt x="1576606" y="430441"/>
                </a:lnTo>
                <a:lnTo>
                  <a:pt x="1576606" y="526981"/>
                </a:lnTo>
                <a:lnTo>
                  <a:pt x="1576606" y="2765302"/>
                </a:lnTo>
                <a:cubicBezTo>
                  <a:pt x="1187550" y="2439541"/>
                  <a:pt x="756130" y="2318121"/>
                  <a:pt x="378630" y="2472117"/>
                </a:cubicBezTo>
                <a:lnTo>
                  <a:pt x="384918" y="526981"/>
                </a:lnTo>
                <a:lnTo>
                  <a:pt x="239143" y="526981"/>
                </a:lnTo>
                <a:lnTo>
                  <a:pt x="229618" y="2690698"/>
                </a:lnTo>
                <a:cubicBezTo>
                  <a:pt x="773243" y="2466244"/>
                  <a:pt x="1081748" y="2626096"/>
                  <a:pt x="1576606" y="2776423"/>
                </a:cubicBezTo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0" name="Round Same Side Corner Rectangle 6">
            <a:extLst>
              <a:ext uri="{FF2B5EF4-FFF2-40B4-BE49-F238E27FC236}">
                <a16:creationId xmlns:a16="http://schemas.microsoft.com/office/drawing/2014/main" id="{11207448-F26A-4EF1-8764-2D6798600849}"/>
              </a:ext>
            </a:extLst>
          </p:cNvPr>
          <p:cNvSpPr/>
          <p:nvPr/>
        </p:nvSpPr>
        <p:spPr>
          <a:xfrm rot="2700000">
            <a:off x="6979028" y="5476482"/>
            <a:ext cx="190721" cy="764622"/>
          </a:xfrm>
          <a:custGeom>
            <a:avLst/>
            <a:gdLst/>
            <a:ahLst/>
            <a:cxnLst/>
            <a:rect l="l" t="t" r="r" b="b"/>
            <a:pathLst>
              <a:path w="1035916" h="4153123">
                <a:moveTo>
                  <a:pt x="277501" y="3759099"/>
                </a:moveTo>
                <a:lnTo>
                  <a:pt x="758408" y="3759099"/>
                </a:lnTo>
                <a:lnTo>
                  <a:pt x="517954" y="4153123"/>
                </a:lnTo>
                <a:close/>
                <a:moveTo>
                  <a:pt x="42612" y="2944898"/>
                </a:moveTo>
                <a:cubicBezTo>
                  <a:pt x="153922" y="2941505"/>
                  <a:pt x="246502" y="2889483"/>
                  <a:pt x="275675" y="2819018"/>
                </a:cubicBezTo>
                <a:cubicBezTo>
                  <a:pt x="304648" y="2892614"/>
                  <a:pt x="403763" y="2945872"/>
                  <a:pt x="521107" y="2945872"/>
                </a:cubicBezTo>
                <a:cubicBezTo>
                  <a:pt x="638453" y="2945872"/>
                  <a:pt x="737567" y="2892613"/>
                  <a:pt x="766540" y="2819017"/>
                </a:cubicBezTo>
                <a:cubicBezTo>
                  <a:pt x="795133" y="2888142"/>
                  <a:pt x="884783" y="2939514"/>
                  <a:pt x="993299" y="2944464"/>
                </a:cubicBezTo>
                <a:lnTo>
                  <a:pt x="776840" y="3657264"/>
                </a:lnTo>
                <a:lnTo>
                  <a:pt x="258940" y="3657264"/>
                </a:lnTo>
                <a:close/>
                <a:moveTo>
                  <a:pt x="809102" y="564558"/>
                </a:moveTo>
                <a:lnTo>
                  <a:pt x="1035914" y="564558"/>
                </a:lnTo>
                <a:lnTo>
                  <a:pt x="1035915" y="2838682"/>
                </a:lnTo>
                <a:cubicBezTo>
                  <a:pt x="1029586" y="2840409"/>
                  <a:pt x="1023074" y="2840731"/>
                  <a:pt x="1016490" y="2840731"/>
                </a:cubicBezTo>
                <a:cubicBezTo>
                  <a:pt x="901952" y="2840731"/>
                  <a:pt x="809102" y="2743612"/>
                  <a:pt x="809101" y="2623810"/>
                </a:cubicBezTo>
                <a:close/>
                <a:moveTo>
                  <a:pt x="310569" y="564558"/>
                </a:moveTo>
                <a:lnTo>
                  <a:pt x="725347" y="564558"/>
                </a:lnTo>
                <a:lnTo>
                  <a:pt x="725347" y="2633342"/>
                </a:lnTo>
                <a:cubicBezTo>
                  <a:pt x="725347" y="2747880"/>
                  <a:pt x="632496" y="2840731"/>
                  <a:pt x="517958" y="2840731"/>
                </a:cubicBezTo>
                <a:cubicBezTo>
                  <a:pt x="403420" y="2840731"/>
                  <a:pt x="310569" y="2747880"/>
                  <a:pt x="310569" y="2633342"/>
                </a:cubicBezTo>
                <a:close/>
                <a:moveTo>
                  <a:pt x="0" y="564557"/>
                </a:moveTo>
                <a:lnTo>
                  <a:pt x="226813" y="564557"/>
                </a:lnTo>
                <a:lnTo>
                  <a:pt x="226813" y="2623810"/>
                </a:lnTo>
                <a:cubicBezTo>
                  <a:pt x="226813" y="2743612"/>
                  <a:pt x="133962" y="2840731"/>
                  <a:pt x="19424" y="2840730"/>
                </a:cubicBezTo>
                <a:cubicBezTo>
                  <a:pt x="12841" y="2840730"/>
                  <a:pt x="6329" y="2840409"/>
                  <a:pt x="0" y="2838682"/>
                </a:cubicBezTo>
                <a:close/>
                <a:moveTo>
                  <a:pt x="71964" y="71964"/>
                </a:moveTo>
                <a:cubicBezTo>
                  <a:pt x="116427" y="27501"/>
                  <a:pt x="177852" y="0"/>
                  <a:pt x="245701" y="0"/>
                </a:cubicBezTo>
                <a:lnTo>
                  <a:pt x="790215" y="0"/>
                </a:lnTo>
                <a:cubicBezTo>
                  <a:pt x="925912" y="0"/>
                  <a:pt x="1035916" y="110004"/>
                  <a:pt x="1035916" y="245701"/>
                </a:cubicBezTo>
                <a:cubicBezTo>
                  <a:pt x="1035916" y="327601"/>
                  <a:pt x="1035915" y="409501"/>
                  <a:pt x="1035915" y="491401"/>
                </a:cubicBezTo>
                <a:lnTo>
                  <a:pt x="0" y="491401"/>
                </a:lnTo>
                <a:lnTo>
                  <a:pt x="0" y="245701"/>
                </a:lnTo>
                <a:cubicBezTo>
                  <a:pt x="0" y="177853"/>
                  <a:pt x="27501" y="116427"/>
                  <a:pt x="71964" y="71964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91" name="Frame 17">
            <a:extLst>
              <a:ext uri="{FF2B5EF4-FFF2-40B4-BE49-F238E27FC236}">
                <a16:creationId xmlns:a16="http://schemas.microsoft.com/office/drawing/2014/main" id="{1278BF84-DDF3-43F8-88E4-A0F28E4079EF}"/>
              </a:ext>
            </a:extLst>
          </p:cNvPr>
          <p:cNvSpPr/>
          <p:nvPr/>
        </p:nvSpPr>
        <p:spPr>
          <a:xfrm>
            <a:off x="4376235" y="4613417"/>
            <a:ext cx="508153" cy="508153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415456" y="380544"/>
                </a:moveTo>
                <a:lnTo>
                  <a:pt x="415456" y="385333"/>
                </a:lnTo>
                <a:lnTo>
                  <a:pt x="385333" y="385333"/>
                </a:lnTo>
                <a:lnTo>
                  <a:pt x="385333" y="2854667"/>
                </a:lnTo>
                <a:lnTo>
                  <a:pt x="1529120" y="2854667"/>
                </a:lnTo>
                <a:cubicBezTo>
                  <a:pt x="1267123" y="2430711"/>
                  <a:pt x="997530" y="1721825"/>
                  <a:pt x="436017" y="1672600"/>
                </a:cubicBezTo>
                <a:lnTo>
                  <a:pt x="600235" y="1185112"/>
                </a:lnTo>
                <a:cubicBezTo>
                  <a:pt x="1132790" y="1359573"/>
                  <a:pt x="1278822" y="1550851"/>
                  <a:pt x="1544730" y="1923929"/>
                </a:cubicBezTo>
                <a:cubicBezTo>
                  <a:pt x="1789452" y="1379400"/>
                  <a:pt x="1927092" y="1088696"/>
                  <a:pt x="2233403" y="596568"/>
                </a:cubicBezTo>
                <a:lnTo>
                  <a:pt x="2770666" y="596568"/>
                </a:lnTo>
                <a:cubicBezTo>
                  <a:pt x="2331495" y="1220469"/>
                  <a:pt x="1907612" y="2113878"/>
                  <a:pt x="1578489" y="2854667"/>
                </a:cubicBezTo>
                <a:lnTo>
                  <a:pt x="2854667" y="2854667"/>
                </a:lnTo>
                <a:lnTo>
                  <a:pt x="2854667" y="596568"/>
                </a:lnTo>
                <a:lnTo>
                  <a:pt x="2858395" y="596568"/>
                </a:lnTo>
                <a:lnTo>
                  <a:pt x="2858395" y="380544"/>
                </a:lnTo>
                <a:close/>
                <a:moveTo>
                  <a:pt x="0" y="0"/>
                </a:moveTo>
                <a:lnTo>
                  <a:pt x="3240000" y="0"/>
                </a:lnTo>
                <a:lnTo>
                  <a:pt x="3240000" y="3240000"/>
                </a:lnTo>
                <a:lnTo>
                  <a:pt x="0" y="3240000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2" name="Rounded Rectangle 5">
            <a:extLst>
              <a:ext uri="{FF2B5EF4-FFF2-40B4-BE49-F238E27FC236}">
                <a16:creationId xmlns:a16="http://schemas.microsoft.com/office/drawing/2014/main" id="{B5A177C8-7AB0-4E40-873A-70F231B3FA06}"/>
              </a:ext>
            </a:extLst>
          </p:cNvPr>
          <p:cNvSpPr/>
          <p:nvPr/>
        </p:nvSpPr>
        <p:spPr>
          <a:xfrm flipH="1">
            <a:off x="10102420" y="2554106"/>
            <a:ext cx="504633" cy="416291"/>
          </a:xfrm>
          <a:custGeom>
            <a:avLst/>
            <a:gdLst>
              <a:gd name="connsiteX0" fmla="*/ 1384251 w 3217557"/>
              <a:gd name="connsiteY0" fmla="*/ 661544 h 2702049"/>
              <a:gd name="connsiteX1" fmla="*/ 1574067 w 3217557"/>
              <a:gd name="connsiteY1" fmla="*/ 851360 h 2702049"/>
              <a:gd name="connsiteX2" fmla="*/ 1384251 w 3217557"/>
              <a:gd name="connsiteY2" fmla="*/ 1041176 h 2702049"/>
              <a:gd name="connsiteX3" fmla="*/ 1194435 w 3217557"/>
              <a:gd name="connsiteY3" fmla="*/ 851360 h 2702049"/>
              <a:gd name="connsiteX4" fmla="*/ 1384251 w 3217557"/>
              <a:gd name="connsiteY4" fmla="*/ 661544 h 2702049"/>
              <a:gd name="connsiteX5" fmla="*/ 1993421 w 3217557"/>
              <a:gd name="connsiteY5" fmla="*/ 661544 h 2702049"/>
              <a:gd name="connsiteX6" fmla="*/ 2183237 w 3217557"/>
              <a:gd name="connsiteY6" fmla="*/ 851360 h 2702049"/>
              <a:gd name="connsiteX7" fmla="*/ 1993421 w 3217557"/>
              <a:gd name="connsiteY7" fmla="*/ 1041176 h 2702049"/>
              <a:gd name="connsiteX8" fmla="*/ 1803605 w 3217557"/>
              <a:gd name="connsiteY8" fmla="*/ 851360 h 2702049"/>
              <a:gd name="connsiteX9" fmla="*/ 1993421 w 3217557"/>
              <a:gd name="connsiteY9" fmla="*/ 661544 h 2702049"/>
              <a:gd name="connsiteX10" fmla="*/ 2602591 w 3217557"/>
              <a:gd name="connsiteY10" fmla="*/ 661544 h 2702049"/>
              <a:gd name="connsiteX11" fmla="*/ 2792407 w 3217557"/>
              <a:gd name="connsiteY11" fmla="*/ 851360 h 2702049"/>
              <a:gd name="connsiteX12" fmla="*/ 2602591 w 3217557"/>
              <a:gd name="connsiteY12" fmla="*/ 1041176 h 2702049"/>
              <a:gd name="connsiteX13" fmla="*/ 2412775 w 3217557"/>
              <a:gd name="connsiteY13" fmla="*/ 851360 h 2702049"/>
              <a:gd name="connsiteX14" fmla="*/ 2602591 w 3217557"/>
              <a:gd name="connsiteY14" fmla="*/ 661544 h 2702049"/>
              <a:gd name="connsiteX15" fmla="*/ 677114 w 3217557"/>
              <a:gd name="connsiteY15" fmla="*/ 569491 h 2702049"/>
              <a:gd name="connsiteX16" fmla="*/ 330916 w 3217557"/>
              <a:gd name="connsiteY16" fmla="*/ 569491 h 2702049"/>
              <a:gd name="connsiteX17" fmla="*/ 0 w 3217557"/>
              <a:gd name="connsiteY17" fmla="*/ 900407 h 2702049"/>
              <a:gd name="connsiteX18" fmla="*/ 0 w 3217557"/>
              <a:gd name="connsiteY18" fmla="*/ 1952009 h 2702049"/>
              <a:gd name="connsiteX19" fmla="*/ 330916 w 3217557"/>
              <a:gd name="connsiteY19" fmla="*/ 2282925 h 2702049"/>
              <a:gd name="connsiteX20" fmla="*/ 711670 w 3217557"/>
              <a:gd name="connsiteY20" fmla="*/ 2282925 h 2702049"/>
              <a:gd name="connsiteX21" fmla="*/ 15770 w 3217557"/>
              <a:gd name="connsiteY21" fmla="*/ 2702049 h 2702049"/>
              <a:gd name="connsiteX22" fmla="*/ 1294529 w 3217557"/>
              <a:gd name="connsiteY22" fmla="*/ 2282925 h 2702049"/>
              <a:gd name="connsiteX23" fmla="*/ 2117356 w 3217557"/>
              <a:gd name="connsiteY23" fmla="*/ 2282925 h 2702049"/>
              <a:gd name="connsiteX24" fmla="*/ 2418395 w 3217557"/>
              <a:gd name="connsiteY24" fmla="*/ 2087951 h 2702049"/>
              <a:gd name="connsiteX25" fmla="*/ 1830857 w 3217557"/>
              <a:gd name="connsiteY25" fmla="*/ 1799347 h 2702049"/>
              <a:gd name="connsiteX26" fmla="*/ 1008030 w 3217557"/>
              <a:gd name="connsiteY26" fmla="*/ 1799347 h 2702049"/>
              <a:gd name="connsiteX27" fmla="*/ 677114 w 3217557"/>
              <a:gd name="connsiteY27" fmla="*/ 1468431 h 2702049"/>
              <a:gd name="connsiteX28" fmla="*/ 677114 w 3217557"/>
              <a:gd name="connsiteY28" fmla="*/ 569491 h 2702049"/>
              <a:gd name="connsiteX29" fmla="*/ 2886641 w 3217557"/>
              <a:gd name="connsiteY29" fmla="*/ 0 h 2702049"/>
              <a:gd name="connsiteX30" fmla="*/ 1100201 w 3217557"/>
              <a:gd name="connsiteY30" fmla="*/ 0 h 2702049"/>
              <a:gd name="connsiteX31" fmla="*/ 769285 w 3217557"/>
              <a:gd name="connsiteY31" fmla="*/ 330916 h 2702049"/>
              <a:gd name="connsiteX32" fmla="*/ 769285 w 3217557"/>
              <a:gd name="connsiteY32" fmla="*/ 1382518 h 2702049"/>
              <a:gd name="connsiteX33" fmla="*/ 1100201 w 3217557"/>
              <a:gd name="connsiteY33" fmla="*/ 1713434 h 2702049"/>
              <a:gd name="connsiteX34" fmla="*/ 1923028 w 3217557"/>
              <a:gd name="connsiteY34" fmla="*/ 1713434 h 2702049"/>
              <a:gd name="connsiteX35" fmla="*/ 3078958 w 3217557"/>
              <a:gd name="connsiteY35" fmla="*/ 2077967 h 2702049"/>
              <a:gd name="connsiteX36" fmla="*/ 2505887 w 3217557"/>
              <a:gd name="connsiteY36" fmla="*/ 1713434 h 2702049"/>
              <a:gd name="connsiteX37" fmla="*/ 2886641 w 3217557"/>
              <a:gd name="connsiteY37" fmla="*/ 1713434 h 2702049"/>
              <a:gd name="connsiteX38" fmla="*/ 3217557 w 3217557"/>
              <a:gd name="connsiteY38" fmla="*/ 1382518 h 2702049"/>
              <a:gd name="connsiteX39" fmla="*/ 3217557 w 3217557"/>
              <a:gd name="connsiteY39" fmla="*/ 330916 h 2702049"/>
              <a:gd name="connsiteX40" fmla="*/ 2886641 w 3217557"/>
              <a:gd name="connsiteY40" fmla="*/ 0 h 2702049"/>
              <a:gd name="connsiteX0" fmla="*/ 1384251 w 3217557"/>
              <a:gd name="connsiteY0" fmla="*/ 661544 h 2702049"/>
              <a:gd name="connsiteX1" fmla="*/ 1574067 w 3217557"/>
              <a:gd name="connsiteY1" fmla="*/ 851360 h 2702049"/>
              <a:gd name="connsiteX2" fmla="*/ 1384251 w 3217557"/>
              <a:gd name="connsiteY2" fmla="*/ 1041176 h 2702049"/>
              <a:gd name="connsiteX3" fmla="*/ 1194435 w 3217557"/>
              <a:gd name="connsiteY3" fmla="*/ 851360 h 2702049"/>
              <a:gd name="connsiteX4" fmla="*/ 1384251 w 3217557"/>
              <a:gd name="connsiteY4" fmla="*/ 661544 h 2702049"/>
              <a:gd name="connsiteX5" fmla="*/ 1993421 w 3217557"/>
              <a:gd name="connsiteY5" fmla="*/ 661544 h 2702049"/>
              <a:gd name="connsiteX6" fmla="*/ 2183237 w 3217557"/>
              <a:gd name="connsiteY6" fmla="*/ 851360 h 2702049"/>
              <a:gd name="connsiteX7" fmla="*/ 1993421 w 3217557"/>
              <a:gd name="connsiteY7" fmla="*/ 1041176 h 2702049"/>
              <a:gd name="connsiteX8" fmla="*/ 1803605 w 3217557"/>
              <a:gd name="connsiteY8" fmla="*/ 851360 h 2702049"/>
              <a:gd name="connsiteX9" fmla="*/ 1993421 w 3217557"/>
              <a:gd name="connsiteY9" fmla="*/ 661544 h 2702049"/>
              <a:gd name="connsiteX10" fmla="*/ 2602591 w 3217557"/>
              <a:gd name="connsiteY10" fmla="*/ 661544 h 2702049"/>
              <a:gd name="connsiteX11" fmla="*/ 2792407 w 3217557"/>
              <a:gd name="connsiteY11" fmla="*/ 851360 h 2702049"/>
              <a:gd name="connsiteX12" fmla="*/ 2602591 w 3217557"/>
              <a:gd name="connsiteY12" fmla="*/ 1041176 h 2702049"/>
              <a:gd name="connsiteX13" fmla="*/ 2412775 w 3217557"/>
              <a:gd name="connsiteY13" fmla="*/ 851360 h 2702049"/>
              <a:gd name="connsiteX14" fmla="*/ 2602591 w 3217557"/>
              <a:gd name="connsiteY14" fmla="*/ 661544 h 2702049"/>
              <a:gd name="connsiteX15" fmla="*/ 677114 w 3217557"/>
              <a:gd name="connsiteY15" fmla="*/ 569491 h 2702049"/>
              <a:gd name="connsiteX16" fmla="*/ 330916 w 3217557"/>
              <a:gd name="connsiteY16" fmla="*/ 569491 h 2702049"/>
              <a:gd name="connsiteX17" fmla="*/ 0 w 3217557"/>
              <a:gd name="connsiteY17" fmla="*/ 900407 h 2702049"/>
              <a:gd name="connsiteX18" fmla="*/ 0 w 3217557"/>
              <a:gd name="connsiteY18" fmla="*/ 1952009 h 2702049"/>
              <a:gd name="connsiteX19" fmla="*/ 330916 w 3217557"/>
              <a:gd name="connsiteY19" fmla="*/ 2282925 h 2702049"/>
              <a:gd name="connsiteX20" fmla="*/ 711670 w 3217557"/>
              <a:gd name="connsiteY20" fmla="*/ 2282925 h 2702049"/>
              <a:gd name="connsiteX21" fmla="*/ 15770 w 3217557"/>
              <a:gd name="connsiteY21" fmla="*/ 2702049 h 2702049"/>
              <a:gd name="connsiteX22" fmla="*/ 1294529 w 3217557"/>
              <a:gd name="connsiteY22" fmla="*/ 2282925 h 2702049"/>
              <a:gd name="connsiteX23" fmla="*/ 2117356 w 3217557"/>
              <a:gd name="connsiteY23" fmla="*/ 2282925 h 2702049"/>
              <a:gd name="connsiteX24" fmla="*/ 2418395 w 3217557"/>
              <a:gd name="connsiteY24" fmla="*/ 2087951 h 2702049"/>
              <a:gd name="connsiteX25" fmla="*/ 1830857 w 3217557"/>
              <a:gd name="connsiteY25" fmla="*/ 1799347 h 2702049"/>
              <a:gd name="connsiteX26" fmla="*/ 1008030 w 3217557"/>
              <a:gd name="connsiteY26" fmla="*/ 1799347 h 2702049"/>
              <a:gd name="connsiteX27" fmla="*/ 677114 w 3217557"/>
              <a:gd name="connsiteY27" fmla="*/ 1468431 h 2702049"/>
              <a:gd name="connsiteX28" fmla="*/ 677114 w 3217557"/>
              <a:gd name="connsiteY28" fmla="*/ 569491 h 2702049"/>
              <a:gd name="connsiteX29" fmla="*/ 2886641 w 3217557"/>
              <a:gd name="connsiteY29" fmla="*/ 0 h 2702049"/>
              <a:gd name="connsiteX30" fmla="*/ 1100201 w 3217557"/>
              <a:gd name="connsiteY30" fmla="*/ 0 h 2702049"/>
              <a:gd name="connsiteX31" fmla="*/ 769285 w 3217557"/>
              <a:gd name="connsiteY31" fmla="*/ 330916 h 2702049"/>
              <a:gd name="connsiteX32" fmla="*/ 769285 w 3217557"/>
              <a:gd name="connsiteY32" fmla="*/ 1382518 h 2702049"/>
              <a:gd name="connsiteX33" fmla="*/ 1100201 w 3217557"/>
              <a:gd name="connsiteY33" fmla="*/ 1713434 h 2702049"/>
              <a:gd name="connsiteX34" fmla="*/ 1923028 w 3217557"/>
              <a:gd name="connsiteY34" fmla="*/ 1713434 h 2702049"/>
              <a:gd name="connsiteX35" fmla="*/ 3078958 w 3217557"/>
              <a:gd name="connsiteY35" fmla="*/ 2077967 h 2702049"/>
              <a:gd name="connsiteX36" fmla="*/ 2505887 w 3217557"/>
              <a:gd name="connsiteY36" fmla="*/ 1713434 h 2702049"/>
              <a:gd name="connsiteX37" fmla="*/ 2886641 w 3217557"/>
              <a:gd name="connsiteY37" fmla="*/ 1713434 h 2702049"/>
              <a:gd name="connsiteX38" fmla="*/ 3217557 w 3217557"/>
              <a:gd name="connsiteY38" fmla="*/ 1382518 h 2702049"/>
              <a:gd name="connsiteX39" fmla="*/ 3217557 w 3217557"/>
              <a:gd name="connsiteY39" fmla="*/ 330916 h 2702049"/>
              <a:gd name="connsiteX40" fmla="*/ 2886641 w 3217557"/>
              <a:gd name="connsiteY40" fmla="*/ 0 h 2702049"/>
              <a:gd name="connsiteX0" fmla="*/ 1384251 w 3217557"/>
              <a:gd name="connsiteY0" fmla="*/ 661544 h 2633810"/>
              <a:gd name="connsiteX1" fmla="*/ 1574067 w 3217557"/>
              <a:gd name="connsiteY1" fmla="*/ 851360 h 2633810"/>
              <a:gd name="connsiteX2" fmla="*/ 1384251 w 3217557"/>
              <a:gd name="connsiteY2" fmla="*/ 1041176 h 2633810"/>
              <a:gd name="connsiteX3" fmla="*/ 1194435 w 3217557"/>
              <a:gd name="connsiteY3" fmla="*/ 851360 h 2633810"/>
              <a:gd name="connsiteX4" fmla="*/ 1384251 w 3217557"/>
              <a:gd name="connsiteY4" fmla="*/ 661544 h 2633810"/>
              <a:gd name="connsiteX5" fmla="*/ 1993421 w 3217557"/>
              <a:gd name="connsiteY5" fmla="*/ 661544 h 2633810"/>
              <a:gd name="connsiteX6" fmla="*/ 2183237 w 3217557"/>
              <a:gd name="connsiteY6" fmla="*/ 851360 h 2633810"/>
              <a:gd name="connsiteX7" fmla="*/ 1993421 w 3217557"/>
              <a:gd name="connsiteY7" fmla="*/ 1041176 h 2633810"/>
              <a:gd name="connsiteX8" fmla="*/ 1803605 w 3217557"/>
              <a:gd name="connsiteY8" fmla="*/ 851360 h 2633810"/>
              <a:gd name="connsiteX9" fmla="*/ 1993421 w 3217557"/>
              <a:gd name="connsiteY9" fmla="*/ 661544 h 2633810"/>
              <a:gd name="connsiteX10" fmla="*/ 2602591 w 3217557"/>
              <a:gd name="connsiteY10" fmla="*/ 661544 h 2633810"/>
              <a:gd name="connsiteX11" fmla="*/ 2792407 w 3217557"/>
              <a:gd name="connsiteY11" fmla="*/ 851360 h 2633810"/>
              <a:gd name="connsiteX12" fmla="*/ 2602591 w 3217557"/>
              <a:gd name="connsiteY12" fmla="*/ 1041176 h 2633810"/>
              <a:gd name="connsiteX13" fmla="*/ 2412775 w 3217557"/>
              <a:gd name="connsiteY13" fmla="*/ 851360 h 2633810"/>
              <a:gd name="connsiteX14" fmla="*/ 2602591 w 3217557"/>
              <a:gd name="connsiteY14" fmla="*/ 661544 h 2633810"/>
              <a:gd name="connsiteX15" fmla="*/ 677114 w 3217557"/>
              <a:gd name="connsiteY15" fmla="*/ 569491 h 2633810"/>
              <a:gd name="connsiteX16" fmla="*/ 330916 w 3217557"/>
              <a:gd name="connsiteY16" fmla="*/ 569491 h 2633810"/>
              <a:gd name="connsiteX17" fmla="*/ 0 w 3217557"/>
              <a:gd name="connsiteY17" fmla="*/ 900407 h 2633810"/>
              <a:gd name="connsiteX18" fmla="*/ 0 w 3217557"/>
              <a:gd name="connsiteY18" fmla="*/ 1952009 h 2633810"/>
              <a:gd name="connsiteX19" fmla="*/ 330916 w 3217557"/>
              <a:gd name="connsiteY19" fmla="*/ 2282925 h 2633810"/>
              <a:gd name="connsiteX20" fmla="*/ 711670 w 3217557"/>
              <a:gd name="connsiteY20" fmla="*/ 2282925 h 2633810"/>
              <a:gd name="connsiteX21" fmla="*/ 165895 w 3217557"/>
              <a:gd name="connsiteY21" fmla="*/ 2633810 h 2633810"/>
              <a:gd name="connsiteX22" fmla="*/ 1294529 w 3217557"/>
              <a:gd name="connsiteY22" fmla="*/ 2282925 h 2633810"/>
              <a:gd name="connsiteX23" fmla="*/ 2117356 w 3217557"/>
              <a:gd name="connsiteY23" fmla="*/ 2282925 h 2633810"/>
              <a:gd name="connsiteX24" fmla="*/ 2418395 w 3217557"/>
              <a:gd name="connsiteY24" fmla="*/ 2087951 h 2633810"/>
              <a:gd name="connsiteX25" fmla="*/ 1830857 w 3217557"/>
              <a:gd name="connsiteY25" fmla="*/ 1799347 h 2633810"/>
              <a:gd name="connsiteX26" fmla="*/ 1008030 w 3217557"/>
              <a:gd name="connsiteY26" fmla="*/ 1799347 h 2633810"/>
              <a:gd name="connsiteX27" fmla="*/ 677114 w 3217557"/>
              <a:gd name="connsiteY27" fmla="*/ 1468431 h 2633810"/>
              <a:gd name="connsiteX28" fmla="*/ 677114 w 3217557"/>
              <a:gd name="connsiteY28" fmla="*/ 569491 h 2633810"/>
              <a:gd name="connsiteX29" fmla="*/ 2886641 w 3217557"/>
              <a:gd name="connsiteY29" fmla="*/ 0 h 2633810"/>
              <a:gd name="connsiteX30" fmla="*/ 1100201 w 3217557"/>
              <a:gd name="connsiteY30" fmla="*/ 0 h 2633810"/>
              <a:gd name="connsiteX31" fmla="*/ 769285 w 3217557"/>
              <a:gd name="connsiteY31" fmla="*/ 330916 h 2633810"/>
              <a:gd name="connsiteX32" fmla="*/ 769285 w 3217557"/>
              <a:gd name="connsiteY32" fmla="*/ 1382518 h 2633810"/>
              <a:gd name="connsiteX33" fmla="*/ 1100201 w 3217557"/>
              <a:gd name="connsiteY33" fmla="*/ 1713434 h 2633810"/>
              <a:gd name="connsiteX34" fmla="*/ 1923028 w 3217557"/>
              <a:gd name="connsiteY34" fmla="*/ 1713434 h 2633810"/>
              <a:gd name="connsiteX35" fmla="*/ 3078958 w 3217557"/>
              <a:gd name="connsiteY35" fmla="*/ 2077967 h 2633810"/>
              <a:gd name="connsiteX36" fmla="*/ 2505887 w 3217557"/>
              <a:gd name="connsiteY36" fmla="*/ 1713434 h 2633810"/>
              <a:gd name="connsiteX37" fmla="*/ 2886641 w 3217557"/>
              <a:gd name="connsiteY37" fmla="*/ 1713434 h 2633810"/>
              <a:gd name="connsiteX38" fmla="*/ 3217557 w 3217557"/>
              <a:gd name="connsiteY38" fmla="*/ 1382518 h 2633810"/>
              <a:gd name="connsiteX39" fmla="*/ 3217557 w 3217557"/>
              <a:gd name="connsiteY39" fmla="*/ 330916 h 2633810"/>
              <a:gd name="connsiteX40" fmla="*/ 2886641 w 3217557"/>
              <a:gd name="connsiteY40" fmla="*/ 0 h 2633810"/>
              <a:gd name="connsiteX0" fmla="*/ 1384251 w 3217557"/>
              <a:gd name="connsiteY0" fmla="*/ 661544 h 2633810"/>
              <a:gd name="connsiteX1" fmla="*/ 1574067 w 3217557"/>
              <a:gd name="connsiteY1" fmla="*/ 851360 h 2633810"/>
              <a:gd name="connsiteX2" fmla="*/ 1384251 w 3217557"/>
              <a:gd name="connsiteY2" fmla="*/ 1041176 h 2633810"/>
              <a:gd name="connsiteX3" fmla="*/ 1194435 w 3217557"/>
              <a:gd name="connsiteY3" fmla="*/ 851360 h 2633810"/>
              <a:gd name="connsiteX4" fmla="*/ 1384251 w 3217557"/>
              <a:gd name="connsiteY4" fmla="*/ 661544 h 2633810"/>
              <a:gd name="connsiteX5" fmla="*/ 1993421 w 3217557"/>
              <a:gd name="connsiteY5" fmla="*/ 661544 h 2633810"/>
              <a:gd name="connsiteX6" fmla="*/ 2183237 w 3217557"/>
              <a:gd name="connsiteY6" fmla="*/ 851360 h 2633810"/>
              <a:gd name="connsiteX7" fmla="*/ 1993421 w 3217557"/>
              <a:gd name="connsiteY7" fmla="*/ 1041176 h 2633810"/>
              <a:gd name="connsiteX8" fmla="*/ 1803605 w 3217557"/>
              <a:gd name="connsiteY8" fmla="*/ 851360 h 2633810"/>
              <a:gd name="connsiteX9" fmla="*/ 1993421 w 3217557"/>
              <a:gd name="connsiteY9" fmla="*/ 661544 h 2633810"/>
              <a:gd name="connsiteX10" fmla="*/ 2602591 w 3217557"/>
              <a:gd name="connsiteY10" fmla="*/ 661544 h 2633810"/>
              <a:gd name="connsiteX11" fmla="*/ 2792407 w 3217557"/>
              <a:gd name="connsiteY11" fmla="*/ 851360 h 2633810"/>
              <a:gd name="connsiteX12" fmla="*/ 2602591 w 3217557"/>
              <a:gd name="connsiteY12" fmla="*/ 1041176 h 2633810"/>
              <a:gd name="connsiteX13" fmla="*/ 2412775 w 3217557"/>
              <a:gd name="connsiteY13" fmla="*/ 851360 h 2633810"/>
              <a:gd name="connsiteX14" fmla="*/ 2602591 w 3217557"/>
              <a:gd name="connsiteY14" fmla="*/ 661544 h 2633810"/>
              <a:gd name="connsiteX15" fmla="*/ 677114 w 3217557"/>
              <a:gd name="connsiteY15" fmla="*/ 569491 h 2633810"/>
              <a:gd name="connsiteX16" fmla="*/ 330916 w 3217557"/>
              <a:gd name="connsiteY16" fmla="*/ 569491 h 2633810"/>
              <a:gd name="connsiteX17" fmla="*/ 0 w 3217557"/>
              <a:gd name="connsiteY17" fmla="*/ 900407 h 2633810"/>
              <a:gd name="connsiteX18" fmla="*/ 0 w 3217557"/>
              <a:gd name="connsiteY18" fmla="*/ 1952009 h 2633810"/>
              <a:gd name="connsiteX19" fmla="*/ 330916 w 3217557"/>
              <a:gd name="connsiteY19" fmla="*/ 2282925 h 2633810"/>
              <a:gd name="connsiteX20" fmla="*/ 711670 w 3217557"/>
              <a:gd name="connsiteY20" fmla="*/ 2282925 h 2633810"/>
              <a:gd name="connsiteX21" fmla="*/ 165895 w 3217557"/>
              <a:gd name="connsiteY21" fmla="*/ 2633810 h 2633810"/>
              <a:gd name="connsiteX22" fmla="*/ 1294529 w 3217557"/>
              <a:gd name="connsiteY22" fmla="*/ 2282925 h 2633810"/>
              <a:gd name="connsiteX23" fmla="*/ 2117356 w 3217557"/>
              <a:gd name="connsiteY23" fmla="*/ 2282925 h 2633810"/>
              <a:gd name="connsiteX24" fmla="*/ 2418395 w 3217557"/>
              <a:gd name="connsiteY24" fmla="*/ 2087951 h 2633810"/>
              <a:gd name="connsiteX25" fmla="*/ 1830857 w 3217557"/>
              <a:gd name="connsiteY25" fmla="*/ 1799347 h 2633810"/>
              <a:gd name="connsiteX26" fmla="*/ 1008030 w 3217557"/>
              <a:gd name="connsiteY26" fmla="*/ 1799347 h 2633810"/>
              <a:gd name="connsiteX27" fmla="*/ 677114 w 3217557"/>
              <a:gd name="connsiteY27" fmla="*/ 1468431 h 2633810"/>
              <a:gd name="connsiteX28" fmla="*/ 677114 w 3217557"/>
              <a:gd name="connsiteY28" fmla="*/ 569491 h 2633810"/>
              <a:gd name="connsiteX29" fmla="*/ 2886641 w 3217557"/>
              <a:gd name="connsiteY29" fmla="*/ 0 h 2633810"/>
              <a:gd name="connsiteX30" fmla="*/ 1100201 w 3217557"/>
              <a:gd name="connsiteY30" fmla="*/ 0 h 2633810"/>
              <a:gd name="connsiteX31" fmla="*/ 769285 w 3217557"/>
              <a:gd name="connsiteY31" fmla="*/ 330916 h 2633810"/>
              <a:gd name="connsiteX32" fmla="*/ 769285 w 3217557"/>
              <a:gd name="connsiteY32" fmla="*/ 1382518 h 2633810"/>
              <a:gd name="connsiteX33" fmla="*/ 1100201 w 3217557"/>
              <a:gd name="connsiteY33" fmla="*/ 1713434 h 2633810"/>
              <a:gd name="connsiteX34" fmla="*/ 1923028 w 3217557"/>
              <a:gd name="connsiteY34" fmla="*/ 1713434 h 2633810"/>
              <a:gd name="connsiteX35" fmla="*/ 3078958 w 3217557"/>
              <a:gd name="connsiteY35" fmla="*/ 2077967 h 2633810"/>
              <a:gd name="connsiteX36" fmla="*/ 2505887 w 3217557"/>
              <a:gd name="connsiteY36" fmla="*/ 1713434 h 2633810"/>
              <a:gd name="connsiteX37" fmla="*/ 2886641 w 3217557"/>
              <a:gd name="connsiteY37" fmla="*/ 1713434 h 2633810"/>
              <a:gd name="connsiteX38" fmla="*/ 3217557 w 3217557"/>
              <a:gd name="connsiteY38" fmla="*/ 1382518 h 2633810"/>
              <a:gd name="connsiteX39" fmla="*/ 3217557 w 3217557"/>
              <a:gd name="connsiteY39" fmla="*/ 330916 h 2633810"/>
              <a:gd name="connsiteX40" fmla="*/ 2886641 w 3217557"/>
              <a:gd name="connsiteY40" fmla="*/ 0 h 2633810"/>
              <a:gd name="connsiteX0" fmla="*/ 1384251 w 3217557"/>
              <a:gd name="connsiteY0" fmla="*/ 661544 h 2633810"/>
              <a:gd name="connsiteX1" fmla="*/ 1574067 w 3217557"/>
              <a:gd name="connsiteY1" fmla="*/ 851360 h 2633810"/>
              <a:gd name="connsiteX2" fmla="*/ 1384251 w 3217557"/>
              <a:gd name="connsiteY2" fmla="*/ 1041176 h 2633810"/>
              <a:gd name="connsiteX3" fmla="*/ 1194435 w 3217557"/>
              <a:gd name="connsiteY3" fmla="*/ 851360 h 2633810"/>
              <a:gd name="connsiteX4" fmla="*/ 1384251 w 3217557"/>
              <a:gd name="connsiteY4" fmla="*/ 661544 h 2633810"/>
              <a:gd name="connsiteX5" fmla="*/ 1993421 w 3217557"/>
              <a:gd name="connsiteY5" fmla="*/ 661544 h 2633810"/>
              <a:gd name="connsiteX6" fmla="*/ 2183237 w 3217557"/>
              <a:gd name="connsiteY6" fmla="*/ 851360 h 2633810"/>
              <a:gd name="connsiteX7" fmla="*/ 1993421 w 3217557"/>
              <a:gd name="connsiteY7" fmla="*/ 1041176 h 2633810"/>
              <a:gd name="connsiteX8" fmla="*/ 1803605 w 3217557"/>
              <a:gd name="connsiteY8" fmla="*/ 851360 h 2633810"/>
              <a:gd name="connsiteX9" fmla="*/ 1993421 w 3217557"/>
              <a:gd name="connsiteY9" fmla="*/ 661544 h 2633810"/>
              <a:gd name="connsiteX10" fmla="*/ 2602591 w 3217557"/>
              <a:gd name="connsiteY10" fmla="*/ 661544 h 2633810"/>
              <a:gd name="connsiteX11" fmla="*/ 2792407 w 3217557"/>
              <a:gd name="connsiteY11" fmla="*/ 851360 h 2633810"/>
              <a:gd name="connsiteX12" fmla="*/ 2602591 w 3217557"/>
              <a:gd name="connsiteY12" fmla="*/ 1041176 h 2633810"/>
              <a:gd name="connsiteX13" fmla="*/ 2412775 w 3217557"/>
              <a:gd name="connsiteY13" fmla="*/ 851360 h 2633810"/>
              <a:gd name="connsiteX14" fmla="*/ 2602591 w 3217557"/>
              <a:gd name="connsiteY14" fmla="*/ 661544 h 2633810"/>
              <a:gd name="connsiteX15" fmla="*/ 677114 w 3217557"/>
              <a:gd name="connsiteY15" fmla="*/ 569491 h 2633810"/>
              <a:gd name="connsiteX16" fmla="*/ 330916 w 3217557"/>
              <a:gd name="connsiteY16" fmla="*/ 569491 h 2633810"/>
              <a:gd name="connsiteX17" fmla="*/ 0 w 3217557"/>
              <a:gd name="connsiteY17" fmla="*/ 900407 h 2633810"/>
              <a:gd name="connsiteX18" fmla="*/ 0 w 3217557"/>
              <a:gd name="connsiteY18" fmla="*/ 1952009 h 2633810"/>
              <a:gd name="connsiteX19" fmla="*/ 330916 w 3217557"/>
              <a:gd name="connsiteY19" fmla="*/ 2282925 h 2633810"/>
              <a:gd name="connsiteX20" fmla="*/ 711670 w 3217557"/>
              <a:gd name="connsiteY20" fmla="*/ 2282925 h 2633810"/>
              <a:gd name="connsiteX21" fmla="*/ 165895 w 3217557"/>
              <a:gd name="connsiteY21" fmla="*/ 2633810 h 2633810"/>
              <a:gd name="connsiteX22" fmla="*/ 1294529 w 3217557"/>
              <a:gd name="connsiteY22" fmla="*/ 2282925 h 2633810"/>
              <a:gd name="connsiteX23" fmla="*/ 2117356 w 3217557"/>
              <a:gd name="connsiteY23" fmla="*/ 2282925 h 2633810"/>
              <a:gd name="connsiteX24" fmla="*/ 2418395 w 3217557"/>
              <a:gd name="connsiteY24" fmla="*/ 2087951 h 2633810"/>
              <a:gd name="connsiteX25" fmla="*/ 1830857 w 3217557"/>
              <a:gd name="connsiteY25" fmla="*/ 1799347 h 2633810"/>
              <a:gd name="connsiteX26" fmla="*/ 1008030 w 3217557"/>
              <a:gd name="connsiteY26" fmla="*/ 1799347 h 2633810"/>
              <a:gd name="connsiteX27" fmla="*/ 677114 w 3217557"/>
              <a:gd name="connsiteY27" fmla="*/ 1468431 h 2633810"/>
              <a:gd name="connsiteX28" fmla="*/ 677114 w 3217557"/>
              <a:gd name="connsiteY28" fmla="*/ 569491 h 2633810"/>
              <a:gd name="connsiteX29" fmla="*/ 2886641 w 3217557"/>
              <a:gd name="connsiteY29" fmla="*/ 0 h 2633810"/>
              <a:gd name="connsiteX30" fmla="*/ 1100201 w 3217557"/>
              <a:gd name="connsiteY30" fmla="*/ 0 h 2633810"/>
              <a:gd name="connsiteX31" fmla="*/ 769285 w 3217557"/>
              <a:gd name="connsiteY31" fmla="*/ 330916 h 2633810"/>
              <a:gd name="connsiteX32" fmla="*/ 769285 w 3217557"/>
              <a:gd name="connsiteY32" fmla="*/ 1382518 h 2633810"/>
              <a:gd name="connsiteX33" fmla="*/ 1100201 w 3217557"/>
              <a:gd name="connsiteY33" fmla="*/ 1713434 h 2633810"/>
              <a:gd name="connsiteX34" fmla="*/ 1923028 w 3217557"/>
              <a:gd name="connsiteY34" fmla="*/ 1713434 h 2633810"/>
              <a:gd name="connsiteX35" fmla="*/ 3078958 w 3217557"/>
              <a:gd name="connsiteY35" fmla="*/ 2077967 h 2633810"/>
              <a:gd name="connsiteX36" fmla="*/ 2505887 w 3217557"/>
              <a:gd name="connsiteY36" fmla="*/ 1713434 h 2633810"/>
              <a:gd name="connsiteX37" fmla="*/ 2886641 w 3217557"/>
              <a:gd name="connsiteY37" fmla="*/ 1713434 h 2633810"/>
              <a:gd name="connsiteX38" fmla="*/ 3217557 w 3217557"/>
              <a:gd name="connsiteY38" fmla="*/ 1382518 h 2633810"/>
              <a:gd name="connsiteX39" fmla="*/ 3217557 w 3217557"/>
              <a:gd name="connsiteY39" fmla="*/ 330916 h 2633810"/>
              <a:gd name="connsiteX40" fmla="*/ 2886641 w 3217557"/>
              <a:gd name="connsiteY40" fmla="*/ 0 h 2633810"/>
              <a:gd name="connsiteX0" fmla="*/ 1384251 w 3217557"/>
              <a:gd name="connsiteY0" fmla="*/ 661544 h 2654282"/>
              <a:gd name="connsiteX1" fmla="*/ 1574067 w 3217557"/>
              <a:gd name="connsiteY1" fmla="*/ 851360 h 2654282"/>
              <a:gd name="connsiteX2" fmla="*/ 1384251 w 3217557"/>
              <a:gd name="connsiteY2" fmla="*/ 1041176 h 2654282"/>
              <a:gd name="connsiteX3" fmla="*/ 1194435 w 3217557"/>
              <a:gd name="connsiteY3" fmla="*/ 851360 h 2654282"/>
              <a:gd name="connsiteX4" fmla="*/ 1384251 w 3217557"/>
              <a:gd name="connsiteY4" fmla="*/ 661544 h 2654282"/>
              <a:gd name="connsiteX5" fmla="*/ 1993421 w 3217557"/>
              <a:gd name="connsiteY5" fmla="*/ 661544 h 2654282"/>
              <a:gd name="connsiteX6" fmla="*/ 2183237 w 3217557"/>
              <a:gd name="connsiteY6" fmla="*/ 851360 h 2654282"/>
              <a:gd name="connsiteX7" fmla="*/ 1993421 w 3217557"/>
              <a:gd name="connsiteY7" fmla="*/ 1041176 h 2654282"/>
              <a:gd name="connsiteX8" fmla="*/ 1803605 w 3217557"/>
              <a:gd name="connsiteY8" fmla="*/ 851360 h 2654282"/>
              <a:gd name="connsiteX9" fmla="*/ 1993421 w 3217557"/>
              <a:gd name="connsiteY9" fmla="*/ 661544 h 2654282"/>
              <a:gd name="connsiteX10" fmla="*/ 2602591 w 3217557"/>
              <a:gd name="connsiteY10" fmla="*/ 661544 h 2654282"/>
              <a:gd name="connsiteX11" fmla="*/ 2792407 w 3217557"/>
              <a:gd name="connsiteY11" fmla="*/ 851360 h 2654282"/>
              <a:gd name="connsiteX12" fmla="*/ 2602591 w 3217557"/>
              <a:gd name="connsiteY12" fmla="*/ 1041176 h 2654282"/>
              <a:gd name="connsiteX13" fmla="*/ 2412775 w 3217557"/>
              <a:gd name="connsiteY13" fmla="*/ 851360 h 2654282"/>
              <a:gd name="connsiteX14" fmla="*/ 2602591 w 3217557"/>
              <a:gd name="connsiteY14" fmla="*/ 661544 h 2654282"/>
              <a:gd name="connsiteX15" fmla="*/ 677114 w 3217557"/>
              <a:gd name="connsiteY15" fmla="*/ 569491 h 2654282"/>
              <a:gd name="connsiteX16" fmla="*/ 330916 w 3217557"/>
              <a:gd name="connsiteY16" fmla="*/ 569491 h 2654282"/>
              <a:gd name="connsiteX17" fmla="*/ 0 w 3217557"/>
              <a:gd name="connsiteY17" fmla="*/ 900407 h 2654282"/>
              <a:gd name="connsiteX18" fmla="*/ 0 w 3217557"/>
              <a:gd name="connsiteY18" fmla="*/ 1952009 h 2654282"/>
              <a:gd name="connsiteX19" fmla="*/ 330916 w 3217557"/>
              <a:gd name="connsiteY19" fmla="*/ 2282925 h 2654282"/>
              <a:gd name="connsiteX20" fmla="*/ 711670 w 3217557"/>
              <a:gd name="connsiteY20" fmla="*/ 2282925 h 2654282"/>
              <a:gd name="connsiteX21" fmla="*/ 275077 w 3217557"/>
              <a:gd name="connsiteY21" fmla="*/ 2654282 h 2654282"/>
              <a:gd name="connsiteX22" fmla="*/ 1294529 w 3217557"/>
              <a:gd name="connsiteY22" fmla="*/ 2282925 h 2654282"/>
              <a:gd name="connsiteX23" fmla="*/ 2117356 w 3217557"/>
              <a:gd name="connsiteY23" fmla="*/ 2282925 h 2654282"/>
              <a:gd name="connsiteX24" fmla="*/ 2418395 w 3217557"/>
              <a:gd name="connsiteY24" fmla="*/ 2087951 h 2654282"/>
              <a:gd name="connsiteX25" fmla="*/ 1830857 w 3217557"/>
              <a:gd name="connsiteY25" fmla="*/ 1799347 h 2654282"/>
              <a:gd name="connsiteX26" fmla="*/ 1008030 w 3217557"/>
              <a:gd name="connsiteY26" fmla="*/ 1799347 h 2654282"/>
              <a:gd name="connsiteX27" fmla="*/ 677114 w 3217557"/>
              <a:gd name="connsiteY27" fmla="*/ 1468431 h 2654282"/>
              <a:gd name="connsiteX28" fmla="*/ 677114 w 3217557"/>
              <a:gd name="connsiteY28" fmla="*/ 569491 h 2654282"/>
              <a:gd name="connsiteX29" fmla="*/ 2886641 w 3217557"/>
              <a:gd name="connsiteY29" fmla="*/ 0 h 2654282"/>
              <a:gd name="connsiteX30" fmla="*/ 1100201 w 3217557"/>
              <a:gd name="connsiteY30" fmla="*/ 0 h 2654282"/>
              <a:gd name="connsiteX31" fmla="*/ 769285 w 3217557"/>
              <a:gd name="connsiteY31" fmla="*/ 330916 h 2654282"/>
              <a:gd name="connsiteX32" fmla="*/ 769285 w 3217557"/>
              <a:gd name="connsiteY32" fmla="*/ 1382518 h 2654282"/>
              <a:gd name="connsiteX33" fmla="*/ 1100201 w 3217557"/>
              <a:gd name="connsiteY33" fmla="*/ 1713434 h 2654282"/>
              <a:gd name="connsiteX34" fmla="*/ 1923028 w 3217557"/>
              <a:gd name="connsiteY34" fmla="*/ 1713434 h 2654282"/>
              <a:gd name="connsiteX35" fmla="*/ 3078958 w 3217557"/>
              <a:gd name="connsiteY35" fmla="*/ 2077967 h 2654282"/>
              <a:gd name="connsiteX36" fmla="*/ 2505887 w 3217557"/>
              <a:gd name="connsiteY36" fmla="*/ 1713434 h 2654282"/>
              <a:gd name="connsiteX37" fmla="*/ 2886641 w 3217557"/>
              <a:gd name="connsiteY37" fmla="*/ 1713434 h 2654282"/>
              <a:gd name="connsiteX38" fmla="*/ 3217557 w 3217557"/>
              <a:gd name="connsiteY38" fmla="*/ 1382518 h 2654282"/>
              <a:gd name="connsiteX39" fmla="*/ 3217557 w 3217557"/>
              <a:gd name="connsiteY39" fmla="*/ 330916 h 2654282"/>
              <a:gd name="connsiteX40" fmla="*/ 2886641 w 3217557"/>
              <a:gd name="connsiteY40" fmla="*/ 0 h 2654282"/>
              <a:gd name="connsiteX0" fmla="*/ 1384251 w 3217557"/>
              <a:gd name="connsiteY0" fmla="*/ 661544 h 2654282"/>
              <a:gd name="connsiteX1" fmla="*/ 1574067 w 3217557"/>
              <a:gd name="connsiteY1" fmla="*/ 851360 h 2654282"/>
              <a:gd name="connsiteX2" fmla="*/ 1384251 w 3217557"/>
              <a:gd name="connsiteY2" fmla="*/ 1041176 h 2654282"/>
              <a:gd name="connsiteX3" fmla="*/ 1194435 w 3217557"/>
              <a:gd name="connsiteY3" fmla="*/ 851360 h 2654282"/>
              <a:gd name="connsiteX4" fmla="*/ 1384251 w 3217557"/>
              <a:gd name="connsiteY4" fmla="*/ 661544 h 2654282"/>
              <a:gd name="connsiteX5" fmla="*/ 1993421 w 3217557"/>
              <a:gd name="connsiteY5" fmla="*/ 661544 h 2654282"/>
              <a:gd name="connsiteX6" fmla="*/ 2183237 w 3217557"/>
              <a:gd name="connsiteY6" fmla="*/ 851360 h 2654282"/>
              <a:gd name="connsiteX7" fmla="*/ 1993421 w 3217557"/>
              <a:gd name="connsiteY7" fmla="*/ 1041176 h 2654282"/>
              <a:gd name="connsiteX8" fmla="*/ 1803605 w 3217557"/>
              <a:gd name="connsiteY8" fmla="*/ 851360 h 2654282"/>
              <a:gd name="connsiteX9" fmla="*/ 1993421 w 3217557"/>
              <a:gd name="connsiteY9" fmla="*/ 661544 h 2654282"/>
              <a:gd name="connsiteX10" fmla="*/ 2602591 w 3217557"/>
              <a:gd name="connsiteY10" fmla="*/ 661544 h 2654282"/>
              <a:gd name="connsiteX11" fmla="*/ 2792407 w 3217557"/>
              <a:gd name="connsiteY11" fmla="*/ 851360 h 2654282"/>
              <a:gd name="connsiteX12" fmla="*/ 2602591 w 3217557"/>
              <a:gd name="connsiteY12" fmla="*/ 1041176 h 2654282"/>
              <a:gd name="connsiteX13" fmla="*/ 2412775 w 3217557"/>
              <a:gd name="connsiteY13" fmla="*/ 851360 h 2654282"/>
              <a:gd name="connsiteX14" fmla="*/ 2602591 w 3217557"/>
              <a:gd name="connsiteY14" fmla="*/ 661544 h 2654282"/>
              <a:gd name="connsiteX15" fmla="*/ 677114 w 3217557"/>
              <a:gd name="connsiteY15" fmla="*/ 569491 h 2654282"/>
              <a:gd name="connsiteX16" fmla="*/ 330916 w 3217557"/>
              <a:gd name="connsiteY16" fmla="*/ 569491 h 2654282"/>
              <a:gd name="connsiteX17" fmla="*/ 0 w 3217557"/>
              <a:gd name="connsiteY17" fmla="*/ 900407 h 2654282"/>
              <a:gd name="connsiteX18" fmla="*/ 0 w 3217557"/>
              <a:gd name="connsiteY18" fmla="*/ 1952009 h 2654282"/>
              <a:gd name="connsiteX19" fmla="*/ 330916 w 3217557"/>
              <a:gd name="connsiteY19" fmla="*/ 2282925 h 2654282"/>
              <a:gd name="connsiteX20" fmla="*/ 711670 w 3217557"/>
              <a:gd name="connsiteY20" fmla="*/ 2282925 h 2654282"/>
              <a:gd name="connsiteX21" fmla="*/ 275077 w 3217557"/>
              <a:gd name="connsiteY21" fmla="*/ 2654282 h 2654282"/>
              <a:gd name="connsiteX22" fmla="*/ 1294529 w 3217557"/>
              <a:gd name="connsiteY22" fmla="*/ 2282925 h 2654282"/>
              <a:gd name="connsiteX23" fmla="*/ 2117356 w 3217557"/>
              <a:gd name="connsiteY23" fmla="*/ 2282925 h 2654282"/>
              <a:gd name="connsiteX24" fmla="*/ 2418395 w 3217557"/>
              <a:gd name="connsiteY24" fmla="*/ 2087951 h 2654282"/>
              <a:gd name="connsiteX25" fmla="*/ 1830857 w 3217557"/>
              <a:gd name="connsiteY25" fmla="*/ 1799347 h 2654282"/>
              <a:gd name="connsiteX26" fmla="*/ 1008030 w 3217557"/>
              <a:gd name="connsiteY26" fmla="*/ 1799347 h 2654282"/>
              <a:gd name="connsiteX27" fmla="*/ 677114 w 3217557"/>
              <a:gd name="connsiteY27" fmla="*/ 1468431 h 2654282"/>
              <a:gd name="connsiteX28" fmla="*/ 677114 w 3217557"/>
              <a:gd name="connsiteY28" fmla="*/ 569491 h 2654282"/>
              <a:gd name="connsiteX29" fmla="*/ 2886641 w 3217557"/>
              <a:gd name="connsiteY29" fmla="*/ 0 h 2654282"/>
              <a:gd name="connsiteX30" fmla="*/ 1100201 w 3217557"/>
              <a:gd name="connsiteY30" fmla="*/ 0 h 2654282"/>
              <a:gd name="connsiteX31" fmla="*/ 769285 w 3217557"/>
              <a:gd name="connsiteY31" fmla="*/ 330916 h 2654282"/>
              <a:gd name="connsiteX32" fmla="*/ 769285 w 3217557"/>
              <a:gd name="connsiteY32" fmla="*/ 1382518 h 2654282"/>
              <a:gd name="connsiteX33" fmla="*/ 1100201 w 3217557"/>
              <a:gd name="connsiteY33" fmla="*/ 1713434 h 2654282"/>
              <a:gd name="connsiteX34" fmla="*/ 1923028 w 3217557"/>
              <a:gd name="connsiteY34" fmla="*/ 1713434 h 2654282"/>
              <a:gd name="connsiteX35" fmla="*/ 3078958 w 3217557"/>
              <a:gd name="connsiteY35" fmla="*/ 2077967 h 2654282"/>
              <a:gd name="connsiteX36" fmla="*/ 2505887 w 3217557"/>
              <a:gd name="connsiteY36" fmla="*/ 1713434 h 2654282"/>
              <a:gd name="connsiteX37" fmla="*/ 2886641 w 3217557"/>
              <a:gd name="connsiteY37" fmla="*/ 1713434 h 2654282"/>
              <a:gd name="connsiteX38" fmla="*/ 3217557 w 3217557"/>
              <a:gd name="connsiteY38" fmla="*/ 1382518 h 2654282"/>
              <a:gd name="connsiteX39" fmla="*/ 3217557 w 3217557"/>
              <a:gd name="connsiteY39" fmla="*/ 330916 h 2654282"/>
              <a:gd name="connsiteX40" fmla="*/ 2886641 w 3217557"/>
              <a:gd name="connsiteY40" fmla="*/ 0 h 2654282"/>
              <a:gd name="connsiteX0" fmla="*/ 1384251 w 3217557"/>
              <a:gd name="connsiteY0" fmla="*/ 661544 h 2654282"/>
              <a:gd name="connsiteX1" fmla="*/ 1574067 w 3217557"/>
              <a:gd name="connsiteY1" fmla="*/ 851360 h 2654282"/>
              <a:gd name="connsiteX2" fmla="*/ 1384251 w 3217557"/>
              <a:gd name="connsiteY2" fmla="*/ 1041176 h 2654282"/>
              <a:gd name="connsiteX3" fmla="*/ 1194435 w 3217557"/>
              <a:gd name="connsiteY3" fmla="*/ 851360 h 2654282"/>
              <a:gd name="connsiteX4" fmla="*/ 1384251 w 3217557"/>
              <a:gd name="connsiteY4" fmla="*/ 661544 h 2654282"/>
              <a:gd name="connsiteX5" fmla="*/ 1993421 w 3217557"/>
              <a:gd name="connsiteY5" fmla="*/ 661544 h 2654282"/>
              <a:gd name="connsiteX6" fmla="*/ 2183237 w 3217557"/>
              <a:gd name="connsiteY6" fmla="*/ 851360 h 2654282"/>
              <a:gd name="connsiteX7" fmla="*/ 1993421 w 3217557"/>
              <a:gd name="connsiteY7" fmla="*/ 1041176 h 2654282"/>
              <a:gd name="connsiteX8" fmla="*/ 1803605 w 3217557"/>
              <a:gd name="connsiteY8" fmla="*/ 851360 h 2654282"/>
              <a:gd name="connsiteX9" fmla="*/ 1993421 w 3217557"/>
              <a:gd name="connsiteY9" fmla="*/ 661544 h 2654282"/>
              <a:gd name="connsiteX10" fmla="*/ 2602591 w 3217557"/>
              <a:gd name="connsiteY10" fmla="*/ 661544 h 2654282"/>
              <a:gd name="connsiteX11" fmla="*/ 2792407 w 3217557"/>
              <a:gd name="connsiteY11" fmla="*/ 851360 h 2654282"/>
              <a:gd name="connsiteX12" fmla="*/ 2602591 w 3217557"/>
              <a:gd name="connsiteY12" fmla="*/ 1041176 h 2654282"/>
              <a:gd name="connsiteX13" fmla="*/ 2412775 w 3217557"/>
              <a:gd name="connsiteY13" fmla="*/ 851360 h 2654282"/>
              <a:gd name="connsiteX14" fmla="*/ 2602591 w 3217557"/>
              <a:gd name="connsiteY14" fmla="*/ 661544 h 2654282"/>
              <a:gd name="connsiteX15" fmla="*/ 677114 w 3217557"/>
              <a:gd name="connsiteY15" fmla="*/ 569491 h 2654282"/>
              <a:gd name="connsiteX16" fmla="*/ 330916 w 3217557"/>
              <a:gd name="connsiteY16" fmla="*/ 569491 h 2654282"/>
              <a:gd name="connsiteX17" fmla="*/ 0 w 3217557"/>
              <a:gd name="connsiteY17" fmla="*/ 900407 h 2654282"/>
              <a:gd name="connsiteX18" fmla="*/ 0 w 3217557"/>
              <a:gd name="connsiteY18" fmla="*/ 1952009 h 2654282"/>
              <a:gd name="connsiteX19" fmla="*/ 330916 w 3217557"/>
              <a:gd name="connsiteY19" fmla="*/ 2282925 h 2654282"/>
              <a:gd name="connsiteX20" fmla="*/ 711670 w 3217557"/>
              <a:gd name="connsiteY20" fmla="*/ 2282925 h 2654282"/>
              <a:gd name="connsiteX21" fmla="*/ 275077 w 3217557"/>
              <a:gd name="connsiteY21" fmla="*/ 2654282 h 2654282"/>
              <a:gd name="connsiteX22" fmla="*/ 1294529 w 3217557"/>
              <a:gd name="connsiteY22" fmla="*/ 2282925 h 2654282"/>
              <a:gd name="connsiteX23" fmla="*/ 2117356 w 3217557"/>
              <a:gd name="connsiteY23" fmla="*/ 2282925 h 2654282"/>
              <a:gd name="connsiteX24" fmla="*/ 2418395 w 3217557"/>
              <a:gd name="connsiteY24" fmla="*/ 2087951 h 2654282"/>
              <a:gd name="connsiteX25" fmla="*/ 1830857 w 3217557"/>
              <a:gd name="connsiteY25" fmla="*/ 1799347 h 2654282"/>
              <a:gd name="connsiteX26" fmla="*/ 1008030 w 3217557"/>
              <a:gd name="connsiteY26" fmla="*/ 1799347 h 2654282"/>
              <a:gd name="connsiteX27" fmla="*/ 677114 w 3217557"/>
              <a:gd name="connsiteY27" fmla="*/ 1468431 h 2654282"/>
              <a:gd name="connsiteX28" fmla="*/ 677114 w 3217557"/>
              <a:gd name="connsiteY28" fmla="*/ 569491 h 2654282"/>
              <a:gd name="connsiteX29" fmla="*/ 2886641 w 3217557"/>
              <a:gd name="connsiteY29" fmla="*/ 0 h 2654282"/>
              <a:gd name="connsiteX30" fmla="*/ 1100201 w 3217557"/>
              <a:gd name="connsiteY30" fmla="*/ 0 h 2654282"/>
              <a:gd name="connsiteX31" fmla="*/ 769285 w 3217557"/>
              <a:gd name="connsiteY31" fmla="*/ 330916 h 2654282"/>
              <a:gd name="connsiteX32" fmla="*/ 769285 w 3217557"/>
              <a:gd name="connsiteY32" fmla="*/ 1382518 h 2654282"/>
              <a:gd name="connsiteX33" fmla="*/ 1100201 w 3217557"/>
              <a:gd name="connsiteY33" fmla="*/ 1713434 h 2654282"/>
              <a:gd name="connsiteX34" fmla="*/ 1923028 w 3217557"/>
              <a:gd name="connsiteY34" fmla="*/ 1713434 h 2654282"/>
              <a:gd name="connsiteX35" fmla="*/ 3078958 w 3217557"/>
              <a:gd name="connsiteY35" fmla="*/ 2077967 h 2654282"/>
              <a:gd name="connsiteX36" fmla="*/ 2505887 w 3217557"/>
              <a:gd name="connsiteY36" fmla="*/ 1713434 h 2654282"/>
              <a:gd name="connsiteX37" fmla="*/ 2886641 w 3217557"/>
              <a:gd name="connsiteY37" fmla="*/ 1713434 h 2654282"/>
              <a:gd name="connsiteX38" fmla="*/ 3217557 w 3217557"/>
              <a:gd name="connsiteY38" fmla="*/ 1382518 h 2654282"/>
              <a:gd name="connsiteX39" fmla="*/ 3217557 w 3217557"/>
              <a:gd name="connsiteY39" fmla="*/ 330916 h 2654282"/>
              <a:gd name="connsiteX40" fmla="*/ 2886641 w 3217557"/>
              <a:gd name="connsiteY40" fmla="*/ 0 h 2654282"/>
              <a:gd name="connsiteX0" fmla="*/ 1384251 w 3217557"/>
              <a:gd name="connsiteY0" fmla="*/ 661544 h 2654282"/>
              <a:gd name="connsiteX1" fmla="*/ 1574067 w 3217557"/>
              <a:gd name="connsiteY1" fmla="*/ 851360 h 2654282"/>
              <a:gd name="connsiteX2" fmla="*/ 1384251 w 3217557"/>
              <a:gd name="connsiteY2" fmla="*/ 1041176 h 2654282"/>
              <a:gd name="connsiteX3" fmla="*/ 1194435 w 3217557"/>
              <a:gd name="connsiteY3" fmla="*/ 851360 h 2654282"/>
              <a:gd name="connsiteX4" fmla="*/ 1384251 w 3217557"/>
              <a:gd name="connsiteY4" fmla="*/ 661544 h 2654282"/>
              <a:gd name="connsiteX5" fmla="*/ 1993421 w 3217557"/>
              <a:gd name="connsiteY5" fmla="*/ 661544 h 2654282"/>
              <a:gd name="connsiteX6" fmla="*/ 2183237 w 3217557"/>
              <a:gd name="connsiteY6" fmla="*/ 851360 h 2654282"/>
              <a:gd name="connsiteX7" fmla="*/ 1993421 w 3217557"/>
              <a:gd name="connsiteY7" fmla="*/ 1041176 h 2654282"/>
              <a:gd name="connsiteX8" fmla="*/ 1803605 w 3217557"/>
              <a:gd name="connsiteY8" fmla="*/ 851360 h 2654282"/>
              <a:gd name="connsiteX9" fmla="*/ 1993421 w 3217557"/>
              <a:gd name="connsiteY9" fmla="*/ 661544 h 2654282"/>
              <a:gd name="connsiteX10" fmla="*/ 2602591 w 3217557"/>
              <a:gd name="connsiteY10" fmla="*/ 661544 h 2654282"/>
              <a:gd name="connsiteX11" fmla="*/ 2792407 w 3217557"/>
              <a:gd name="connsiteY11" fmla="*/ 851360 h 2654282"/>
              <a:gd name="connsiteX12" fmla="*/ 2602591 w 3217557"/>
              <a:gd name="connsiteY12" fmla="*/ 1041176 h 2654282"/>
              <a:gd name="connsiteX13" fmla="*/ 2412775 w 3217557"/>
              <a:gd name="connsiteY13" fmla="*/ 851360 h 2654282"/>
              <a:gd name="connsiteX14" fmla="*/ 2602591 w 3217557"/>
              <a:gd name="connsiteY14" fmla="*/ 661544 h 2654282"/>
              <a:gd name="connsiteX15" fmla="*/ 677114 w 3217557"/>
              <a:gd name="connsiteY15" fmla="*/ 569491 h 2654282"/>
              <a:gd name="connsiteX16" fmla="*/ 330916 w 3217557"/>
              <a:gd name="connsiteY16" fmla="*/ 569491 h 2654282"/>
              <a:gd name="connsiteX17" fmla="*/ 0 w 3217557"/>
              <a:gd name="connsiteY17" fmla="*/ 900407 h 2654282"/>
              <a:gd name="connsiteX18" fmla="*/ 0 w 3217557"/>
              <a:gd name="connsiteY18" fmla="*/ 1952009 h 2654282"/>
              <a:gd name="connsiteX19" fmla="*/ 330916 w 3217557"/>
              <a:gd name="connsiteY19" fmla="*/ 2282925 h 2654282"/>
              <a:gd name="connsiteX20" fmla="*/ 711670 w 3217557"/>
              <a:gd name="connsiteY20" fmla="*/ 2282925 h 2654282"/>
              <a:gd name="connsiteX21" fmla="*/ 275077 w 3217557"/>
              <a:gd name="connsiteY21" fmla="*/ 2654282 h 2654282"/>
              <a:gd name="connsiteX22" fmla="*/ 1294529 w 3217557"/>
              <a:gd name="connsiteY22" fmla="*/ 2282925 h 2654282"/>
              <a:gd name="connsiteX23" fmla="*/ 2117356 w 3217557"/>
              <a:gd name="connsiteY23" fmla="*/ 2282925 h 2654282"/>
              <a:gd name="connsiteX24" fmla="*/ 2418395 w 3217557"/>
              <a:gd name="connsiteY24" fmla="*/ 2087951 h 2654282"/>
              <a:gd name="connsiteX25" fmla="*/ 1830857 w 3217557"/>
              <a:gd name="connsiteY25" fmla="*/ 1799347 h 2654282"/>
              <a:gd name="connsiteX26" fmla="*/ 1008030 w 3217557"/>
              <a:gd name="connsiteY26" fmla="*/ 1799347 h 2654282"/>
              <a:gd name="connsiteX27" fmla="*/ 677114 w 3217557"/>
              <a:gd name="connsiteY27" fmla="*/ 1468431 h 2654282"/>
              <a:gd name="connsiteX28" fmla="*/ 677114 w 3217557"/>
              <a:gd name="connsiteY28" fmla="*/ 569491 h 2654282"/>
              <a:gd name="connsiteX29" fmla="*/ 2886641 w 3217557"/>
              <a:gd name="connsiteY29" fmla="*/ 0 h 2654282"/>
              <a:gd name="connsiteX30" fmla="*/ 1100201 w 3217557"/>
              <a:gd name="connsiteY30" fmla="*/ 0 h 2654282"/>
              <a:gd name="connsiteX31" fmla="*/ 769285 w 3217557"/>
              <a:gd name="connsiteY31" fmla="*/ 330916 h 2654282"/>
              <a:gd name="connsiteX32" fmla="*/ 769285 w 3217557"/>
              <a:gd name="connsiteY32" fmla="*/ 1382518 h 2654282"/>
              <a:gd name="connsiteX33" fmla="*/ 1100201 w 3217557"/>
              <a:gd name="connsiteY33" fmla="*/ 1713434 h 2654282"/>
              <a:gd name="connsiteX34" fmla="*/ 1923028 w 3217557"/>
              <a:gd name="connsiteY34" fmla="*/ 1713434 h 2654282"/>
              <a:gd name="connsiteX35" fmla="*/ 3078958 w 3217557"/>
              <a:gd name="connsiteY35" fmla="*/ 2077967 h 2654282"/>
              <a:gd name="connsiteX36" fmla="*/ 2505887 w 3217557"/>
              <a:gd name="connsiteY36" fmla="*/ 1713434 h 2654282"/>
              <a:gd name="connsiteX37" fmla="*/ 2886641 w 3217557"/>
              <a:gd name="connsiteY37" fmla="*/ 1713434 h 2654282"/>
              <a:gd name="connsiteX38" fmla="*/ 3217557 w 3217557"/>
              <a:gd name="connsiteY38" fmla="*/ 1382518 h 2654282"/>
              <a:gd name="connsiteX39" fmla="*/ 3217557 w 3217557"/>
              <a:gd name="connsiteY39" fmla="*/ 330916 h 2654282"/>
              <a:gd name="connsiteX40" fmla="*/ 2886641 w 3217557"/>
              <a:gd name="connsiteY40" fmla="*/ 0 h 2654282"/>
              <a:gd name="connsiteX0" fmla="*/ 1384251 w 3217557"/>
              <a:gd name="connsiteY0" fmla="*/ 661544 h 2654282"/>
              <a:gd name="connsiteX1" fmla="*/ 1574067 w 3217557"/>
              <a:gd name="connsiteY1" fmla="*/ 851360 h 2654282"/>
              <a:gd name="connsiteX2" fmla="*/ 1384251 w 3217557"/>
              <a:gd name="connsiteY2" fmla="*/ 1041176 h 2654282"/>
              <a:gd name="connsiteX3" fmla="*/ 1194435 w 3217557"/>
              <a:gd name="connsiteY3" fmla="*/ 851360 h 2654282"/>
              <a:gd name="connsiteX4" fmla="*/ 1384251 w 3217557"/>
              <a:gd name="connsiteY4" fmla="*/ 661544 h 2654282"/>
              <a:gd name="connsiteX5" fmla="*/ 1993421 w 3217557"/>
              <a:gd name="connsiteY5" fmla="*/ 661544 h 2654282"/>
              <a:gd name="connsiteX6" fmla="*/ 2183237 w 3217557"/>
              <a:gd name="connsiteY6" fmla="*/ 851360 h 2654282"/>
              <a:gd name="connsiteX7" fmla="*/ 1993421 w 3217557"/>
              <a:gd name="connsiteY7" fmla="*/ 1041176 h 2654282"/>
              <a:gd name="connsiteX8" fmla="*/ 1803605 w 3217557"/>
              <a:gd name="connsiteY8" fmla="*/ 851360 h 2654282"/>
              <a:gd name="connsiteX9" fmla="*/ 1993421 w 3217557"/>
              <a:gd name="connsiteY9" fmla="*/ 661544 h 2654282"/>
              <a:gd name="connsiteX10" fmla="*/ 2602591 w 3217557"/>
              <a:gd name="connsiteY10" fmla="*/ 661544 h 2654282"/>
              <a:gd name="connsiteX11" fmla="*/ 2792407 w 3217557"/>
              <a:gd name="connsiteY11" fmla="*/ 851360 h 2654282"/>
              <a:gd name="connsiteX12" fmla="*/ 2602591 w 3217557"/>
              <a:gd name="connsiteY12" fmla="*/ 1041176 h 2654282"/>
              <a:gd name="connsiteX13" fmla="*/ 2412775 w 3217557"/>
              <a:gd name="connsiteY13" fmla="*/ 851360 h 2654282"/>
              <a:gd name="connsiteX14" fmla="*/ 2602591 w 3217557"/>
              <a:gd name="connsiteY14" fmla="*/ 661544 h 2654282"/>
              <a:gd name="connsiteX15" fmla="*/ 677114 w 3217557"/>
              <a:gd name="connsiteY15" fmla="*/ 569491 h 2654282"/>
              <a:gd name="connsiteX16" fmla="*/ 330916 w 3217557"/>
              <a:gd name="connsiteY16" fmla="*/ 569491 h 2654282"/>
              <a:gd name="connsiteX17" fmla="*/ 0 w 3217557"/>
              <a:gd name="connsiteY17" fmla="*/ 900407 h 2654282"/>
              <a:gd name="connsiteX18" fmla="*/ 0 w 3217557"/>
              <a:gd name="connsiteY18" fmla="*/ 1952009 h 2654282"/>
              <a:gd name="connsiteX19" fmla="*/ 330916 w 3217557"/>
              <a:gd name="connsiteY19" fmla="*/ 2282925 h 2654282"/>
              <a:gd name="connsiteX20" fmla="*/ 711670 w 3217557"/>
              <a:gd name="connsiteY20" fmla="*/ 2282925 h 2654282"/>
              <a:gd name="connsiteX21" fmla="*/ 275077 w 3217557"/>
              <a:gd name="connsiteY21" fmla="*/ 2654282 h 2654282"/>
              <a:gd name="connsiteX22" fmla="*/ 1294529 w 3217557"/>
              <a:gd name="connsiteY22" fmla="*/ 2282925 h 2654282"/>
              <a:gd name="connsiteX23" fmla="*/ 2117356 w 3217557"/>
              <a:gd name="connsiteY23" fmla="*/ 2282925 h 2654282"/>
              <a:gd name="connsiteX24" fmla="*/ 2418395 w 3217557"/>
              <a:gd name="connsiteY24" fmla="*/ 2087951 h 2654282"/>
              <a:gd name="connsiteX25" fmla="*/ 1830857 w 3217557"/>
              <a:gd name="connsiteY25" fmla="*/ 1799347 h 2654282"/>
              <a:gd name="connsiteX26" fmla="*/ 1008030 w 3217557"/>
              <a:gd name="connsiteY26" fmla="*/ 1799347 h 2654282"/>
              <a:gd name="connsiteX27" fmla="*/ 677114 w 3217557"/>
              <a:gd name="connsiteY27" fmla="*/ 1468431 h 2654282"/>
              <a:gd name="connsiteX28" fmla="*/ 677114 w 3217557"/>
              <a:gd name="connsiteY28" fmla="*/ 569491 h 2654282"/>
              <a:gd name="connsiteX29" fmla="*/ 2886641 w 3217557"/>
              <a:gd name="connsiteY29" fmla="*/ 0 h 2654282"/>
              <a:gd name="connsiteX30" fmla="*/ 1100201 w 3217557"/>
              <a:gd name="connsiteY30" fmla="*/ 0 h 2654282"/>
              <a:gd name="connsiteX31" fmla="*/ 769285 w 3217557"/>
              <a:gd name="connsiteY31" fmla="*/ 330916 h 2654282"/>
              <a:gd name="connsiteX32" fmla="*/ 769285 w 3217557"/>
              <a:gd name="connsiteY32" fmla="*/ 1382518 h 2654282"/>
              <a:gd name="connsiteX33" fmla="*/ 1100201 w 3217557"/>
              <a:gd name="connsiteY33" fmla="*/ 1713434 h 2654282"/>
              <a:gd name="connsiteX34" fmla="*/ 1923028 w 3217557"/>
              <a:gd name="connsiteY34" fmla="*/ 1713434 h 2654282"/>
              <a:gd name="connsiteX35" fmla="*/ 3078958 w 3217557"/>
              <a:gd name="connsiteY35" fmla="*/ 2077967 h 2654282"/>
              <a:gd name="connsiteX36" fmla="*/ 2505887 w 3217557"/>
              <a:gd name="connsiteY36" fmla="*/ 1713434 h 2654282"/>
              <a:gd name="connsiteX37" fmla="*/ 2886641 w 3217557"/>
              <a:gd name="connsiteY37" fmla="*/ 1713434 h 2654282"/>
              <a:gd name="connsiteX38" fmla="*/ 3217557 w 3217557"/>
              <a:gd name="connsiteY38" fmla="*/ 1382518 h 2654282"/>
              <a:gd name="connsiteX39" fmla="*/ 3217557 w 3217557"/>
              <a:gd name="connsiteY39" fmla="*/ 330916 h 2654282"/>
              <a:gd name="connsiteX40" fmla="*/ 2886641 w 3217557"/>
              <a:gd name="connsiteY40" fmla="*/ 0 h 265428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</a:cxnLst>
            <a:rect l="l" t="t" r="r" b="b"/>
            <a:pathLst>
              <a:path w="3217557" h="2654282">
                <a:moveTo>
                  <a:pt x="1384251" y="661544"/>
                </a:moveTo>
                <a:cubicBezTo>
                  <a:pt x="1489083" y="661544"/>
                  <a:pt x="1574067" y="746528"/>
                  <a:pt x="1574067" y="851360"/>
                </a:cubicBezTo>
                <a:cubicBezTo>
                  <a:pt x="1574067" y="956192"/>
                  <a:pt x="1489083" y="1041176"/>
                  <a:pt x="1384251" y="1041176"/>
                </a:cubicBezTo>
                <a:cubicBezTo>
                  <a:pt x="1279419" y="1041176"/>
                  <a:pt x="1194435" y="956192"/>
                  <a:pt x="1194435" y="851360"/>
                </a:cubicBezTo>
                <a:cubicBezTo>
                  <a:pt x="1194435" y="746528"/>
                  <a:pt x="1279419" y="661544"/>
                  <a:pt x="1384251" y="661544"/>
                </a:cubicBezTo>
                <a:close/>
                <a:moveTo>
                  <a:pt x="1993421" y="661544"/>
                </a:moveTo>
                <a:cubicBezTo>
                  <a:pt x="2098253" y="661544"/>
                  <a:pt x="2183237" y="746528"/>
                  <a:pt x="2183237" y="851360"/>
                </a:cubicBezTo>
                <a:cubicBezTo>
                  <a:pt x="2183237" y="956192"/>
                  <a:pt x="2098253" y="1041176"/>
                  <a:pt x="1993421" y="1041176"/>
                </a:cubicBezTo>
                <a:cubicBezTo>
                  <a:pt x="1888589" y="1041176"/>
                  <a:pt x="1803605" y="956192"/>
                  <a:pt x="1803605" y="851360"/>
                </a:cubicBezTo>
                <a:cubicBezTo>
                  <a:pt x="1803605" y="746528"/>
                  <a:pt x="1888589" y="661544"/>
                  <a:pt x="1993421" y="661544"/>
                </a:cubicBezTo>
                <a:close/>
                <a:moveTo>
                  <a:pt x="2602591" y="661544"/>
                </a:moveTo>
                <a:cubicBezTo>
                  <a:pt x="2707423" y="661544"/>
                  <a:pt x="2792407" y="746528"/>
                  <a:pt x="2792407" y="851360"/>
                </a:cubicBezTo>
                <a:cubicBezTo>
                  <a:pt x="2792407" y="956192"/>
                  <a:pt x="2707423" y="1041176"/>
                  <a:pt x="2602591" y="1041176"/>
                </a:cubicBezTo>
                <a:cubicBezTo>
                  <a:pt x="2497759" y="1041176"/>
                  <a:pt x="2412775" y="956192"/>
                  <a:pt x="2412775" y="851360"/>
                </a:cubicBezTo>
                <a:cubicBezTo>
                  <a:pt x="2412775" y="746528"/>
                  <a:pt x="2497759" y="661544"/>
                  <a:pt x="2602591" y="661544"/>
                </a:cubicBezTo>
                <a:close/>
                <a:moveTo>
                  <a:pt x="677114" y="569491"/>
                </a:moveTo>
                <a:lnTo>
                  <a:pt x="330916" y="569491"/>
                </a:lnTo>
                <a:cubicBezTo>
                  <a:pt x="148156" y="569491"/>
                  <a:pt x="0" y="717647"/>
                  <a:pt x="0" y="900407"/>
                </a:cubicBezTo>
                <a:lnTo>
                  <a:pt x="0" y="1952009"/>
                </a:lnTo>
                <a:cubicBezTo>
                  <a:pt x="0" y="2134769"/>
                  <a:pt x="148156" y="2282925"/>
                  <a:pt x="330916" y="2282925"/>
                </a:cubicBezTo>
                <a:lnTo>
                  <a:pt x="711670" y="2282925"/>
                </a:lnTo>
                <a:cubicBezTo>
                  <a:pt x="639726" y="2394386"/>
                  <a:pt x="647101" y="2475544"/>
                  <a:pt x="275077" y="2654282"/>
                </a:cubicBezTo>
                <a:cubicBezTo>
                  <a:pt x="900998" y="2583693"/>
                  <a:pt x="998412" y="2552618"/>
                  <a:pt x="1294529" y="2282925"/>
                </a:cubicBezTo>
                <a:lnTo>
                  <a:pt x="2117356" y="2282925"/>
                </a:lnTo>
                <a:cubicBezTo>
                  <a:pt x="2251554" y="2282925"/>
                  <a:pt x="2367095" y="2203043"/>
                  <a:pt x="2418395" y="2087951"/>
                </a:cubicBezTo>
                <a:cubicBezTo>
                  <a:pt x="2205538" y="2022975"/>
                  <a:pt x="2032941" y="1932583"/>
                  <a:pt x="1830857" y="1799347"/>
                </a:cubicBezTo>
                <a:lnTo>
                  <a:pt x="1008030" y="1799347"/>
                </a:lnTo>
                <a:cubicBezTo>
                  <a:pt x="825270" y="1799347"/>
                  <a:pt x="677114" y="1651191"/>
                  <a:pt x="677114" y="1468431"/>
                </a:cubicBezTo>
                <a:lnTo>
                  <a:pt x="677114" y="569491"/>
                </a:lnTo>
                <a:close/>
                <a:moveTo>
                  <a:pt x="2886641" y="0"/>
                </a:moveTo>
                <a:lnTo>
                  <a:pt x="1100201" y="0"/>
                </a:lnTo>
                <a:cubicBezTo>
                  <a:pt x="917441" y="0"/>
                  <a:pt x="769285" y="148156"/>
                  <a:pt x="769285" y="330916"/>
                </a:cubicBezTo>
                <a:lnTo>
                  <a:pt x="769285" y="1382518"/>
                </a:lnTo>
                <a:cubicBezTo>
                  <a:pt x="769285" y="1565278"/>
                  <a:pt x="917441" y="1713434"/>
                  <a:pt x="1100201" y="1713434"/>
                </a:cubicBezTo>
                <a:lnTo>
                  <a:pt x="1923028" y="1713434"/>
                </a:lnTo>
                <a:cubicBezTo>
                  <a:pt x="2301032" y="1962656"/>
                  <a:pt x="2453037" y="2007378"/>
                  <a:pt x="3078958" y="2077967"/>
                </a:cubicBezTo>
                <a:cubicBezTo>
                  <a:pt x="2713759" y="1878758"/>
                  <a:pt x="2673367" y="1899957"/>
                  <a:pt x="2505887" y="1713434"/>
                </a:cubicBezTo>
                <a:lnTo>
                  <a:pt x="2886641" y="1713434"/>
                </a:lnTo>
                <a:cubicBezTo>
                  <a:pt x="3069401" y="1713434"/>
                  <a:pt x="3217557" y="1565278"/>
                  <a:pt x="3217557" y="1382518"/>
                </a:cubicBezTo>
                <a:lnTo>
                  <a:pt x="3217557" y="330916"/>
                </a:lnTo>
                <a:cubicBezTo>
                  <a:pt x="3217557" y="148156"/>
                  <a:pt x="3069401" y="0"/>
                  <a:pt x="2886641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3" name="Teardrop 1">
            <a:extLst>
              <a:ext uri="{FF2B5EF4-FFF2-40B4-BE49-F238E27FC236}">
                <a16:creationId xmlns:a16="http://schemas.microsoft.com/office/drawing/2014/main" id="{45BBC696-75E7-44AB-A411-9B80C52FFE5A}"/>
              </a:ext>
            </a:extLst>
          </p:cNvPr>
          <p:cNvSpPr/>
          <p:nvPr/>
        </p:nvSpPr>
        <p:spPr>
          <a:xfrm rot="18805991">
            <a:off x="10126692" y="1539348"/>
            <a:ext cx="551843" cy="546086"/>
          </a:xfrm>
          <a:custGeom>
            <a:avLst/>
            <a:gdLst/>
            <a:ahLst/>
            <a:cxnLst/>
            <a:rect l="l" t="t" r="r" b="b"/>
            <a:pathLst>
              <a:path w="1807241" h="1788383">
                <a:moveTo>
                  <a:pt x="712876" y="1117592"/>
                </a:moveTo>
                <a:cubicBezTo>
                  <a:pt x="771173" y="1181828"/>
                  <a:pt x="811089" y="1255910"/>
                  <a:pt x="847925" y="1348018"/>
                </a:cubicBezTo>
                <a:cubicBezTo>
                  <a:pt x="814544" y="1418896"/>
                  <a:pt x="753893" y="1474052"/>
                  <a:pt x="679064" y="1498332"/>
                </a:cubicBezTo>
                <a:lnTo>
                  <a:pt x="308226" y="1106637"/>
                </a:lnTo>
                <a:cubicBezTo>
                  <a:pt x="336560" y="1033247"/>
                  <a:pt x="394949" y="975701"/>
                  <a:pt x="467546" y="946245"/>
                </a:cubicBezTo>
                <a:cubicBezTo>
                  <a:pt x="577903" y="998968"/>
                  <a:pt x="654580" y="1053357"/>
                  <a:pt x="712876" y="1117592"/>
                </a:cubicBezTo>
                <a:close/>
                <a:moveTo>
                  <a:pt x="1038527" y="398886"/>
                </a:moveTo>
                <a:lnTo>
                  <a:pt x="1405560" y="786562"/>
                </a:lnTo>
                <a:cubicBezTo>
                  <a:pt x="1374476" y="799049"/>
                  <a:pt x="1340402" y="804299"/>
                  <a:pt x="1305054" y="803332"/>
                </a:cubicBezTo>
                <a:lnTo>
                  <a:pt x="1008167" y="795212"/>
                </a:lnTo>
                <a:lnTo>
                  <a:pt x="1016288" y="498325"/>
                </a:lnTo>
                <a:cubicBezTo>
                  <a:pt x="1017255" y="462976"/>
                  <a:pt x="1024360" y="429240"/>
                  <a:pt x="1038527" y="398886"/>
                </a:cubicBezTo>
                <a:close/>
                <a:moveTo>
                  <a:pt x="1097925" y="218888"/>
                </a:moveTo>
                <a:cubicBezTo>
                  <a:pt x="992582" y="279303"/>
                  <a:pt x="921871" y="392886"/>
                  <a:pt x="921053" y="523256"/>
                </a:cubicBezTo>
                <a:lnTo>
                  <a:pt x="919136" y="828763"/>
                </a:lnTo>
                <a:lnTo>
                  <a:pt x="830924" y="915875"/>
                </a:lnTo>
                <a:lnTo>
                  <a:pt x="525417" y="913958"/>
                </a:lnTo>
                <a:cubicBezTo>
                  <a:pt x="403891" y="913196"/>
                  <a:pt x="296188" y="973343"/>
                  <a:pt x="234366" y="1067831"/>
                </a:cubicBezTo>
                <a:lnTo>
                  <a:pt x="710285" y="1570519"/>
                </a:lnTo>
                <a:cubicBezTo>
                  <a:pt x="811872" y="1510375"/>
                  <a:pt x="878808" y="1399439"/>
                  <a:pt x="879603" y="1272618"/>
                </a:cubicBezTo>
                <a:lnTo>
                  <a:pt x="881520" y="967111"/>
                </a:lnTo>
                <a:lnTo>
                  <a:pt x="969732" y="879999"/>
                </a:lnTo>
                <a:lnTo>
                  <a:pt x="1275239" y="881916"/>
                </a:lnTo>
                <a:cubicBezTo>
                  <a:pt x="1400271" y="882701"/>
                  <a:pt x="1510670" y="819011"/>
                  <a:pt x="1573529" y="721242"/>
                </a:cubicBezTo>
                <a:close/>
                <a:moveTo>
                  <a:pt x="1162945" y="27894"/>
                </a:moveTo>
                <a:lnTo>
                  <a:pt x="1782798" y="682611"/>
                </a:lnTo>
                <a:cubicBezTo>
                  <a:pt x="1816692" y="718411"/>
                  <a:pt x="1815147" y="774907"/>
                  <a:pt x="1779347" y="808801"/>
                </a:cubicBezTo>
                <a:cubicBezTo>
                  <a:pt x="1743547" y="842694"/>
                  <a:pt x="1687050" y="841149"/>
                  <a:pt x="1653157" y="805349"/>
                </a:cubicBezTo>
                <a:lnTo>
                  <a:pt x="1644015" y="795693"/>
                </a:lnTo>
                <a:cubicBezTo>
                  <a:pt x="1561789" y="910282"/>
                  <a:pt x="1426630" y="983636"/>
                  <a:pt x="1274606" y="982683"/>
                </a:cubicBezTo>
                <a:lnTo>
                  <a:pt x="980378" y="980836"/>
                </a:lnTo>
                <a:lnTo>
                  <a:pt x="980378" y="1270380"/>
                </a:lnTo>
                <a:cubicBezTo>
                  <a:pt x="980378" y="1427425"/>
                  <a:pt x="901198" y="1565976"/>
                  <a:pt x="779756" y="1647056"/>
                </a:cubicBezTo>
                <a:cubicBezTo>
                  <a:pt x="807405" y="1681913"/>
                  <a:pt x="803595" y="1732594"/>
                  <a:pt x="770486" y="1763941"/>
                </a:cubicBezTo>
                <a:cubicBezTo>
                  <a:pt x="734686" y="1797834"/>
                  <a:pt x="678189" y="1796289"/>
                  <a:pt x="644296" y="1760489"/>
                </a:cubicBezTo>
                <a:lnTo>
                  <a:pt x="24442" y="1105772"/>
                </a:lnTo>
                <a:cubicBezTo>
                  <a:pt x="-9451" y="1069973"/>
                  <a:pt x="-7906" y="1013476"/>
                  <a:pt x="27894" y="979583"/>
                </a:cubicBezTo>
                <a:cubicBezTo>
                  <a:pt x="63694" y="945689"/>
                  <a:pt x="120190" y="947235"/>
                  <a:pt x="154084" y="983034"/>
                </a:cubicBezTo>
                <a:lnTo>
                  <a:pt x="163237" y="992702"/>
                </a:lnTo>
                <a:cubicBezTo>
                  <a:pt x="244774" y="882877"/>
                  <a:pt x="375836" y="813180"/>
                  <a:pt x="523178" y="813180"/>
                </a:cubicBezTo>
                <a:lnTo>
                  <a:pt x="818460" y="813180"/>
                </a:lnTo>
                <a:lnTo>
                  <a:pt x="820284" y="522622"/>
                </a:lnTo>
                <a:cubicBezTo>
                  <a:pt x="821285" y="363119"/>
                  <a:pt x="903845" y="223207"/>
                  <a:pt x="1028952" y="143673"/>
                </a:cubicBezTo>
                <a:cubicBezTo>
                  <a:pt x="999689" y="108599"/>
                  <a:pt x="1002953" y="56445"/>
                  <a:pt x="1036755" y="24443"/>
                </a:cubicBezTo>
                <a:cubicBezTo>
                  <a:pt x="1072555" y="-9451"/>
                  <a:pt x="1129052" y="-7906"/>
                  <a:pt x="1162945" y="27894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4" name="Rectangle 130">
            <a:extLst>
              <a:ext uri="{FF2B5EF4-FFF2-40B4-BE49-F238E27FC236}">
                <a16:creationId xmlns:a16="http://schemas.microsoft.com/office/drawing/2014/main" id="{F7759672-254A-46D2-98DF-B919494C603A}"/>
              </a:ext>
            </a:extLst>
          </p:cNvPr>
          <p:cNvSpPr/>
          <p:nvPr/>
        </p:nvSpPr>
        <p:spPr>
          <a:xfrm>
            <a:off x="10932820" y="1539414"/>
            <a:ext cx="544577" cy="547049"/>
          </a:xfrm>
          <a:custGeom>
            <a:avLst/>
            <a:gdLst/>
            <a:ahLst/>
            <a:cxnLst/>
            <a:rect l="l" t="t" r="r" b="b"/>
            <a:pathLst>
              <a:path w="371900" h="373588">
                <a:moveTo>
                  <a:pt x="297080" y="129105"/>
                </a:moveTo>
                <a:lnTo>
                  <a:pt x="284273" y="219737"/>
                </a:lnTo>
                <a:lnTo>
                  <a:pt x="305496" y="219737"/>
                </a:lnTo>
                <a:lnTo>
                  <a:pt x="333001" y="129105"/>
                </a:lnTo>
                <a:close/>
                <a:moveTo>
                  <a:pt x="228265" y="129105"/>
                </a:moveTo>
                <a:lnTo>
                  <a:pt x="228265" y="219737"/>
                </a:lnTo>
                <a:lnTo>
                  <a:pt x="250807" y="219737"/>
                </a:lnTo>
                <a:lnTo>
                  <a:pt x="263614" y="129105"/>
                </a:lnTo>
                <a:close/>
                <a:moveTo>
                  <a:pt x="157021" y="129105"/>
                </a:moveTo>
                <a:lnTo>
                  <a:pt x="175826" y="219737"/>
                </a:lnTo>
                <a:lnTo>
                  <a:pt x="195129" y="219737"/>
                </a:lnTo>
                <a:lnTo>
                  <a:pt x="195129" y="129105"/>
                </a:lnTo>
                <a:close/>
                <a:moveTo>
                  <a:pt x="93087" y="129105"/>
                </a:moveTo>
                <a:lnTo>
                  <a:pt x="117372" y="219737"/>
                </a:lnTo>
                <a:lnTo>
                  <a:pt x="141984" y="219737"/>
                </a:lnTo>
                <a:lnTo>
                  <a:pt x="123179" y="129105"/>
                </a:lnTo>
                <a:close/>
                <a:moveTo>
                  <a:pt x="58494" y="0"/>
                </a:moveTo>
                <a:lnTo>
                  <a:pt x="84208" y="95969"/>
                </a:lnTo>
                <a:lnTo>
                  <a:pt x="354346" y="95969"/>
                </a:lnTo>
                <a:lnTo>
                  <a:pt x="354346" y="97437"/>
                </a:lnTo>
                <a:cubicBezTo>
                  <a:pt x="356087" y="96136"/>
                  <a:pt x="357928" y="96353"/>
                  <a:pt x="359747" y="96905"/>
                </a:cubicBezTo>
                <a:lnTo>
                  <a:pt x="360371" y="97095"/>
                </a:lnTo>
                <a:cubicBezTo>
                  <a:pt x="368954" y="99700"/>
                  <a:pt x="373801" y="108770"/>
                  <a:pt x="371196" y="117354"/>
                </a:cubicBezTo>
                <a:lnTo>
                  <a:pt x="333339" y="242097"/>
                </a:lnTo>
                <a:cubicBezTo>
                  <a:pt x="331591" y="247858"/>
                  <a:pt x="326929" y="251935"/>
                  <a:pt x="321206" y="252122"/>
                </a:cubicBezTo>
                <a:lnTo>
                  <a:pt x="321206" y="252873"/>
                </a:lnTo>
                <a:lnTo>
                  <a:pt x="313576" y="252873"/>
                </a:lnTo>
                <a:cubicBezTo>
                  <a:pt x="313378" y="253010"/>
                  <a:pt x="313229" y="252967"/>
                  <a:pt x="313080" y="252922"/>
                </a:cubicBezTo>
                <a:lnTo>
                  <a:pt x="312919" y="252873"/>
                </a:lnTo>
                <a:lnTo>
                  <a:pt x="126251" y="252873"/>
                </a:lnTo>
                <a:lnTo>
                  <a:pt x="133971" y="281687"/>
                </a:lnTo>
                <a:lnTo>
                  <a:pt x="321075" y="281687"/>
                </a:lnTo>
                <a:lnTo>
                  <a:pt x="321075" y="314823"/>
                </a:lnTo>
                <a:lnTo>
                  <a:pt x="318480" y="314823"/>
                </a:lnTo>
                <a:cubicBezTo>
                  <a:pt x="329614" y="318311"/>
                  <a:pt x="336414" y="328969"/>
                  <a:pt x="336414" y="341215"/>
                </a:cubicBezTo>
                <a:cubicBezTo>
                  <a:pt x="336414" y="359094"/>
                  <a:pt x="321920" y="373588"/>
                  <a:pt x="304041" y="373588"/>
                </a:cubicBezTo>
                <a:cubicBezTo>
                  <a:pt x="286162" y="373588"/>
                  <a:pt x="271668" y="359094"/>
                  <a:pt x="271668" y="341215"/>
                </a:cubicBezTo>
                <a:cubicBezTo>
                  <a:pt x="271668" y="328969"/>
                  <a:pt x="278468" y="318311"/>
                  <a:pt x="289602" y="314823"/>
                </a:cubicBezTo>
                <a:lnTo>
                  <a:pt x="142850" y="314823"/>
                </a:lnTo>
                <a:lnTo>
                  <a:pt x="143397" y="316865"/>
                </a:lnTo>
                <a:cubicBezTo>
                  <a:pt x="151629" y="321811"/>
                  <a:pt x="156401" y="330956"/>
                  <a:pt x="156401" y="341215"/>
                </a:cubicBezTo>
                <a:cubicBezTo>
                  <a:pt x="156401" y="359094"/>
                  <a:pt x="141907" y="373588"/>
                  <a:pt x="124028" y="373588"/>
                </a:cubicBezTo>
                <a:cubicBezTo>
                  <a:pt x="106149" y="373588"/>
                  <a:pt x="91655" y="359094"/>
                  <a:pt x="91655" y="341215"/>
                </a:cubicBezTo>
                <a:cubicBezTo>
                  <a:pt x="91655" y="329356"/>
                  <a:pt x="98032" y="318986"/>
                  <a:pt x="108649" y="315212"/>
                </a:cubicBezTo>
                <a:lnTo>
                  <a:pt x="33542" y="34909"/>
                </a:lnTo>
                <a:lnTo>
                  <a:pt x="0" y="34909"/>
                </a:lnTo>
                <a:lnTo>
                  <a:pt x="0" y="1773"/>
                </a:lnTo>
                <a:lnTo>
                  <a:pt x="51879" y="1773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5" name="Right Triangle 17">
            <a:extLst>
              <a:ext uri="{FF2B5EF4-FFF2-40B4-BE49-F238E27FC236}">
                <a16:creationId xmlns:a16="http://schemas.microsoft.com/office/drawing/2014/main" id="{5B989D8F-E127-48E7-B329-C52CA522C191}"/>
              </a:ext>
            </a:extLst>
          </p:cNvPr>
          <p:cNvSpPr>
            <a:spLocks noChangeAspect="1"/>
          </p:cNvSpPr>
          <p:nvPr/>
        </p:nvSpPr>
        <p:spPr>
          <a:xfrm>
            <a:off x="9363473" y="4578026"/>
            <a:ext cx="478148" cy="569324"/>
          </a:xfrm>
          <a:custGeom>
            <a:avLst/>
            <a:gdLst/>
            <a:ahLst/>
            <a:cxnLst/>
            <a:rect l="l" t="t" r="r" b="b"/>
            <a:pathLst>
              <a:path w="2721114" h="3240000">
                <a:moveTo>
                  <a:pt x="1999321" y="2603448"/>
                </a:moveTo>
                <a:lnTo>
                  <a:pt x="1999321" y="2772810"/>
                </a:lnTo>
                <a:lnTo>
                  <a:pt x="2528507" y="2772810"/>
                </a:lnTo>
                <a:lnTo>
                  <a:pt x="2528507" y="2603448"/>
                </a:lnTo>
                <a:close/>
                <a:moveTo>
                  <a:pt x="2263914" y="2230929"/>
                </a:moveTo>
                <a:cubicBezTo>
                  <a:pt x="2516419" y="2230929"/>
                  <a:pt x="2721114" y="2435624"/>
                  <a:pt x="2721114" y="2688129"/>
                </a:cubicBezTo>
                <a:cubicBezTo>
                  <a:pt x="2721114" y="2940634"/>
                  <a:pt x="2516419" y="3145329"/>
                  <a:pt x="2263914" y="3145329"/>
                </a:cubicBezTo>
                <a:cubicBezTo>
                  <a:pt x="2011409" y="3145329"/>
                  <a:pt x="1806714" y="2940634"/>
                  <a:pt x="1806714" y="2688129"/>
                </a:cubicBezTo>
                <a:cubicBezTo>
                  <a:pt x="1806714" y="2435624"/>
                  <a:pt x="2011409" y="2230929"/>
                  <a:pt x="2263914" y="2230929"/>
                </a:cubicBezTo>
                <a:close/>
                <a:moveTo>
                  <a:pt x="1576134" y="17032"/>
                </a:moveTo>
                <a:lnTo>
                  <a:pt x="2276728" y="17032"/>
                </a:lnTo>
                <a:lnTo>
                  <a:pt x="2276728" y="17033"/>
                </a:lnTo>
                <a:lnTo>
                  <a:pt x="1576135" y="17033"/>
                </a:lnTo>
                <a:close/>
                <a:moveTo>
                  <a:pt x="0" y="17032"/>
                </a:moveTo>
                <a:lnTo>
                  <a:pt x="1321887" y="17032"/>
                </a:lnTo>
                <a:lnTo>
                  <a:pt x="1321887" y="996125"/>
                </a:lnTo>
                <a:lnTo>
                  <a:pt x="2276728" y="996125"/>
                </a:lnTo>
                <a:lnTo>
                  <a:pt x="2276728" y="2160187"/>
                </a:lnTo>
                <a:cubicBezTo>
                  <a:pt x="1979345" y="2161001"/>
                  <a:pt x="1738579" y="2402384"/>
                  <a:pt x="1738579" y="2700000"/>
                </a:cubicBezTo>
                <a:cubicBezTo>
                  <a:pt x="1738579" y="2997617"/>
                  <a:pt x="1979345" y="3238999"/>
                  <a:pt x="2276728" y="3239814"/>
                </a:cubicBezTo>
                <a:lnTo>
                  <a:pt x="2276728" y="3240000"/>
                </a:lnTo>
                <a:lnTo>
                  <a:pt x="0" y="3240000"/>
                </a:lnTo>
                <a:close/>
                <a:moveTo>
                  <a:pt x="1436085" y="0"/>
                </a:moveTo>
                <a:lnTo>
                  <a:pt x="2287664" y="888809"/>
                </a:lnTo>
                <a:lnTo>
                  <a:pt x="1436085" y="888809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96" name="Right Triangle 17">
            <a:extLst>
              <a:ext uri="{FF2B5EF4-FFF2-40B4-BE49-F238E27FC236}">
                <a16:creationId xmlns:a16="http://schemas.microsoft.com/office/drawing/2014/main" id="{D61B263F-9E2B-4D6D-AE92-C6B011C62C98}"/>
              </a:ext>
            </a:extLst>
          </p:cNvPr>
          <p:cNvSpPr>
            <a:spLocks noChangeAspect="1"/>
          </p:cNvSpPr>
          <p:nvPr/>
        </p:nvSpPr>
        <p:spPr>
          <a:xfrm>
            <a:off x="8488431" y="4578026"/>
            <a:ext cx="478148" cy="569324"/>
          </a:xfrm>
          <a:custGeom>
            <a:avLst/>
            <a:gdLst/>
            <a:ahLst/>
            <a:cxnLst/>
            <a:rect l="l" t="t" r="r" b="b"/>
            <a:pathLst>
              <a:path w="2721114" h="3240000">
                <a:moveTo>
                  <a:pt x="2179233" y="2431577"/>
                </a:moveTo>
                <a:lnTo>
                  <a:pt x="2179233" y="2611489"/>
                </a:lnTo>
                <a:lnTo>
                  <a:pt x="1999321" y="2611489"/>
                </a:lnTo>
                <a:lnTo>
                  <a:pt x="1999321" y="2780851"/>
                </a:lnTo>
                <a:lnTo>
                  <a:pt x="2179233" y="2780851"/>
                </a:lnTo>
                <a:lnTo>
                  <a:pt x="2179233" y="2960763"/>
                </a:lnTo>
                <a:lnTo>
                  <a:pt x="2348595" y="2960763"/>
                </a:lnTo>
                <a:lnTo>
                  <a:pt x="2348595" y="2780851"/>
                </a:lnTo>
                <a:lnTo>
                  <a:pt x="2528507" y="2780851"/>
                </a:lnTo>
                <a:lnTo>
                  <a:pt x="2528507" y="2611489"/>
                </a:lnTo>
                <a:lnTo>
                  <a:pt x="2348595" y="2611489"/>
                </a:lnTo>
                <a:lnTo>
                  <a:pt x="2348595" y="2431577"/>
                </a:lnTo>
                <a:close/>
                <a:moveTo>
                  <a:pt x="2263914" y="2238970"/>
                </a:moveTo>
                <a:cubicBezTo>
                  <a:pt x="2516419" y="2238970"/>
                  <a:pt x="2721114" y="2443665"/>
                  <a:pt x="2721114" y="2696170"/>
                </a:cubicBezTo>
                <a:cubicBezTo>
                  <a:pt x="2721114" y="2948675"/>
                  <a:pt x="2516419" y="3153370"/>
                  <a:pt x="2263914" y="3153370"/>
                </a:cubicBezTo>
                <a:cubicBezTo>
                  <a:pt x="2011409" y="3153370"/>
                  <a:pt x="1806714" y="2948675"/>
                  <a:pt x="1806714" y="2696170"/>
                </a:cubicBezTo>
                <a:cubicBezTo>
                  <a:pt x="1806714" y="2443665"/>
                  <a:pt x="2011409" y="2238970"/>
                  <a:pt x="2263914" y="2238970"/>
                </a:cubicBezTo>
                <a:close/>
                <a:moveTo>
                  <a:pt x="1576134" y="17032"/>
                </a:moveTo>
                <a:lnTo>
                  <a:pt x="2276728" y="17032"/>
                </a:lnTo>
                <a:lnTo>
                  <a:pt x="2276728" y="17033"/>
                </a:lnTo>
                <a:lnTo>
                  <a:pt x="1576135" y="17033"/>
                </a:lnTo>
                <a:close/>
                <a:moveTo>
                  <a:pt x="0" y="17032"/>
                </a:moveTo>
                <a:lnTo>
                  <a:pt x="1321887" y="17032"/>
                </a:lnTo>
                <a:lnTo>
                  <a:pt x="1321887" y="996125"/>
                </a:lnTo>
                <a:lnTo>
                  <a:pt x="2276728" y="996125"/>
                </a:lnTo>
                <a:lnTo>
                  <a:pt x="2276728" y="2160187"/>
                </a:lnTo>
                <a:cubicBezTo>
                  <a:pt x="1979345" y="2161001"/>
                  <a:pt x="1738579" y="2402384"/>
                  <a:pt x="1738579" y="2700000"/>
                </a:cubicBezTo>
                <a:cubicBezTo>
                  <a:pt x="1738579" y="2997617"/>
                  <a:pt x="1979345" y="3238999"/>
                  <a:pt x="2276728" y="3239814"/>
                </a:cubicBezTo>
                <a:lnTo>
                  <a:pt x="2276728" y="3240000"/>
                </a:lnTo>
                <a:lnTo>
                  <a:pt x="0" y="3240000"/>
                </a:lnTo>
                <a:close/>
                <a:moveTo>
                  <a:pt x="1436085" y="0"/>
                </a:moveTo>
                <a:lnTo>
                  <a:pt x="2287664" y="888809"/>
                </a:lnTo>
                <a:lnTo>
                  <a:pt x="1436085" y="888809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97" name="Right Triangle 17">
            <a:extLst>
              <a:ext uri="{FF2B5EF4-FFF2-40B4-BE49-F238E27FC236}">
                <a16:creationId xmlns:a16="http://schemas.microsoft.com/office/drawing/2014/main" id="{5E5AE7B0-988E-44BF-89EA-013033086F96}"/>
              </a:ext>
            </a:extLst>
          </p:cNvPr>
          <p:cNvSpPr>
            <a:spLocks noChangeAspect="1"/>
          </p:cNvSpPr>
          <p:nvPr/>
        </p:nvSpPr>
        <p:spPr>
          <a:xfrm>
            <a:off x="10238515" y="4578026"/>
            <a:ext cx="478148" cy="569324"/>
          </a:xfrm>
          <a:custGeom>
            <a:avLst/>
            <a:gdLst/>
            <a:ahLst/>
            <a:cxnLst/>
            <a:rect l="l" t="t" r="r" b="b"/>
            <a:pathLst>
              <a:path w="2721114" h="3240000">
                <a:moveTo>
                  <a:pt x="2136698" y="2449196"/>
                </a:moveTo>
                <a:lnTo>
                  <a:pt x="2016940" y="2568954"/>
                </a:lnTo>
                <a:lnTo>
                  <a:pt x="2144156" y="2696170"/>
                </a:lnTo>
                <a:lnTo>
                  <a:pt x="2016940" y="2823386"/>
                </a:lnTo>
                <a:lnTo>
                  <a:pt x="2136698" y="2943144"/>
                </a:lnTo>
                <a:lnTo>
                  <a:pt x="2263914" y="2815928"/>
                </a:lnTo>
                <a:lnTo>
                  <a:pt x="2391130" y="2943144"/>
                </a:lnTo>
                <a:lnTo>
                  <a:pt x="2510888" y="2823386"/>
                </a:lnTo>
                <a:lnTo>
                  <a:pt x="2383672" y="2696170"/>
                </a:lnTo>
                <a:lnTo>
                  <a:pt x="2510888" y="2568954"/>
                </a:lnTo>
                <a:lnTo>
                  <a:pt x="2391130" y="2449196"/>
                </a:lnTo>
                <a:lnTo>
                  <a:pt x="2263914" y="2576412"/>
                </a:lnTo>
                <a:close/>
                <a:moveTo>
                  <a:pt x="2263914" y="2238970"/>
                </a:moveTo>
                <a:cubicBezTo>
                  <a:pt x="2516419" y="2238970"/>
                  <a:pt x="2721114" y="2443665"/>
                  <a:pt x="2721114" y="2696170"/>
                </a:cubicBezTo>
                <a:cubicBezTo>
                  <a:pt x="2721114" y="2948675"/>
                  <a:pt x="2516419" y="3153370"/>
                  <a:pt x="2263914" y="3153370"/>
                </a:cubicBezTo>
                <a:cubicBezTo>
                  <a:pt x="2011409" y="3153370"/>
                  <a:pt x="1806714" y="2948675"/>
                  <a:pt x="1806714" y="2696170"/>
                </a:cubicBezTo>
                <a:cubicBezTo>
                  <a:pt x="1806714" y="2443665"/>
                  <a:pt x="2011409" y="2238970"/>
                  <a:pt x="2263914" y="2238970"/>
                </a:cubicBezTo>
                <a:close/>
                <a:moveTo>
                  <a:pt x="1576134" y="17032"/>
                </a:moveTo>
                <a:lnTo>
                  <a:pt x="2276728" y="17032"/>
                </a:lnTo>
                <a:lnTo>
                  <a:pt x="2276728" y="17033"/>
                </a:lnTo>
                <a:lnTo>
                  <a:pt x="1576135" y="17033"/>
                </a:lnTo>
                <a:close/>
                <a:moveTo>
                  <a:pt x="0" y="17032"/>
                </a:moveTo>
                <a:lnTo>
                  <a:pt x="1321887" y="17032"/>
                </a:lnTo>
                <a:lnTo>
                  <a:pt x="1321887" y="996125"/>
                </a:lnTo>
                <a:lnTo>
                  <a:pt x="2276728" y="996125"/>
                </a:lnTo>
                <a:lnTo>
                  <a:pt x="2276728" y="2160187"/>
                </a:lnTo>
                <a:cubicBezTo>
                  <a:pt x="1979345" y="2161001"/>
                  <a:pt x="1738579" y="2402384"/>
                  <a:pt x="1738579" y="2700000"/>
                </a:cubicBezTo>
                <a:cubicBezTo>
                  <a:pt x="1738579" y="2997617"/>
                  <a:pt x="1979345" y="3238999"/>
                  <a:pt x="2276728" y="3239814"/>
                </a:cubicBezTo>
                <a:lnTo>
                  <a:pt x="2276728" y="3240000"/>
                </a:lnTo>
                <a:lnTo>
                  <a:pt x="0" y="3240000"/>
                </a:lnTo>
                <a:close/>
                <a:moveTo>
                  <a:pt x="1436085" y="0"/>
                </a:moveTo>
                <a:lnTo>
                  <a:pt x="2287664" y="888809"/>
                </a:lnTo>
                <a:lnTo>
                  <a:pt x="1436085" y="888809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98" name="Oval 44">
            <a:extLst>
              <a:ext uri="{FF2B5EF4-FFF2-40B4-BE49-F238E27FC236}">
                <a16:creationId xmlns:a16="http://schemas.microsoft.com/office/drawing/2014/main" id="{94195A6D-E3B2-4E10-BD54-AC5E4FED7A15}"/>
              </a:ext>
            </a:extLst>
          </p:cNvPr>
          <p:cNvSpPr>
            <a:spLocks noChangeAspect="1"/>
          </p:cNvSpPr>
          <p:nvPr/>
        </p:nvSpPr>
        <p:spPr>
          <a:xfrm>
            <a:off x="11113556" y="4578026"/>
            <a:ext cx="478148" cy="569324"/>
          </a:xfrm>
          <a:custGeom>
            <a:avLst/>
            <a:gdLst/>
            <a:ahLst/>
            <a:cxnLst/>
            <a:rect l="l" t="t" r="r" b="b"/>
            <a:pathLst>
              <a:path w="2721114" h="3240000">
                <a:moveTo>
                  <a:pt x="2519839" y="2469622"/>
                </a:moveTo>
                <a:lnTo>
                  <a:pt x="2201779" y="2787682"/>
                </a:lnTo>
                <a:lnTo>
                  <a:pt x="2003023" y="2588926"/>
                </a:lnTo>
                <a:lnTo>
                  <a:pt x="1901669" y="2690281"/>
                </a:lnTo>
                <a:lnTo>
                  <a:pt x="2203868" y="2992480"/>
                </a:lnTo>
                <a:lnTo>
                  <a:pt x="2305222" y="2891125"/>
                </a:lnTo>
                <a:lnTo>
                  <a:pt x="2303133" y="2889037"/>
                </a:lnTo>
                <a:lnTo>
                  <a:pt x="2621194" y="2570977"/>
                </a:lnTo>
                <a:close/>
                <a:moveTo>
                  <a:pt x="2263914" y="2238970"/>
                </a:moveTo>
                <a:cubicBezTo>
                  <a:pt x="2516419" y="2238970"/>
                  <a:pt x="2721114" y="2443665"/>
                  <a:pt x="2721114" y="2696170"/>
                </a:cubicBezTo>
                <a:cubicBezTo>
                  <a:pt x="2721114" y="2948675"/>
                  <a:pt x="2516419" y="3153370"/>
                  <a:pt x="2263914" y="3153370"/>
                </a:cubicBezTo>
                <a:cubicBezTo>
                  <a:pt x="2011409" y="3153370"/>
                  <a:pt x="1806714" y="2948675"/>
                  <a:pt x="1806714" y="2696170"/>
                </a:cubicBezTo>
                <a:cubicBezTo>
                  <a:pt x="1806714" y="2443665"/>
                  <a:pt x="2011409" y="2238970"/>
                  <a:pt x="2263914" y="2238970"/>
                </a:cubicBezTo>
                <a:close/>
                <a:moveTo>
                  <a:pt x="1576134" y="17032"/>
                </a:moveTo>
                <a:lnTo>
                  <a:pt x="2276728" y="17032"/>
                </a:lnTo>
                <a:lnTo>
                  <a:pt x="2276728" y="17033"/>
                </a:lnTo>
                <a:lnTo>
                  <a:pt x="1576135" y="17033"/>
                </a:lnTo>
                <a:close/>
                <a:moveTo>
                  <a:pt x="0" y="17032"/>
                </a:moveTo>
                <a:lnTo>
                  <a:pt x="1321887" y="17032"/>
                </a:lnTo>
                <a:lnTo>
                  <a:pt x="1321887" y="996125"/>
                </a:lnTo>
                <a:lnTo>
                  <a:pt x="2276728" y="996125"/>
                </a:lnTo>
                <a:lnTo>
                  <a:pt x="2276728" y="2160187"/>
                </a:lnTo>
                <a:cubicBezTo>
                  <a:pt x="1979345" y="2161001"/>
                  <a:pt x="1738579" y="2402384"/>
                  <a:pt x="1738579" y="2700000"/>
                </a:cubicBezTo>
                <a:cubicBezTo>
                  <a:pt x="1738579" y="2997617"/>
                  <a:pt x="1979345" y="3238999"/>
                  <a:pt x="2276728" y="3239814"/>
                </a:cubicBezTo>
                <a:lnTo>
                  <a:pt x="2276728" y="3240000"/>
                </a:lnTo>
                <a:lnTo>
                  <a:pt x="0" y="3240000"/>
                </a:lnTo>
                <a:close/>
                <a:moveTo>
                  <a:pt x="1436085" y="0"/>
                </a:moveTo>
                <a:lnTo>
                  <a:pt x="2287664" y="888809"/>
                </a:lnTo>
                <a:lnTo>
                  <a:pt x="1436085" y="888809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48" name="Rounded Rectangle 2">
            <a:extLst>
              <a:ext uri="{FF2B5EF4-FFF2-40B4-BE49-F238E27FC236}">
                <a16:creationId xmlns:a16="http://schemas.microsoft.com/office/drawing/2014/main" id="{4283B4DD-2689-4EE6-93A8-1FCC93F87C53}"/>
              </a:ext>
            </a:extLst>
          </p:cNvPr>
          <p:cNvSpPr/>
          <p:nvPr/>
        </p:nvSpPr>
        <p:spPr>
          <a:xfrm>
            <a:off x="354010" y="1131591"/>
            <a:ext cx="3560767" cy="5402561"/>
          </a:xfrm>
          <a:prstGeom prst="roundRect">
            <a:avLst>
              <a:gd name="adj" fmla="val 3968"/>
            </a:avLst>
          </a:prstGeom>
          <a:solidFill>
            <a:srgbClr val="61C6E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/>
          </a:p>
        </p:txBody>
      </p:sp>
      <p:sp>
        <p:nvSpPr>
          <p:cNvPr id="49" name="Rounded Rectangle 3">
            <a:extLst>
              <a:ext uri="{FF2B5EF4-FFF2-40B4-BE49-F238E27FC236}">
                <a16:creationId xmlns:a16="http://schemas.microsoft.com/office/drawing/2014/main" id="{53004E71-59B4-4BFF-8865-79E7819FEDC2}"/>
              </a:ext>
            </a:extLst>
          </p:cNvPr>
          <p:cNvSpPr/>
          <p:nvPr/>
        </p:nvSpPr>
        <p:spPr>
          <a:xfrm>
            <a:off x="531933" y="1347500"/>
            <a:ext cx="153868" cy="5015200"/>
          </a:xfrm>
          <a:prstGeom prst="roundRect">
            <a:avLst>
              <a:gd name="adj" fmla="val 50000"/>
            </a:avLst>
          </a:prstGeom>
          <a:solidFill>
            <a:schemeClr val="bg1">
              <a:alpha val="4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>
              <a:solidFill>
                <a:schemeClr val="bg1"/>
              </a:solidFill>
            </a:endParaRPr>
          </a:p>
        </p:txBody>
      </p:sp>
      <p:sp>
        <p:nvSpPr>
          <p:cNvPr id="50" name="Half Frame 4">
            <a:extLst>
              <a:ext uri="{FF2B5EF4-FFF2-40B4-BE49-F238E27FC236}">
                <a16:creationId xmlns:a16="http://schemas.microsoft.com/office/drawing/2014/main" id="{7385417D-8EF5-40E3-83E8-13AB7856EBEC}"/>
              </a:ext>
            </a:extLst>
          </p:cNvPr>
          <p:cNvSpPr/>
          <p:nvPr/>
        </p:nvSpPr>
        <p:spPr>
          <a:xfrm rot="5400000">
            <a:off x="3057177" y="1276653"/>
            <a:ext cx="685849" cy="685148"/>
          </a:xfrm>
          <a:prstGeom prst="halfFrame">
            <a:avLst>
              <a:gd name="adj1" fmla="val 23728"/>
              <a:gd name="adj2" fmla="val 24642"/>
            </a:avLst>
          </a:prstGeom>
          <a:solidFill>
            <a:schemeClr val="bg1">
              <a:alpha val="2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>
              <a:solidFill>
                <a:schemeClr val="tx1">
                  <a:lumMod val="85000"/>
                  <a:lumOff val="15000"/>
                </a:schemeClr>
              </a:solidFill>
            </a:endParaRPr>
          </a:p>
        </p:txBody>
      </p:sp>
      <p:sp>
        <p:nvSpPr>
          <p:cNvPr id="51" name="TextBox 57">
            <a:extLst>
              <a:ext uri="{FF2B5EF4-FFF2-40B4-BE49-F238E27FC236}">
                <a16:creationId xmlns:a16="http://schemas.microsoft.com/office/drawing/2014/main" id="{675C8E4E-A968-4034-990F-5D9561407999}"/>
              </a:ext>
            </a:extLst>
          </p:cNvPr>
          <p:cNvSpPr txBox="1"/>
          <p:nvPr/>
        </p:nvSpPr>
        <p:spPr>
          <a:xfrm>
            <a:off x="711704" y="1637214"/>
            <a:ext cx="2232248" cy="52322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You can Resize without losing quality</a:t>
            </a:r>
            <a:endParaRPr lang="ko-KR" altLang="en-US" sz="1400" b="1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52" name="TextBox 58">
            <a:extLst>
              <a:ext uri="{FF2B5EF4-FFF2-40B4-BE49-F238E27FC236}">
                <a16:creationId xmlns:a16="http://schemas.microsoft.com/office/drawing/2014/main" id="{21F1AA43-39D6-4483-87B6-91B1D355610E}"/>
              </a:ext>
            </a:extLst>
          </p:cNvPr>
          <p:cNvSpPr txBox="1"/>
          <p:nvPr/>
        </p:nvSpPr>
        <p:spPr>
          <a:xfrm>
            <a:off x="711704" y="2127463"/>
            <a:ext cx="2232248" cy="738664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You can Change Fill Color &amp;</a:t>
            </a:r>
          </a:p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Line Color</a:t>
            </a:r>
            <a:endParaRPr lang="ko-KR" altLang="en-US" sz="1400" b="1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53" name="TextBox 59">
            <a:extLst>
              <a:ext uri="{FF2B5EF4-FFF2-40B4-BE49-F238E27FC236}">
                <a16:creationId xmlns:a16="http://schemas.microsoft.com/office/drawing/2014/main" id="{49D9B210-FEC3-43BD-9F83-53A3A8E58AB4}"/>
              </a:ext>
            </a:extLst>
          </p:cNvPr>
          <p:cNvSpPr txBox="1"/>
          <p:nvPr/>
        </p:nvSpPr>
        <p:spPr>
          <a:xfrm>
            <a:off x="721229" y="5808438"/>
            <a:ext cx="2232000" cy="307777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www.freeppt7.com</a:t>
            </a:r>
            <a:endParaRPr lang="ko-KR" altLang="en-US" sz="1400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99" name="TextBox 60">
            <a:extLst>
              <a:ext uri="{FF2B5EF4-FFF2-40B4-BE49-F238E27FC236}">
                <a16:creationId xmlns:a16="http://schemas.microsoft.com/office/drawing/2014/main" id="{F903C9A3-66F5-4C7B-996C-9FCE43BBEE14}"/>
              </a:ext>
            </a:extLst>
          </p:cNvPr>
          <p:cNvSpPr txBox="1"/>
          <p:nvPr/>
        </p:nvSpPr>
        <p:spPr>
          <a:xfrm>
            <a:off x="721229" y="4450324"/>
            <a:ext cx="2717296" cy="1384995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2800" b="1" dirty="0">
                <a:solidFill>
                  <a:schemeClr val="bg1"/>
                </a:solidFill>
                <a:latin typeface="+mn-lt"/>
                <a:ea typeface="+mn-ea"/>
                <a:cs typeface="Arial" pitchFamily="34" charset="0"/>
              </a:rPr>
              <a:t>FREE </a:t>
            </a:r>
          </a:p>
          <a:p>
            <a:r>
              <a:rPr lang="en-US" altLang="ko-KR" sz="2800" b="1" dirty="0">
                <a:solidFill>
                  <a:schemeClr val="bg1"/>
                </a:solidFill>
                <a:latin typeface="+mn-lt"/>
                <a:ea typeface="+mn-ea"/>
                <a:cs typeface="Arial" pitchFamily="34" charset="0"/>
              </a:rPr>
              <a:t>PPT TEMPLATES</a:t>
            </a:r>
          </a:p>
        </p:txBody>
      </p:sp>
    </p:spTree>
    <p:extLst>
      <p:ext uri="{BB962C8B-B14F-4D97-AF65-F5344CB8AC3E}">
        <p14:creationId xmlns:p14="http://schemas.microsoft.com/office/powerpoint/2010/main" val="313758320"/>
      </p:ext>
    </p:extLst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6F3EE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4294967295"/>
          </p:nvPr>
        </p:nvSpPr>
        <p:spPr>
          <a:xfrm>
            <a:off x="619125" y="123825"/>
            <a:ext cx="11572875" cy="723900"/>
          </a:xfrm>
          <a:prstGeom prst="rect">
            <a:avLst/>
          </a:prstGeom>
        </p:spPr>
        <p:txBody>
          <a:bodyPr>
            <a:normAutofit/>
          </a:bodyPr>
          <a:lstStyle/>
          <a:p>
            <a:r>
              <a:rPr lang="en-US" dirty="0"/>
              <a:t>Fully Editable Icon Sets: B</a:t>
            </a:r>
          </a:p>
        </p:txBody>
      </p:sp>
      <p:sp>
        <p:nvSpPr>
          <p:cNvPr id="54" name="Freeform 47">
            <a:extLst>
              <a:ext uri="{FF2B5EF4-FFF2-40B4-BE49-F238E27FC236}">
                <a16:creationId xmlns:a16="http://schemas.microsoft.com/office/drawing/2014/main" id="{C23D3A46-4648-419A-831A-39A9EF5FA6C6}"/>
              </a:ext>
            </a:extLst>
          </p:cNvPr>
          <p:cNvSpPr>
            <a:spLocks noChangeAspect="1"/>
          </p:cNvSpPr>
          <p:nvPr/>
        </p:nvSpPr>
        <p:spPr>
          <a:xfrm>
            <a:off x="4430860" y="1410562"/>
            <a:ext cx="530134" cy="529812"/>
          </a:xfrm>
          <a:custGeom>
            <a:avLst/>
            <a:gdLst>
              <a:gd name="connsiteX0" fmla="*/ 790984 w 1901727"/>
              <a:gd name="connsiteY0" fmla="*/ 0 h 1985875"/>
              <a:gd name="connsiteX1" fmla="*/ 790984 w 1901727"/>
              <a:gd name="connsiteY1" fmla="*/ 0 h 1985875"/>
              <a:gd name="connsiteX2" fmla="*/ 1026596 w 1901727"/>
              <a:gd name="connsiteY2" fmla="*/ 5610 h 1985875"/>
              <a:gd name="connsiteX3" fmla="*/ 1020986 w 1901727"/>
              <a:gd name="connsiteY3" fmla="*/ 493664 h 1985875"/>
              <a:gd name="connsiteX4" fmla="*/ 1172451 w 1901727"/>
              <a:gd name="connsiteY4" fmla="*/ 605860 h 1985875"/>
              <a:gd name="connsiteX5" fmla="*/ 1357575 w 1901727"/>
              <a:gd name="connsiteY5" fmla="*/ 403907 h 1985875"/>
              <a:gd name="connsiteX6" fmla="*/ 1901727 w 1901727"/>
              <a:gd name="connsiteY6" fmla="*/ 1924167 h 1985875"/>
              <a:gd name="connsiteX7" fmla="*/ 992937 w 1901727"/>
              <a:gd name="connsiteY7" fmla="*/ 1480991 h 1985875"/>
              <a:gd name="connsiteX8" fmla="*/ 1054645 w 1901727"/>
              <a:gd name="connsiteY8" fmla="*/ 1121963 h 1985875"/>
              <a:gd name="connsiteX9" fmla="*/ 1088304 w 1901727"/>
              <a:gd name="connsiteY9" fmla="*/ 757325 h 1985875"/>
              <a:gd name="connsiteX10" fmla="*/ 925619 w 1901727"/>
              <a:gd name="connsiteY10" fmla="*/ 633909 h 1985875"/>
              <a:gd name="connsiteX11" fmla="*/ 729276 w 1901727"/>
              <a:gd name="connsiteY11" fmla="*/ 751715 h 1985875"/>
              <a:gd name="connsiteX12" fmla="*/ 740495 w 1901727"/>
              <a:gd name="connsiteY12" fmla="*/ 1161232 h 1985875"/>
              <a:gd name="connsiteX13" fmla="*/ 785374 w 1901727"/>
              <a:gd name="connsiteY13" fmla="*/ 1509040 h 1985875"/>
              <a:gd name="connsiteX14" fmla="*/ 0 w 1901727"/>
              <a:gd name="connsiteY14" fmla="*/ 1985875 h 1985875"/>
              <a:gd name="connsiteX15" fmla="*/ 437565 w 1901727"/>
              <a:gd name="connsiteY15" fmla="*/ 387077 h 1985875"/>
              <a:gd name="connsiteX16" fmla="*/ 650738 w 1901727"/>
              <a:gd name="connsiteY16" fmla="*/ 611470 h 1985875"/>
              <a:gd name="connsiteX17" fmla="*/ 813423 w 1901727"/>
              <a:gd name="connsiteY17" fmla="*/ 499274 h 1985875"/>
              <a:gd name="connsiteX18" fmla="*/ 790984 w 1901727"/>
              <a:gd name="connsiteY18" fmla="*/ 0 h 1985875"/>
              <a:gd name="connsiteX0" fmla="*/ 790984 w 1901727"/>
              <a:gd name="connsiteY0" fmla="*/ 0 h 1985875"/>
              <a:gd name="connsiteX1" fmla="*/ 790984 w 1901727"/>
              <a:gd name="connsiteY1" fmla="*/ 0 h 1985875"/>
              <a:gd name="connsiteX2" fmla="*/ 1026596 w 1901727"/>
              <a:gd name="connsiteY2" fmla="*/ 5610 h 1985875"/>
              <a:gd name="connsiteX3" fmla="*/ 1020986 w 1901727"/>
              <a:gd name="connsiteY3" fmla="*/ 493664 h 1985875"/>
              <a:gd name="connsiteX4" fmla="*/ 1172451 w 1901727"/>
              <a:gd name="connsiteY4" fmla="*/ 605860 h 1985875"/>
              <a:gd name="connsiteX5" fmla="*/ 1357575 w 1901727"/>
              <a:gd name="connsiteY5" fmla="*/ 403907 h 1985875"/>
              <a:gd name="connsiteX6" fmla="*/ 1901727 w 1901727"/>
              <a:gd name="connsiteY6" fmla="*/ 1924167 h 1985875"/>
              <a:gd name="connsiteX7" fmla="*/ 992937 w 1901727"/>
              <a:gd name="connsiteY7" fmla="*/ 1480991 h 1985875"/>
              <a:gd name="connsiteX8" fmla="*/ 1054645 w 1901727"/>
              <a:gd name="connsiteY8" fmla="*/ 1121963 h 1985875"/>
              <a:gd name="connsiteX9" fmla="*/ 1088304 w 1901727"/>
              <a:gd name="connsiteY9" fmla="*/ 757325 h 1985875"/>
              <a:gd name="connsiteX10" fmla="*/ 920009 w 1901727"/>
              <a:gd name="connsiteY10" fmla="*/ 611470 h 1985875"/>
              <a:gd name="connsiteX11" fmla="*/ 729276 w 1901727"/>
              <a:gd name="connsiteY11" fmla="*/ 751715 h 1985875"/>
              <a:gd name="connsiteX12" fmla="*/ 740495 w 1901727"/>
              <a:gd name="connsiteY12" fmla="*/ 1161232 h 1985875"/>
              <a:gd name="connsiteX13" fmla="*/ 785374 w 1901727"/>
              <a:gd name="connsiteY13" fmla="*/ 1509040 h 1985875"/>
              <a:gd name="connsiteX14" fmla="*/ 0 w 1901727"/>
              <a:gd name="connsiteY14" fmla="*/ 1985875 h 1985875"/>
              <a:gd name="connsiteX15" fmla="*/ 437565 w 1901727"/>
              <a:gd name="connsiteY15" fmla="*/ 387077 h 1985875"/>
              <a:gd name="connsiteX16" fmla="*/ 650738 w 1901727"/>
              <a:gd name="connsiteY16" fmla="*/ 611470 h 1985875"/>
              <a:gd name="connsiteX17" fmla="*/ 813423 w 1901727"/>
              <a:gd name="connsiteY17" fmla="*/ 499274 h 1985875"/>
              <a:gd name="connsiteX18" fmla="*/ 790984 w 1901727"/>
              <a:gd name="connsiteY18" fmla="*/ 0 h 1985875"/>
              <a:gd name="connsiteX0" fmla="*/ 790984 w 1901727"/>
              <a:gd name="connsiteY0" fmla="*/ 0 h 1985875"/>
              <a:gd name="connsiteX1" fmla="*/ 790984 w 1901727"/>
              <a:gd name="connsiteY1" fmla="*/ 0 h 1985875"/>
              <a:gd name="connsiteX2" fmla="*/ 1026596 w 1901727"/>
              <a:gd name="connsiteY2" fmla="*/ 5610 h 1985875"/>
              <a:gd name="connsiteX3" fmla="*/ 1020986 w 1901727"/>
              <a:gd name="connsiteY3" fmla="*/ 493664 h 1985875"/>
              <a:gd name="connsiteX4" fmla="*/ 1172451 w 1901727"/>
              <a:gd name="connsiteY4" fmla="*/ 605860 h 1985875"/>
              <a:gd name="connsiteX5" fmla="*/ 1357575 w 1901727"/>
              <a:gd name="connsiteY5" fmla="*/ 403907 h 1985875"/>
              <a:gd name="connsiteX6" fmla="*/ 1901727 w 1901727"/>
              <a:gd name="connsiteY6" fmla="*/ 1924167 h 1985875"/>
              <a:gd name="connsiteX7" fmla="*/ 992937 w 1901727"/>
              <a:gd name="connsiteY7" fmla="*/ 1480991 h 1985875"/>
              <a:gd name="connsiteX8" fmla="*/ 1054645 w 1901727"/>
              <a:gd name="connsiteY8" fmla="*/ 1121963 h 1985875"/>
              <a:gd name="connsiteX9" fmla="*/ 1088304 w 1901727"/>
              <a:gd name="connsiteY9" fmla="*/ 757325 h 1985875"/>
              <a:gd name="connsiteX10" fmla="*/ 920009 w 1901727"/>
              <a:gd name="connsiteY10" fmla="*/ 611470 h 1985875"/>
              <a:gd name="connsiteX11" fmla="*/ 729276 w 1901727"/>
              <a:gd name="connsiteY11" fmla="*/ 751715 h 1985875"/>
              <a:gd name="connsiteX12" fmla="*/ 740495 w 1901727"/>
              <a:gd name="connsiteY12" fmla="*/ 1161232 h 1985875"/>
              <a:gd name="connsiteX13" fmla="*/ 785374 w 1901727"/>
              <a:gd name="connsiteY13" fmla="*/ 1509040 h 1985875"/>
              <a:gd name="connsiteX14" fmla="*/ 0 w 1901727"/>
              <a:gd name="connsiteY14" fmla="*/ 1985875 h 1985875"/>
              <a:gd name="connsiteX15" fmla="*/ 437565 w 1901727"/>
              <a:gd name="connsiteY15" fmla="*/ 387077 h 1985875"/>
              <a:gd name="connsiteX16" fmla="*/ 650738 w 1901727"/>
              <a:gd name="connsiteY16" fmla="*/ 611470 h 1985875"/>
              <a:gd name="connsiteX17" fmla="*/ 813423 w 1901727"/>
              <a:gd name="connsiteY17" fmla="*/ 499274 h 1985875"/>
              <a:gd name="connsiteX18" fmla="*/ 790984 w 1901727"/>
              <a:gd name="connsiteY18" fmla="*/ 0 h 1985875"/>
              <a:gd name="connsiteX0" fmla="*/ 790984 w 1901727"/>
              <a:gd name="connsiteY0" fmla="*/ 0 h 1985875"/>
              <a:gd name="connsiteX1" fmla="*/ 790984 w 1901727"/>
              <a:gd name="connsiteY1" fmla="*/ 0 h 1985875"/>
              <a:gd name="connsiteX2" fmla="*/ 1026596 w 1901727"/>
              <a:gd name="connsiteY2" fmla="*/ 5610 h 1985875"/>
              <a:gd name="connsiteX3" fmla="*/ 1020986 w 1901727"/>
              <a:gd name="connsiteY3" fmla="*/ 493664 h 1985875"/>
              <a:gd name="connsiteX4" fmla="*/ 1172451 w 1901727"/>
              <a:gd name="connsiteY4" fmla="*/ 605860 h 1985875"/>
              <a:gd name="connsiteX5" fmla="*/ 1357575 w 1901727"/>
              <a:gd name="connsiteY5" fmla="*/ 403907 h 1985875"/>
              <a:gd name="connsiteX6" fmla="*/ 1901727 w 1901727"/>
              <a:gd name="connsiteY6" fmla="*/ 1924167 h 1985875"/>
              <a:gd name="connsiteX7" fmla="*/ 992937 w 1901727"/>
              <a:gd name="connsiteY7" fmla="*/ 1480991 h 1985875"/>
              <a:gd name="connsiteX8" fmla="*/ 1054645 w 1901727"/>
              <a:gd name="connsiteY8" fmla="*/ 1121963 h 1985875"/>
              <a:gd name="connsiteX9" fmla="*/ 1088304 w 1901727"/>
              <a:gd name="connsiteY9" fmla="*/ 757325 h 1985875"/>
              <a:gd name="connsiteX10" fmla="*/ 920009 w 1901727"/>
              <a:gd name="connsiteY10" fmla="*/ 611470 h 1985875"/>
              <a:gd name="connsiteX11" fmla="*/ 729276 w 1901727"/>
              <a:gd name="connsiteY11" fmla="*/ 751715 h 1985875"/>
              <a:gd name="connsiteX12" fmla="*/ 740495 w 1901727"/>
              <a:gd name="connsiteY12" fmla="*/ 1161232 h 1985875"/>
              <a:gd name="connsiteX13" fmla="*/ 785374 w 1901727"/>
              <a:gd name="connsiteY13" fmla="*/ 1509040 h 1985875"/>
              <a:gd name="connsiteX14" fmla="*/ 0 w 1901727"/>
              <a:gd name="connsiteY14" fmla="*/ 1985875 h 1985875"/>
              <a:gd name="connsiteX15" fmla="*/ 437565 w 1901727"/>
              <a:gd name="connsiteY15" fmla="*/ 387077 h 1985875"/>
              <a:gd name="connsiteX16" fmla="*/ 650738 w 1901727"/>
              <a:gd name="connsiteY16" fmla="*/ 611470 h 1985875"/>
              <a:gd name="connsiteX17" fmla="*/ 813423 w 1901727"/>
              <a:gd name="connsiteY17" fmla="*/ 499274 h 1985875"/>
              <a:gd name="connsiteX18" fmla="*/ 790984 w 1901727"/>
              <a:gd name="connsiteY18" fmla="*/ 0 h 1985875"/>
              <a:gd name="connsiteX0" fmla="*/ 790984 w 1901727"/>
              <a:gd name="connsiteY0" fmla="*/ 0 h 1985875"/>
              <a:gd name="connsiteX1" fmla="*/ 790984 w 1901727"/>
              <a:gd name="connsiteY1" fmla="*/ 0 h 1985875"/>
              <a:gd name="connsiteX2" fmla="*/ 1026596 w 1901727"/>
              <a:gd name="connsiteY2" fmla="*/ 5610 h 1985875"/>
              <a:gd name="connsiteX3" fmla="*/ 1020986 w 1901727"/>
              <a:gd name="connsiteY3" fmla="*/ 493664 h 1985875"/>
              <a:gd name="connsiteX4" fmla="*/ 1172451 w 1901727"/>
              <a:gd name="connsiteY4" fmla="*/ 605860 h 1985875"/>
              <a:gd name="connsiteX5" fmla="*/ 1351965 w 1901727"/>
              <a:gd name="connsiteY5" fmla="*/ 375858 h 1985875"/>
              <a:gd name="connsiteX6" fmla="*/ 1901727 w 1901727"/>
              <a:gd name="connsiteY6" fmla="*/ 1924167 h 1985875"/>
              <a:gd name="connsiteX7" fmla="*/ 992937 w 1901727"/>
              <a:gd name="connsiteY7" fmla="*/ 1480991 h 1985875"/>
              <a:gd name="connsiteX8" fmla="*/ 1054645 w 1901727"/>
              <a:gd name="connsiteY8" fmla="*/ 1121963 h 1985875"/>
              <a:gd name="connsiteX9" fmla="*/ 1088304 w 1901727"/>
              <a:gd name="connsiteY9" fmla="*/ 757325 h 1985875"/>
              <a:gd name="connsiteX10" fmla="*/ 920009 w 1901727"/>
              <a:gd name="connsiteY10" fmla="*/ 611470 h 1985875"/>
              <a:gd name="connsiteX11" fmla="*/ 729276 w 1901727"/>
              <a:gd name="connsiteY11" fmla="*/ 751715 h 1985875"/>
              <a:gd name="connsiteX12" fmla="*/ 740495 w 1901727"/>
              <a:gd name="connsiteY12" fmla="*/ 1161232 h 1985875"/>
              <a:gd name="connsiteX13" fmla="*/ 785374 w 1901727"/>
              <a:gd name="connsiteY13" fmla="*/ 1509040 h 1985875"/>
              <a:gd name="connsiteX14" fmla="*/ 0 w 1901727"/>
              <a:gd name="connsiteY14" fmla="*/ 1985875 h 1985875"/>
              <a:gd name="connsiteX15" fmla="*/ 437565 w 1901727"/>
              <a:gd name="connsiteY15" fmla="*/ 387077 h 1985875"/>
              <a:gd name="connsiteX16" fmla="*/ 650738 w 1901727"/>
              <a:gd name="connsiteY16" fmla="*/ 611470 h 1985875"/>
              <a:gd name="connsiteX17" fmla="*/ 813423 w 1901727"/>
              <a:gd name="connsiteY17" fmla="*/ 499274 h 1985875"/>
              <a:gd name="connsiteX18" fmla="*/ 790984 w 1901727"/>
              <a:gd name="connsiteY18" fmla="*/ 0 h 1985875"/>
              <a:gd name="connsiteX0" fmla="*/ 790984 w 1901727"/>
              <a:gd name="connsiteY0" fmla="*/ 0 h 1985875"/>
              <a:gd name="connsiteX1" fmla="*/ 790984 w 1901727"/>
              <a:gd name="connsiteY1" fmla="*/ 0 h 1985875"/>
              <a:gd name="connsiteX2" fmla="*/ 1026596 w 1901727"/>
              <a:gd name="connsiteY2" fmla="*/ 5610 h 1985875"/>
              <a:gd name="connsiteX3" fmla="*/ 1020986 w 1901727"/>
              <a:gd name="connsiteY3" fmla="*/ 493664 h 1985875"/>
              <a:gd name="connsiteX4" fmla="*/ 1172451 w 1901727"/>
              <a:gd name="connsiteY4" fmla="*/ 605860 h 1985875"/>
              <a:gd name="connsiteX5" fmla="*/ 1351965 w 1901727"/>
              <a:gd name="connsiteY5" fmla="*/ 375858 h 1985875"/>
              <a:gd name="connsiteX6" fmla="*/ 1901727 w 1901727"/>
              <a:gd name="connsiteY6" fmla="*/ 1924167 h 1985875"/>
              <a:gd name="connsiteX7" fmla="*/ 992937 w 1901727"/>
              <a:gd name="connsiteY7" fmla="*/ 1480991 h 1985875"/>
              <a:gd name="connsiteX8" fmla="*/ 1054645 w 1901727"/>
              <a:gd name="connsiteY8" fmla="*/ 1121963 h 1985875"/>
              <a:gd name="connsiteX9" fmla="*/ 1088304 w 1901727"/>
              <a:gd name="connsiteY9" fmla="*/ 757325 h 1985875"/>
              <a:gd name="connsiteX10" fmla="*/ 920009 w 1901727"/>
              <a:gd name="connsiteY10" fmla="*/ 611470 h 1985875"/>
              <a:gd name="connsiteX11" fmla="*/ 729276 w 1901727"/>
              <a:gd name="connsiteY11" fmla="*/ 751715 h 1985875"/>
              <a:gd name="connsiteX12" fmla="*/ 740495 w 1901727"/>
              <a:gd name="connsiteY12" fmla="*/ 1161232 h 1985875"/>
              <a:gd name="connsiteX13" fmla="*/ 785374 w 1901727"/>
              <a:gd name="connsiteY13" fmla="*/ 1509040 h 1985875"/>
              <a:gd name="connsiteX14" fmla="*/ 0 w 1901727"/>
              <a:gd name="connsiteY14" fmla="*/ 1985875 h 1985875"/>
              <a:gd name="connsiteX15" fmla="*/ 437565 w 1901727"/>
              <a:gd name="connsiteY15" fmla="*/ 387077 h 1985875"/>
              <a:gd name="connsiteX16" fmla="*/ 650738 w 1901727"/>
              <a:gd name="connsiteY16" fmla="*/ 611470 h 1985875"/>
              <a:gd name="connsiteX17" fmla="*/ 813423 w 1901727"/>
              <a:gd name="connsiteY17" fmla="*/ 499274 h 1985875"/>
              <a:gd name="connsiteX18" fmla="*/ 790984 w 1901727"/>
              <a:gd name="connsiteY18" fmla="*/ 0 h 1985875"/>
              <a:gd name="connsiteX0" fmla="*/ 790984 w 1901727"/>
              <a:gd name="connsiteY0" fmla="*/ 0 h 1985875"/>
              <a:gd name="connsiteX1" fmla="*/ 790984 w 1901727"/>
              <a:gd name="connsiteY1" fmla="*/ 0 h 1985875"/>
              <a:gd name="connsiteX2" fmla="*/ 1026596 w 1901727"/>
              <a:gd name="connsiteY2" fmla="*/ 5610 h 1985875"/>
              <a:gd name="connsiteX3" fmla="*/ 1020986 w 1901727"/>
              <a:gd name="connsiteY3" fmla="*/ 493664 h 1985875"/>
              <a:gd name="connsiteX4" fmla="*/ 1155622 w 1901727"/>
              <a:gd name="connsiteY4" fmla="*/ 572201 h 1985875"/>
              <a:gd name="connsiteX5" fmla="*/ 1351965 w 1901727"/>
              <a:gd name="connsiteY5" fmla="*/ 375858 h 1985875"/>
              <a:gd name="connsiteX6" fmla="*/ 1901727 w 1901727"/>
              <a:gd name="connsiteY6" fmla="*/ 1924167 h 1985875"/>
              <a:gd name="connsiteX7" fmla="*/ 992937 w 1901727"/>
              <a:gd name="connsiteY7" fmla="*/ 1480991 h 1985875"/>
              <a:gd name="connsiteX8" fmla="*/ 1054645 w 1901727"/>
              <a:gd name="connsiteY8" fmla="*/ 1121963 h 1985875"/>
              <a:gd name="connsiteX9" fmla="*/ 1088304 w 1901727"/>
              <a:gd name="connsiteY9" fmla="*/ 757325 h 1985875"/>
              <a:gd name="connsiteX10" fmla="*/ 920009 w 1901727"/>
              <a:gd name="connsiteY10" fmla="*/ 611470 h 1985875"/>
              <a:gd name="connsiteX11" fmla="*/ 729276 w 1901727"/>
              <a:gd name="connsiteY11" fmla="*/ 751715 h 1985875"/>
              <a:gd name="connsiteX12" fmla="*/ 740495 w 1901727"/>
              <a:gd name="connsiteY12" fmla="*/ 1161232 h 1985875"/>
              <a:gd name="connsiteX13" fmla="*/ 785374 w 1901727"/>
              <a:gd name="connsiteY13" fmla="*/ 1509040 h 1985875"/>
              <a:gd name="connsiteX14" fmla="*/ 0 w 1901727"/>
              <a:gd name="connsiteY14" fmla="*/ 1985875 h 1985875"/>
              <a:gd name="connsiteX15" fmla="*/ 437565 w 1901727"/>
              <a:gd name="connsiteY15" fmla="*/ 387077 h 1985875"/>
              <a:gd name="connsiteX16" fmla="*/ 650738 w 1901727"/>
              <a:gd name="connsiteY16" fmla="*/ 611470 h 1985875"/>
              <a:gd name="connsiteX17" fmla="*/ 813423 w 1901727"/>
              <a:gd name="connsiteY17" fmla="*/ 499274 h 1985875"/>
              <a:gd name="connsiteX18" fmla="*/ 790984 w 1901727"/>
              <a:gd name="connsiteY18" fmla="*/ 0 h 1985875"/>
              <a:gd name="connsiteX0" fmla="*/ 790984 w 1901727"/>
              <a:gd name="connsiteY0" fmla="*/ 0 h 1985875"/>
              <a:gd name="connsiteX1" fmla="*/ 790984 w 1901727"/>
              <a:gd name="connsiteY1" fmla="*/ 0 h 1985875"/>
              <a:gd name="connsiteX2" fmla="*/ 1026596 w 1901727"/>
              <a:gd name="connsiteY2" fmla="*/ 5610 h 1985875"/>
              <a:gd name="connsiteX3" fmla="*/ 1020986 w 1901727"/>
              <a:gd name="connsiteY3" fmla="*/ 493664 h 1985875"/>
              <a:gd name="connsiteX4" fmla="*/ 1155622 w 1901727"/>
              <a:gd name="connsiteY4" fmla="*/ 572201 h 1985875"/>
              <a:gd name="connsiteX5" fmla="*/ 1351965 w 1901727"/>
              <a:gd name="connsiteY5" fmla="*/ 375858 h 1985875"/>
              <a:gd name="connsiteX6" fmla="*/ 1901727 w 1901727"/>
              <a:gd name="connsiteY6" fmla="*/ 1924167 h 1985875"/>
              <a:gd name="connsiteX7" fmla="*/ 992937 w 1901727"/>
              <a:gd name="connsiteY7" fmla="*/ 1480991 h 1985875"/>
              <a:gd name="connsiteX8" fmla="*/ 1054645 w 1901727"/>
              <a:gd name="connsiteY8" fmla="*/ 1121963 h 1985875"/>
              <a:gd name="connsiteX9" fmla="*/ 1088304 w 1901727"/>
              <a:gd name="connsiteY9" fmla="*/ 757325 h 1985875"/>
              <a:gd name="connsiteX10" fmla="*/ 920009 w 1901727"/>
              <a:gd name="connsiteY10" fmla="*/ 611470 h 1985875"/>
              <a:gd name="connsiteX11" fmla="*/ 729276 w 1901727"/>
              <a:gd name="connsiteY11" fmla="*/ 751715 h 1985875"/>
              <a:gd name="connsiteX12" fmla="*/ 740495 w 1901727"/>
              <a:gd name="connsiteY12" fmla="*/ 1161232 h 1985875"/>
              <a:gd name="connsiteX13" fmla="*/ 785374 w 1901727"/>
              <a:gd name="connsiteY13" fmla="*/ 1509040 h 1985875"/>
              <a:gd name="connsiteX14" fmla="*/ 0 w 1901727"/>
              <a:gd name="connsiteY14" fmla="*/ 1985875 h 1985875"/>
              <a:gd name="connsiteX15" fmla="*/ 437565 w 1901727"/>
              <a:gd name="connsiteY15" fmla="*/ 387077 h 1985875"/>
              <a:gd name="connsiteX16" fmla="*/ 650738 w 1901727"/>
              <a:gd name="connsiteY16" fmla="*/ 611470 h 1985875"/>
              <a:gd name="connsiteX17" fmla="*/ 813423 w 1901727"/>
              <a:gd name="connsiteY17" fmla="*/ 499274 h 1985875"/>
              <a:gd name="connsiteX18" fmla="*/ 790984 w 1901727"/>
              <a:gd name="connsiteY18" fmla="*/ 0 h 1985875"/>
              <a:gd name="connsiteX0" fmla="*/ 790984 w 1901727"/>
              <a:gd name="connsiteY0" fmla="*/ 0 h 1985875"/>
              <a:gd name="connsiteX1" fmla="*/ 790984 w 1901727"/>
              <a:gd name="connsiteY1" fmla="*/ 0 h 1985875"/>
              <a:gd name="connsiteX2" fmla="*/ 1026596 w 1901727"/>
              <a:gd name="connsiteY2" fmla="*/ 5610 h 1985875"/>
              <a:gd name="connsiteX3" fmla="*/ 1020986 w 1901727"/>
              <a:gd name="connsiteY3" fmla="*/ 493664 h 1985875"/>
              <a:gd name="connsiteX4" fmla="*/ 1155622 w 1901727"/>
              <a:gd name="connsiteY4" fmla="*/ 572201 h 1985875"/>
              <a:gd name="connsiteX5" fmla="*/ 1351965 w 1901727"/>
              <a:gd name="connsiteY5" fmla="*/ 375858 h 1985875"/>
              <a:gd name="connsiteX6" fmla="*/ 1901727 w 1901727"/>
              <a:gd name="connsiteY6" fmla="*/ 1924167 h 1985875"/>
              <a:gd name="connsiteX7" fmla="*/ 992937 w 1901727"/>
              <a:gd name="connsiteY7" fmla="*/ 1480991 h 1985875"/>
              <a:gd name="connsiteX8" fmla="*/ 1054645 w 1901727"/>
              <a:gd name="connsiteY8" fmla="*/ 1121963 h 1985875"/>
              <a:gd name="connsiteX9" fmla="*/ 1088304 w 1901727"/>
              <a:gd name="connsiteY9" fmla="*/ 757325 h 1985875"/>
              <a:gd name="connsiteX10" fmla="*/ 920009 w 1901727"/>
              <a:gd name="connsiteY10" fmla="*/ 611470 h 1985875"/>
              <a:gd name="connsiteX11" fmla="*/ 729276 w 1901727"/>
              <a:gd name="connsiteY11" fmla="*/ 751715 h 1985875"/>
              <a:gd name="connsiteX12" fmla="*/ 740495 w 1901727"/>
              <a:gd name="connsiteY12" fmla="*/ 1161232 h 1985875"/>
              <a:gd name="connsiteX13" fmla="*/ 785374 w 1901727"/>
              <a:gd name="connsiteY13" fmla="*/ 1509040 h 1985875"/>
              <a:gd name="connsiteX14" fmla="*/ 0 w 1901727"/>
              <a:gd name="connsiteY14" fmla="*/ 1985875 h 1985875"/>
              <a:gd name="connsiteX15" fmla="*/ 437565 w 1901727"/>
              <a:gd name="connsiteY15" fmla="*/ 387077 h 1985875"/>
              <a:gd name="connsiteX16" fmla="*/ 650738 w 1901727"/>
              <a:gd name="connsiteY16" fmla="*/ 611470 h 1985875"/>
              <a:gd name="connsiteX17" fmla="*/ 813423 w 1901727"/>
              <a:gd name="connsiteY17" fmla="*/ 499274 h 1985875"/>
              <a:gd name="connsiteX18" fmla="*/ 790984 w 1901727"/>
              <a:gd name="connsiteY18" fmla="*/ 0 h 1985875"/>
              <a:gd name="connsiteX0" fmla="*/ 790984 w 1942424"/>
              <a:gd name="connsiteY0" fmla="*/ 0 h 1985875"/>
              <a:gd name="connsiteX1" fmla="*/ 790984 w 1942424"/>
              <a:gd name="connsiteY1" fmla="*/ 0 h 1985875"/>
              <a:gd name="connsiteX2" fmla="*/ 1026596 w 1942424"/>
              <a:gd name="connsiteY2" fmla="*/ 5610 h 1985875"/>
              <a:gd name="connsiteX3" fmla="*/ 1020986 w 1942424"/>
              <a:gd name="connsiteY3" fmla="*/ 493664 h 1985875"/>
              <a:gd name="connsiteX4" fmla="*/ 1155622 w 1942424"/>
              <a:gd name="connsiteY4" fmla="*/ 572201 h 1985875"/>
              <a:gd name="connsiteX5" fmla="*/ 1351965 w 1942424"/>
              <a:gd name="connsiteY5" fmla="*/ 375858 h 1985875"/>
              <a:gd name="connsiteX6" fmla="*/ 1901727 w 1942424"/>
              <a:gd name="connsiteY6" fmla="*/ 1924167 h 1985875"/>
              <a:gd name="connsiteX7" fmla="*/ 992937 w 1942424"/>
              <a:gd name="connsiteY7" fmla="*/ 1480991 h 1985875"/>
              <a:gd name="connsiteX8" fmla="*/ 1054645 w 1942424"/>
              <a:gd name="connsiteY8" fmla="*/ 1121963 h 1985875"/>
              <a:gd name="connsiteX9" fmla="*/ 1088304 w 1942424"/>
              <a:gd name="connsiteY9" fmla="*/ 757325 h 1985875"/>
              <a:gd name="connsiteX10" fmla="*/ 920009 w 1942424"/>
              <a:gd name="connsiteY10" fmla="*/ 611470 h 1985875"/>
              <a:gd name="connsiteX11" fmla="*/ 729276 w 1942424"/>
              <a:gd name="connsiteY11" fmla="*/ 751715 h 1985875"/>
              <a:gd name="connsiteX12" fmla="*/ 740495 w 1942424"/>
              <a:gd name="connsiteY12" fmla="*/ 1161232 h 1985875"/>
              <a:gd name="connsiteX13" fmla="*/ 785374 w 1942424"/>
              <a:gd name="connsiteY13" fmla="*/ 1509040 h 1985875"/>
              <a:gd name="connsiteX14" fmla="*/ 0 w 1942424"/>
              <a:gd name="connsiteY14" fmla="*/ 1985875 h 1985875"/>
              <a:gd name="connsiteX15" fmla="*/ 437565 w 1942424"/>
              <a:gd name="connsiteY15" fmla="*/ 387077 h 1985875"/>
              <a:gd name="connsiteX16" fmla="*/ 650738 w 1942424"/>
              <a:gd name="connsiteY16" fmla="*/ 611470 h 1985875"/>
              <a:gd name="connsiteX17" fmla="*/ 813423 w 1942424"/>
              <a:gd name="connsiteY17" fmla="*/ 499274 h 1985875"/>
              <a:gd name="connsiteX18" fmla="*/ 790984 w 1942424"/>
              <a:gd name="connsiteY18" fmla="*/ 0 h 1985875"/>
              <a:gd name="connsiteX0" fmla="*/ 790984 w 1942424"/>
              <a:gd name="connsiteY0" fmla="*/ 0 h 1985875"/>
              <a:gd name="connsiteX1" fmla="*/ 790984 w 1942424"/>
              <a:gd name="connsiteY1" fmla="*/ 0 h 1985875"/>
              <a:gd name="connsiteX2" fmla="*/ 1026596 w 1942424"/>
              <a:gd name="connsiteY2" fmla="*/ 5610 h 1985875"/>
              <a:gd name="connsiteX3" fmla="*/ 1020986 w 1942424"/>
              <a:gd name="connsiteY3" fmla="*/ 493664 h 1985875"/>
              <a:gd name="connsiteX4" fmla="*/ 1155622 w 1942424"/>
              <a:gd name="connsiteY4" fmla="*/ 572201 h 1985875"/>
              <a:gd name="connsiteX5" fmla="*/ 1351965 w 1942424"/>
              <a:gd name="connsiteY5" fmla="*/ 375858 h 1985875"/>
              <a:gd name="connsiteX6" fmla="*/ 1901727 w 1942424"/>
              <a:gd name="connsiteY6" fmla="*/ 1924167 h 1985875"/>
              <a:gd name="connsiteX7" fmla="*/ 992937 w 1942424"/>
              <a:gd name="connsiteY7" fmla="*/ 1480991 h 1985875"/>
              <a:gd name="connsiteX8" fmla="*/ 1054645 w 1942424"/>
              <a:gd name="connsiteY8" fmla="*/ 1121963 h 1985875"/>
              <a:gd name="connsiteX9" fmla="*/ 1088304 w 1942424"/>
              <a:gd name="connsiteY9" fmla="*/ 757325 h 1985875"/>
              <a:gd name="connsiteX10" fmla="*/ 920009 w 1942424"/>
              <a:gd name="connsiteY10" fmla="*/ 611470 h 1985875"/>
              <a:gd name="connsiteX11" fmla="*/ 729276 w 1942424"/>
              <a:gd name="connsiteY11" fmla="*/ 751715 h 1985875"/>
              <a:gd name="connsiteX12" fmla="*/ 740495 w 1942424"/>
              <a:gd name="connsiteY12" fmla="*/ 1161232 h 1985875"/>
              <a:gd name="connsiteX13" fmla="*/ 785374 w 1942424"/>
              <a:gd name="connsiteY13" fmla="*/ 1509040 h 1985875"/>
              <a:gd name="connsiteX14" fmla="*/ 0 w 1942424"/>
              <a:gd name="connsiteY14" fmla="*/ 1985875 h 1985875"/>
              <a:gd name="connsiteX15" fmla="*/ 437565 w 1942424"/>
              <a:gd name="connsiteY15" fmla="*/ 387077 h 1985875"/>
              <a:gd name="connsiteX16" fmla="*/ 650738 w 1942424"/>
              <a:gd name="connsiteY16" fmla="*/ 611470 h 1985875"/>
              <a:gd name="connsiteX17" fmla="*/ 813423 w 1942424"/>
              <a:gd name="connsiteY17" fmla="*/ 499274 h 1985875"/>
              <a:gd name="connsiteX18" fmla="*/ 790984 w 194242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992937 w 1946874"/>
              <a:gd name="connsiteY7" fmla="*/ 1480991 h 1985875"/>
              <a:gd name="connsiteX8" fmla="*/ 1054645 w 1946874"/>
              <a:gd name="connsiteY8" fmla="*/ 1121963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992937 w 1946874"/>
              <a:gd name="connsiteY7" fmla="*/ 1480991 h 1985875"/>
              <a:gd name="connsiteX8" fmla="*/ 1054645 w 1946874"/>
              <a:gd name="connsiteY8" fmla="*/ 1121963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992937 w 1946874"/>
              <a:gd name="connsiteY7" fmla="*/ 1480991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992937 w 1946874"/>
              <a:gd name="connsiteY7" fmla="*/ 1480991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992937 w 1946874"/>
              <a:gd name="connsiteY7" fmla="*/ 1480991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992937 w 1946874"/>
              <a:gd name="connsiteY7" fmla="*/ 1480991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992937 w 1946874"/>
              <a:gd name="connsiteY7" fmla="*/ 1480991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992937 w 1946874"/>
              <a:gd name="connsiteY7" fmla="*/ 1480991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71474 w 1946874"/>
              <a:gd name="connsiteY7" fmla="*/ 1480991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61232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44403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44403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44403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37565 w 1946874"/>
              <a:gd name="connsiteY15" fmla="*/ 387077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44403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20736 w 1946874"/>
              <a:gd name="connsiteY15" fmla="*/ 375858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790984 w 1946874"/>
              <a:gd name="connsiteY0" fmla="*/ 0 h 1985875"/>
              <a:gd name="connsiteX1" fmla="*/ 790984 w 1946874"/>
              <a:gd name="connsiteY1" fmla="*/ 0 h 1985875"/>
              <a:gd name="connsiteX2" fmla="*/ 1026596 w 1946874"/>
              <a:gd name="connsiteY2" fmla="*/ 5610 h 1985875"/>
              <a:gd name="connsiteX3" fmla="*/ 1020986 w 1946874"/>
              <a:gd name="connsiteY3" fmla="*/ 493664 h 1985875"/>
              <a:gd name="connsiteX4" fmla="*/ 1155622 w 1946874"/>
              <a:gd name="connsiteY4" fmla="*/ 572201 h 1985875"/>
              <a:gd name="connsiteX5" fmla="*/ 1351965 w 1946874"/>
              <a:gd name="connsiteY5" fmla="*/ 375858 h 1985875"/>
              <a:gd name="connsiteX6" fmla="*/ 1901727 w 1946874"/>
              <a:gd name="connsiteY6" fmla="*/ 1924167 h 1985875"/>
              <a:gd name="connsiteX7" fmla="*/ 1054644 w 1946874"/>
              <a:gd name="connsiteY7" fmla="*/ 1486600 h 1985875"/>
              <a:gd name="connsiteX8" fmla="*/ 1037816 w 1946874"/>
              <a:gd name="connsiteY8" fmla="*/ 1144403 h 1985875"/>
              <a:gd name="connsiteX9" fmla="*/ 1088304 w 1946874"/>
              <a:gd name="connsiteY9" fmla="*/ 757325 h 1985875"/>
              <a:gd name="connsiteX10" fmla="*/ 920009 w 1946874"/>
              <a:gd name="connsiteY10" fmla="*/ 611470 h 1985875"/>
              <a:gd name="connsiteX11" fmla="*/ 729276 w 1946874"/>
              <a:gd name="connsiteY11" fmla="*/ 751715 h 1985875"/>
              <a:gd name="connsiteX12" fmla="*/ 740495 w 1946874"/>
              <a:gd name="connsiteY12" fmla="*/ 1161232 h 1985875"/>
              <a:gd name="connsiteX13" fmla="*/ 785374 w 1946874"/>
              <a:gd name="connsiteY13" fmla="*/ 1509040 h 1985875"/>
              <a:gd name="connsiteX14" fmla="*/ 0 w 1946874"/>
              <a:gd name="connsiteY14" fmla="*/ 1985875 h 1985875"/>
              <a:gd name="connsiteX15" fmla="*/ 420736 w 1946874"/>
              <a:gd name="connsiteY15" fmla="*/ 375858 h 1985875"/>
              <a:gd name="connsiteX16" fmla="*/ 650738 w 1946874"/>
              <a:gd name="connsiteY16" fmla="*/ 611470 h 1985875"/>
              <a:gd name="connsiteX17" fmla="*/ 813423 w 1946874"/>
              <a:gd name="connsiteY17" fmla="*/ 499274 h 1985875"/>
              <a:gd name="connsiteX18" fmla="*/ 790984 w 1946874"/>
              <a:gd name="connsiteY18" fmla="*/ 0 h 1985875"/>
              <a:gd name="connsiteX0" fmla="*/ 858302 w 2014192"/>
              <a:gd name="connsiteY0" fmla="*/ 0 h 1958316"/>
              <a:gd name="connsiteX1" fmla="*/ 858302 w 2014192"/>
              <a:gd name="connsiteY1" fmla="*/ 0 h 1958316"/>
              <a:gd name="connsiteX2" fmla="*/ 1093914 w 2014192"/>
              <a:gd name="connsiteY2" fmla="*/ 5610 h 1958316"/>
              <a:gd name="connsiteX3" fmla="*/ 1088304 w 2014192"/>
              <a:gd name="connsiteY3" fmla="*/ 493664 h 1958316"/>
              <a:gd name="connsiteX4" fmla="*/ 1222940 w 2014192"/>
              <a:gd name="connsiteY4" fmla="*/ 572201 h 1958316"/>
              <a:gd name="connsiteX5" fmla="*/ 1419283 w 2014192"/>
              <a:gd name="connsiteY5" fmla="*/ 375858 h 1958316"/>
              <a:gd name="connsiteX6" fmla="*/ 1969045 w 2014192"/>
              <a:gd name="connsiteY6" fmla="*/ 1924167 h 1958316"/>
              <a:gd name="connsiteX7" fmla="*/ 1121962 w 2014192"/>
              <a:gd name="connsiteY7" fmla="*/ 1486600 h 1958316"/>
              <a:gd name="connsiteX8" fmla="*/ 1105134 w 2014192"/>
              <a:gd name="connsiteY8" fmla="*/ 1144403 h 1958316"/>
              <a:gd name="connsiteX9" fmla="*/ 1155622 w 2014192"/>
              <a:gd name="connsiteY9" fmla="*/ 757325 h 1958316"/>
              <a:gd name="connsiteX10" fmla="*/ 987327 w 2014192"/>
              <a:gd name="connsiteY10" fmla="*/ 611470 h 1958316"/>
              <a:gd name="connsiteX11" fmla="*/ 796594 w 2014192"/>
              <a:gd name="connsiteY11" fmla="*/ 751715 h 1958316"/>
              <a:gd name="connsiteX12" fmla="*/ 807813 w 2014192"/>
              <a:gd name="connsiteY12" fmla="*/ 1161232 h 1958316"/>
              <a:gd name="connsiteX13" fmla="*/ 852692 w 2014192"/>
              <a:gd name="connsiteY13" fmla="*/ 1509040 h 1958316"/>
              <a:gd name="connsiteX14" fmla="*/ 0 w 2014192"/>
              <a:gd name="connsiteY14" fmla="*/ 1952216 h 1958316"/>
              <a:gd name="connsiteX15" fmla="*/ 488054 w 2014192"/>
              <a:gd name="connsiteY15" fmla="*/ 375858 h 1958316"/>
              <a:gd name="connsiteX16" fmla="*/ 718056 w 2014192"/>
              <a:gd name="connsiteY16" fmla="*/ 611470 h 1958316"/>
              <a:gd name="connsiteX17" fmla="*/ 880741 w 2014192"/>
              <a:gd name="connsiteY17" fmla="*/ 499274 h 1958316"/>
              <a:gd name="connsiteX18" fmla="*/ 858302 w 2014192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941893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941893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930674 w 2103393"/>
              <a:gd name="connsiteY13" fmla="*/ 1480991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930674 w 2103393"/>
              <a:gd name="connsiteY13" fmla="*/ 1480991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930674 w 2103393"/>
              <a:gd name="connsiteY13" fmla="*/ 1480991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930674 w 2103393"/>
              <a:gd name="connsiteY13" fmla="*/ 1480991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930674 w 2103393"/>
              <a:gd name="connsiteY13" fmla="*/ 1480991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897014 w 2103393"/>
              <a:gd name="connsiteY12" fmla="*/ 1161232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919453 w 2103393"/>
              <a:gd name="connsiteY12" fmla="*/ 1189281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919453 w 2103393"/>
              <a:gd name="connsiteY12" fmla="*/ 1189281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194335 w 2103393"/>
              <a:gd name="connsiteY8" fmla="*/ 1144403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919453 w 2103393"/>
              <a:gd name="connsiteY12" fmla="*/ 1189281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227994 w 2103393"/>
              <a:gd name="connsiteY8" fmla="*/ 1194891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919453 w 2103393"/>
              <a:gd name="connsiteY12" fmla="*/ 1189281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8316"/>
              <a:gd name="connsiteX1" fmla="*/ 947503 w 2103393"/>
              <a:gd name="connsiteY1" fmla="*/ 0 h 1958316"/>
              <a:gd name="connsiteX2" fmla="*/ 1183115 w 2103393"/>
              <a:gd name="connsiteY2" fmla="*/ 5610 h 1958316"/>
              <a:gd name="connsiteX3" fmla="*/ 1177505 w 2103393"/>
              <a:gd name="connsiteY3" fmla="*/ 493664 h 1958316"/>
              <a:gd name="connsiteX4" fmla="*/ 1312141 w 2103393"/>
              <a:gd name="connsiteY4" fmla="*/ 572201 h 1958316"/>
              <a:gd name="connsiteX5" fmla="*/ 1508484 w 2103393"/>
              <a:gd name="connsiteY5" fmla="*/ 375858 h 1958316"/>
              <a:gd name="connsiteX6" fmla="*/ 2058246 w 2103393"/>
              <a:gd name="connsiteY6" fmla="*/ 1924167 h 1958316"/>
              <a:gd name="connsiteX7" fmla="*/ 1211163 w 2103393"/>
              <a:gd name="connsiteY7" fmla="*/ 1486600 h 1958316"/>
              <a:gd name="connsiteX8" fmla="*/ 1227994 w 2103393"/>
              <a:gd name="connsiteY8" fmla="*/ 1194891 h 1958316"/>
              <a:gd name="connsiteX9" fmla="*/ 1244823 w 2103393"/>
              <a:gd name="connsiteY9" fmla="*/ 757325 h 1958316"/>
              <a:gd name="connsiteX10" fmla="*/ 1076528 w 2103393"/>
              <a:gd name="connsiteY10" fmla="*/ 611470 h 1958316"/>
              <a:gd name="connsiteX11" fmla="*/ 885795 w 2103393"/>
              <a:gd name="connsiteY11" fmla="*/ 751715 h 1958316"/>
              <a:gd name="connsiteX12" fmla="*/ 919453 w 2103393"/>
              <a:gd name="connsiteY12" fmla="*/ 1189281 h 1958316"/>
              <a:gd name="connsiteX13" fmla="*/ 891405 w 2103393"/>
              <a:gd name="connsiteY13" fmla="*/ 1509040 h 1958316"/>
              <a:gd name="connsiteX14" fmla="*/ 89201 w 2103393"/>
              <a:gd name="connsiteY14" fmla="*/ 1952216 h 1958316"/>
              <a:gd name="connsiteX15" fmla="*/ 577255 w 2103393"/>
              <a:gd name="connsiteY15" fmla="*/ 375858 h 1958316"/>
              <a:gd name="connsiteX16" fmla="*/ 807257 w 2103393"/>
              <a:gd name="connsiteY16" fmla="*/ 611470 h 1958316"/>
              <a:gd name="connsiteX17" fmla="*/ 969942 w 2103393"/>
              <a:gd name="connsiteY17" fmla="*/ 499274 h 1958316"/>
              <a:gd name="connsiteX18" fmla="*/ 947503 w 2103393"/>
              <a:gd name="connsiteY18" fmla="*/ 0 h 1958316"/>
              <a:gd name="connsiteX0" fmla="*/ 947503 w 2103393"/>
              <a:gd name="connsiteY0" fmla="*/ 0 h 1959848"/>
              <a:gd name="connsiteX1" fmla="*/ 947503 w 2103393"/>
              <a:gd name="connsiteY1" fmla="*/ 0 h 1959848"/>
              <a:gd name="connsiteX2" fmla="*/ 1183115 w 2103393"/>
              <a:gd name="connsiteY2" fmla="*/ 5610 h 1959848"/>
              <a:gd name="connsiteX3" fmla="*/ 1177505 w 2103393"/>
              <a:gd name="connsiteY3" fmla="*/ 493664 h 1959848"/>
              <a:gd name="connsiteX4" fmla="*/ 1312141 w 2103393"/>
              <a:gd name="connsiteY4" fmla="*/ 572201 h 1959848"/>
              <a:gd name="connsiteX5" fmla="*/ 1508484 w 2103393"/>
              <a:gd name="connsiteY5" fmla="*/ 375858 h 1959848"/>
              <a:gd name="connsiteX6" fmla="*/ 2058246 w 2103393"/>
              <a:gd name="connsiteY6" fmla="*/ 1924167 h 1959848"/>
              <a:gd name="connsiteX7" fmla="*/ 1211163 w 2103393"/>
              <a:gd name="connsiteY7" fmla="*/ 1486600 h 1959848"/>
              <a:gd name="connsiteX8" fmla="*/ 1227994 w 2103393"/>
              <a:gd name="connsiteY8" fmla="*/ 1194891 h 1959848"/>
              <a:gd name="connsiteX9" fmla="*/ 1244823 w 2103393"/>
              <a:gd name="connsiteY9" fmla="*/ 757325 h 1959848"/>
              <a:gd name="connsiteX10" fmla="*/ 1076528 w 2103393"/>
              <a:gd name="connsiteY10" fmla="*/ 611470 h 1959848"/>
              <a:gd name="connsiteX11" fmla="*/ 885795 w 2103393"/>
              <a:gd name="connsiteY11" fmla="*/ 751715 h 1959848"/>
              <a:gd name="connsiteX12" fmla="*/ 919453 w 2103393"/>
              <a:gd name="connsiteY12" fmla="*/ 1189281 h 1959848"/>
              <a:gd name="connsiteX13" fmla="*/ 891405 w 2103393"/>
              <a:gd name="connsiteY13" fmla="*/ 1509040 h 1959848"/>
              <a:gd name="connsiteX14" fmla="*/ 89201 w 2103393"/>
              <a:gd name="connsiteY14" fmla="*/ 1952216 h 1959848"/>
              <a:gd name="connsiteX15" fmla="*/ 577255 w 2103393"/>
              <a:gd name="connsiteY15" fmla="*/ 375858 h 1959848"/>
              <a:gd name="connsiteX16" fmla="*/ 807257 w 2103393"/>
              <a:gd name="connsiteY16" fmla="*/ 611470 h 1959848"/>
              <a:gd name="connsiteX17" fmla="*/ 969942 w 2103393"/>
              <a:gd name="connsiteY17" fmla="*/ 499274 h 1959848"/>
              <a:gd name="connsiteX18" fmla="*/ 947503 w 2103393"/>
              <a:gd name="connsiteY18" fmla="*/ 0 h 1959848"/>
              <a:gd name="connsiteX0" fmla="*/ 947503 w 2103393"/>
              <a:gd name="connsiteY0" fmla="*/ 0 h 1959848"/>
              <a:gd name="connsiteX1" fmla="*/ 947503 w 2103393"/>
              <a:gd name="connsiteY1" fmla="*/ 0 h 1959848"/>
              <a:gd name="connsiteX2" fmla="*/ 1183115 w 2103393"/>
              <a:gd name="connsiteY2" fmla="*/ 5610 h 1959848"/>
              <a:gd name="connsiteX3" fmla="*/ 1177505 w 2103393"/>
              <a:gd name="connsiteY3" fmla="*/ 493664 h 1959848"/>
              <a:gd name="connsiteX4" fmla="*/ 1312141 w 2103393"/>
              <a:gd name="connsiteY4" fmla="*/ 572201 h 1959848"/>
              <a:gd name="connsiteX5" fmla="*/ 1508484 w 2103393"/>
              <a:gd name="connsiteY5" fmla="*/ 375858 h 1959848"/>
              <a:gd name="connsiteX6" fmla="*/ 2058246 w 2103393"/>
              <a:gd name="connsiteY6" fmla="*/ 1924167 h 1959848"/>
              <a:gd name="connsiteX7" fmla="*/ 1211163 w 2103393"/>
              <a:gd name="connsiteY7" fmla="*/ 1486600 h 1959848"/>
              <a:gd name="connsiteX8" fmla="*/ 1222384 w 2103393"/>
              <a:gd name="connsiteY8" fmla="*/ 1178062 h 1959848"/>
              <a:gd name="connsiteX9" fmla="*/ 1244823 w 2103393"/>
              <a:gd name="connsiteY9" fmla="*/ 757325 h 1959848"/>
              <a:gd name="connsiteX10" fmla="*/ 1076528 w 2103393"/>
              <a:gd name="connsiteY10" fmla="*/ 611470 h 1959848"/>
              <a:gd name="connsiteX11" fmla="*/ 885795 w 2103393"/>
              <a:gd name="connsiteY11" fmla="*/ 751715 h 1959848"/>
              <a:gd name="connsiteX12" fmla="*/ 919453 w 2103393"/>
              <a:gd name="connsiteY12" fmla="*/ 1189281 h 1959848"/>
              <a:gd name="connsiteX13" fmla="*/ 891405 w 2103393"/>
              <a:gd name="connsiteY13" fmla="*/ 1509040 h 1959848"/>
              <a:gd name="connsiteX14" fmla="*/ 89201 w 2103393"/>
              <a:gd name="connsiteY14" fmla="*/ 1952216 h 1959848"/>
              <a:gd name="connsiteX15" fmla="*/ 577255 w 2103393"/>
              <a:gd name="connsiteY15" fmla="*/ 375858 h 1959848"/>
              <a:gd name="connsiteX16" fmla="*/ 807257 w 2103393"/>
              <a:gd name="connsiteY16" fmla="*/ 611470 h 1959848"/>
              <a:gd name="connsiteX17" fmla="*/ 969942 w 2103393"/>
              <a:gd name="connsiteY17" fmla="*/ 499274 h 1959848"/>
              <a:gd name="connsiteX18" fmla="*/ 947503 w 2103393"/>
              <a:gd name="connsiteY18" fmla="*/ 0 h 1959848"/>
              <a:gd name="connsiteX0" fmla="*/ 947503 w 2103393"/>
              <a:gd name="connsiteY0" fmla="*/ 0 h 1959848"/>
              <a:gd name="connsiteX1" fmla="*/ 947503 w 2103393"/>
              <a:gd name="connsiteY1" fmla="*/ 0 h 1959848"/>
              <a:gd name="connsiteX2" fmla="*/ 1183115 w 2103393"/>
              <a:gd name="connsiteY2" fmla="*/ 5610 h 1959848"/>
              <a:gd name="connsiteX3" fmla="*/ 1177505 w 2103393"/>
              <a:gd name="connsiteY3" fmla="*/ 493664 h 1959848"/>
              <a:gd name="connsiteX4" fmla="*/ 1312141 w 2103393"/>
              <a:gd name="connsiteY4" fmla="*/ 572201 h 1959848"/>
              <a:gd name="connsiteX5" fmla="*/ 1508484 w 2103393"/>
              <a:gd name="connsiteY5" fmla="*/ 375858 h 1959848"/>
              <a:gd name="connsiteX6" fmla="*/ 2058246 w 2103393"/>
              <a:gd name="connsiteY6" fmla="*/ 1924167 h 1959848"/>
              <a:gd name="connsiteX7" fmla="*/ 1211163 w 2103393"/>
              <a:gd name="connsiteY7" fmla="*/ 1486600 h 1959848"/>
              <a:gd name="connsiteX8" fmla="*/ 1205554 w 2103393"/>
              <a:gd name="connsiteY8" fmla="*/ 1200502 h 1959848"/>
              <a:gd name="connsiteX9" fmla="*/ 1244823 w 2103393"/>
              <a:gd name="connsiteY9" fmla="*/ 757325 h 1959848"/>
              <a:gd name="connsiteX10" fmla="*/ 1076528 w 2103393"/>
              <a:gd name="connsiteY10" fmla="*/ 611470 h 1959848"/>
              <a:gd name="connsiteX11" fmla="*/ 885795 w 2103393"/>
              <a:gd name="connsiteY11" fmla="*/ 751715 h 1959848"/>
              <a:gd name="connsiteX12" fmla="*/ 919453 w 2103393"/>
              <a:gd name="connsiteY12" fmla="*/ 1189281 h 1959848"/>
              <a:gd name="connsiteX13" fmla="*/ 891405 w 2103393"/>
              <a:gd name="connsiteY13" fmla="*/ 1509040 h 1959848"/>
              <a:gd name="connsiteX14" fmla="*/ 89201 w 2103393"/>
              <a:gd name="connsiteY14" fmla="*/ 1952216 h 1959848"/>
              <a:gd name="connsiteX15" fmla="*/ 577255 w 2103393"/>
              <a:gd name="connsiteY15" fmla="*/ 375858 h 1959848"/>
              <a:gd name="connsiteX16" fmla="*/ 807257 w 2103393"/>
              <a:gd name="connsiteY16" fmla="*/ 611470 h 1959848"/>
              <a:gd name="connsiteX17" fmla="*/ 969942 w 2103393"/>
              <a:gd name="connsiteY17" fmla="*/ 499274 h 1959848"/>
              <a:gd name="connsiteX18" fmla="*/ 947503 w 2103393"/>
              <a:gd name="connsiteY18" fmla="*/ 0 h 1959848"/>
              <a:gd name="connsiteX0" fmla="*/ 947503 w 2103393"/>
              <a:gd name="connsiteY0" fmla="*/ 0 h 1959848"/>
              <a:gd name="connsiteX1" fmla="*/ 947503 w 2103393"/>
              <a:gd name="connsiteY1" fmla="*/ 0 h 1959848"/>
              <a:gd name="connsiteX2" fmla="*/ 1183115 w 2103393"/>
              <a:gd name="connsiteY2" fmla="*/ 5610 h 1959848"/>
              <a:gd name="connsiteX3" fmla="*/ 1177505 w 2103393"/>
              <a:gd name="connsiteY3" fmla="*/ 493664 h 1959848"/>
              <a:gd name="connsiteX4" fmla="*/ 1312141 w 2103393"/>
              <a:gd name="connsiteY4" fmla="*/ 572201 h 1959848"/>
              <a:gd name="connsiteX5" fmla="*/ 1508484 w 2103393"/>
              <a:gd name="connsiteY5" fmla="*/ 375858 h 1959848"/>
              <a:gd name="connsiteX6" fmla="*/ 2058246 w 2103393"/>
              <a:gd name="connsiteY6" fmla="*/ 1924167 h 1959848"/>
              <a:gd name="connsiteX7" fmla="*/ 1211163 w 2103393"/>
              <a:gd name="connsiteY7" fmla="*/ 1486600 h 1959848"/>
              <a:gd name="connsiteX8" fmla="*/ 1205554 w 2103393"/>
              <a:gd name="connsiteY8" fmla="*/ 1200502 h 1959848"/>
              <a:gd name="connsiteX9" fmla="*/ 1244823 w 2103393"/>
              <a:gd name="connsiteY9" fmla="*/ 757325 h 1959848"/>
              <a:gd name="connsiteX10" fmla="*/ 1076528 w 2103393"/>
              <a:gd name="connsiteY10" fmla="*/ 611470 h 1959848"/>
              <a:gd name="connsiteX11" fmla="*/ 885795 w 2103393"/>
              <a:gd name="connsiteY11" fmla="*/ 751715 h 1959848"/>
              <a:gd name="connsiteX12" fmla="*/ 919453 w 2103393"/>
              <a:gd name="connsiteY12" fmla="*/ 1189281 h 1959848"/>
              <a:gd name="connsiteX13" fmla="*/ 891405 w 2103393"/>
              <a:gd name="connsiteY13" fmla="*/ 1509040 h 1959848"/>
              <a:gd name="connsiteX14" fmla="*/ 89201 w 2103393"/>
              <a:gd name="connsiteY14" fmla="*/ 1952216 h 1959848"/>
              <a:gd name="connsiteX15" fmla="*/ 577255 w 2103393"/>
              <a:gd name="connsiteY15" fmla="*/ 375858 h 1959848"/>
              <a:gd name="connsiteX16" fmla="*/ 807257 w 2103393"/>
              <a:gd name="connsiteY16" fmla="*/ 611470 h 1959848"/>
              <a:gd name="connsiteX17" fmla="*/ 969942 w 2103393"/>
              <a:gd name="connsiteY17" fmla="*/ 499274 h 1959848"/>
              <a:gd name="connsiteX18" fmla="*/ 947503 w 2103393"/>
              <a:gd name="connsiteY18" fmla="*/ 0 h 1959848"/>
              <a:gd name="connsiteX0" fmla="*/ 947503 w 2103393"/>
              <a:gd name="connsiteY0" fmla="*/ 0 h 1959848"/>
              <a:gd name="connsiteX1" fmla="*/ 947503 w 2103393"/>
              <a:gd name="connsiteY1" fmla="*/ 0 h 1959848"/>
              <a:gd name="connsiteX2" fmla="*/ 1183115 w 2103393"/>
              <a:gd name="connsiteY2" fmla="*/ 5610 h 1959848"/>
              <a:gd name="connsiteX3" fmla="*/ 1177505 w 2103393"/>
              <a:gd name="connsiteY3" fmla="*/ 493664 h 1959848"/>
              <a:gd name="connsiteX4" fmla="*/ 1312141 w 2103393"/>
              <a:gd name="connsiteY4" fmla="*/ 572201 h 1959848"/>
              <a:gd name="connsiteX5" fmla="*/ 1508484 w 2103393"/>
              <a:gd name="connsiteY5" fmla="*/ 375858 h 1959848"/>
              <a:gd name="connsiteX6" fmla="*/ 2058246 w 2103393"/>
              <a:gd name="connsiteY6" fmla="*/ 1924167 h 1959848"/>
              <a:gd name="connsiteX7" fmla="*/ 1211163 w 2103393"/>
              <a:gd name="connsiteY7" fmla="*/ 1486600 h 1959848"/>
              <a:gd name="connsiteX8" fmla="*/ 1205554 w 2103393"/>
              <a:gd name="connsiteY8" fmla="*/ 1200502 h 1959848"/>
              <a:gd name="connsiteX9" fmla="*/ 1244823 w 2103393"/>
              <a:gd name="connsiteY9" fmla="*/ 757325 h 1959848"/>
              <a:gd name="connsiteX10" fmla="*/ 1076528 w 2103393"/>
              <a:gd name="connsiteY10" fmla="*/ 611470 h 1959848"/>
              <a:gd name="connsiteX11" fmla="*/ 885795 w 2103393"/>
              <a:gd name="connsiteY11" fmla="*/ 751715 h 1959848"/>
              <a:gd name="connsiteX12" fmla="*/ 919453 w 2103393"/>
              <a:gd name="connsiteY12" fmla="*/ 1189281 h 1959848"/>
              <a:gd name="connsiteX13" fmla="*/ 891405 w 2103393"/>
              <a:gd name="connsiteY13" fmla="*/ 1509040 h 1959848"/>
              <a:gd name="connsiteX14" fmla="*/ 89201 w 2103393"/>
              <a:gd name="connsiteY14" fmla="*/ 1952216 h 1959848"/>
              <a:gd name="connsiteX15" fmla="*/ 577255 w 2103393"/>
              <a:gd name="connsiteY15" fmla="*/ 375858 h 1959848"/>
              <a:gd name="connsiteX16" fmla="*/ 807257 w 2103393"/>
              <a:gd name="connsiteY16" fmla="*/ 611470 h 1959848"/>
              <a:gd name="connsiteX17" fmla="*/ 969942 w 2103393"/>
              <a:gd name="connsiteY17" fmla="*/ 499274 h 1959848"/>
              <a:gd name="connsiteX18" fmla="*/ 947503 w 2103393"/>
              <a:gd name="connsiteY18" fmla="*/ 0 h 1959848"/>
              <a:gd name="connsiteX0" fmla="*/ 947503 w 2103393"/>
              <a:gd name="connsiteY0" fmla="*/ 0 h 1959848"/>
              <a:gd name="connsiteX1" fmla="*/ 947503 w 2103393"/>
              <a:gd name="connsiteY1" fmla="*/ 0 h 1959848"/>
              <a:gd name="connsiteX2" fmla="*/ 1183115 w 2103393"/>
              <a:gd name="connsiteY2" fmla="*/ 5610 h 1959848"/>
              <a:gd name="connsiteX3" fmla="*/ 1177505 w 2103393"/>
              <a:gd name="connsiteY3" fmla="*/ 493664 h 1959848"/>
              <a:gd name="connsiteX4" fmla="*/ 1312141 w 2103393"/>
              <a:gd name="connsiteY4" fmla="*/ 572201 h 1959848"/>
              <a:gd name="connsiteX5" fmla="*/ 1508484 w 2103393"/>
              <a:gd name="connsiteY5" fmla="*/ 375858 h 1959848"/>
              <a:gd name="connsiteX6" fmla="*/ 2058246 w 2103393"/>
              <a:gd name="connsiteY6" fmla="*/ 1924167 h 1959848"/>
              <a:gd name="connsiteX7" fmla="*/ 1211163 w 2103393"/>
              <a:gd name="connsiteY7" fmla="*/ 1486600 h 1959848"/>
              <a:gd name="connsiteX8" fmla="*/ 1205554 w 2103393"/>
              <a:gd name="connsiteY8" fmla="*/ 1200502 h 1959848"/>
              <a:gd name="connsiteX9" fmla="*/ 1244823 w 2103393"/>
              <a:gd name="connsiteY9" fmla="*/ 757325 h 1959848"/>
              <a:gd name="connsiteX10" fmla="*/ 1076528 w 2103393"/>
              <a:gd name="connsiteY10" fmla="*/ 611470 h 1959848"/>
              <a:gd name="connsiteX11" fmla="*/ 885795 w 2103393"/>
              <a:gd name="connsiteY11" fmla="*/ 751715 h 1959848"/>
              <a:gd name="connsiteX12" fmla="*/ 919453 w 2103393"/>
              <a:gd name="connsiteY12" fmla="*/ 1189281 h 1959848"/>
              <a:gd name="connsiteX13" fmla="*/ 891405 w 2103393"/>
              <a:gd name="connsiteY13" fmla="*/ 1509040 h 1959848"/>
              <a:gd name="connsiteX14" fmla="*/ 89201 w 2103393"/>
              <a:gd name="connsiteY14" fmla="*/ 1952216 h 1959848"/>
              <a:gd name="connsiteX15" fmla="*/ 577255 w 2103393"/>
              <a:gd name="connsiteY15" fmla="*/ 375858 h 1959848"/>
              <a:gd name="connsiteX16" fmla="*/ 807257 w 2103393"/>
              <a:gd name="connsiteY16" fmla="*/ 611470 h 1959848"/>
              <a:gd name="connsiteX17" fmla="*/ 969942 w 2103393"/>
              <a:gd name="connsiteY17" fmla="*/ 499274 h 1959848"/>
              <a:gd name="connsiteX18" fmla="*/ 947503 w 2103393"/>
              <a:gd name="connsiteY18" fmla="*/ 0 h 1959848"/>
              <a:gd name="connsiteX0" fmla="*/ 947503 w 2103393"/>
              <a:gd name="connsiteY0" fmla="*/ 0 h 1959848"/>
              <a:gd name="connsiteX1" fmla="*/ 947503 w 2103393"/>
              <a:gd name="connsiteY1" fmla="*/ 0 h 1959848"/>
              <a:gd name="connsiteX2" fmla="*/ 1183115 w 2103393"/>
              <a:gd name="connsiteY2" fmla="*/ 5610 h 1959848"/>
              <a:gd name="connsiteX3" fmla="*/ 1177505 w 2103393"/>
              <a:gd name="connsiteY3" fmla="*/ 493664 h 1959848"/>
              <a:gd name="connsiteX4" fmla="*/ 1312141 w 2103393"/>
              <a:gd name="connsiteY4" fmla="*/ 572201 h 1959848"/>
              <a:gd name="connsiteX5" fmla="*/ 1508484 w 2103393"/>
              <a:gd name="connsiteY5" fmla="*/ 375858 h 1959848"/>
              <a:gd name="connsiteX6" fmla="*/ 2058246 w 2103393"/>
              <a:gd name="connsiteY6" fmla="*/ 1924167 h 1959848"/>
              <a:gd name="connsiteX7" fmla="*/ 1211163 w 2103393"/>
              <a:gd name="connsiteY7" fmla="*/ 1486600 h 1959848"/>
              <a:gd name="connsiteX8" fmla="*/ 1205554 w 2103393"/>
              <a:gd name="connsiteY8" fmla="*/ 1200502 h 1959848"/>
              <a:gd name="connsiteX9" fmla="*/ 1244823 w 2103393"/>
              <a:gd name="connsiteY9" fmla="*/ 757325 h 1959848"/>
              <a:gd name="connsiteX10" fmla="*/ 1076528 w 2103393"/>
              <a:gd name="connsiteY10" fmla="*/ 611470 h 1959848"/>
              <a:gd name="connsiteX11" fmla="*/ 885795 w 2103393"/>
              <a:gd name="connsiteY11" fmla="*/ 751715 h 1959848"/>
              <a:gd name="connsiteX12" fmla="*/ 919453 w 2103393"/>
              <a:gd name="connsiteY12" fmla="*/ 1189281 h 1959848"/>
              <a:gd name="connsiteX13" fmla="*/ 891405 w 2103393"/>
              <a:gd name="connsiteY13" fmla="*/ 1509040 h 1959848"/>
              <a:gd name="connsiteX14" fmla="*/ 89201 w 2103393"/>
              <a:gd name="connsiteY14" fmla="*/ 1952216 h 1959848"/>
              <a:gd name="connsiteX15" fmla="*/ 577255 w 2103393"/>
              <a:gd name="connsiteY15" fmla="*/ 375858 h 1959848"/>
              <a:gd name="connsiteX16" fmla="*/ 807257 w 2103393"/>
              <a:gd name="connsiteY16" fmla="*/ 611470 h 1959848"/>
              <a:gd name="connsiteX17" fmla="*/ 969942 w 2103393"/>
              <a:gd name="connsiteY17" fmla="*/ 499274 h 1959848"/>
              <a:gd name="connsiteX18" fmla="*/ 947503 w 2103393"/>
              <a:gd name="connsiteY18" fmla="*/ 0 h 1959848"/>
              <a:gd name="connsiteX0" fmla="*/ 947503 w 2103393"/>
              <a:gd name="connsiteY0" fmla="*/ 0 h 1959848"/>
              <a:gd name="connsiteX1" fmla="*/ 947503 w 2103393"/>
              <a:gd name="connsiteY1" fmla="*/ 0 h 1959848"/>
              <a:gd name="connsiteX2" fmla="*/ 1183115 w 2103393"/>
              <a:gd name="connsiteY2" fmla="*/ 5610 h 1959848"/>
              <a:gd name="connsiteX3" fmla="*/ 1177505 w 2103393"/>
              <a:gd name="connsiteY3" fmla="*/ 493664 h 1959848"/>
              <a:gd name="connsiteX4" fmla="*/ 1312141 w 2103393"/>
              <a:gd name="connsiteY4" fmla="*/ 572201 h 1959848"/>
              <a:gd name="connsiteX5" fmla="*/ 1508484 w 2103393"/>
              <a:gd name="connsiteY5" fmla="*/ 375858 h 1959848"/>
              <a:gd name="connsiteX6" fmla="*/ 2058246 w 2103393"/>
              <a:gd name="connsiteY6" fmla="*/ 1924167 h 1959848"/>
              <a:gd name="connsiteX7" fmla="*/ 1211163 w 2103393"/>
              <a:gd name="connsiteY7" fmla="*/ 1486600 h 1959848"/>
              <a:gd name="connsiteX8" fmla="*/ 1205554 w 2103393"/>
              <a:gd name="connsiteY8" fmla="*/ 1200502 h 1959848"/>
              <a:gd name="connsiteX9" fmla="*/ 1244823 w 2103393"/>
              <a:gd name="connsiteY9" fmla="*/ 757325 h 1959848"/>
              <a:gd name="connsiteX10" fmla="*/ 1076528 w 2103393"/>
              <a:gd name="connsiteY10" fmla="*/ 611470 h 1959848"/>
              <a:gd name="connsiteX11" fmla="*/ 885795 w 2103393"/>
              <a:gd name="connsiteY11" fmla="*/ 751715 h 1959848"/>
              <a:gd name="connsiteX12" fmla="*/ 919453 w 2103393"/>
              <a:gd name="connsiteY12" fmla="*/ 1189281 h 1959848"/>
              <a:gd name="connsiteX13" fmla="*/ 891405 w 2103393"/>
              <a:gd name="connsiteY13" fmla="*/ 1509040 h 1959848"/>
              <a:gd name="connsiteX14" fmla="*/ 89201 w 2103393"/>
              <a:gd name="connsiteY14" fmla="*/ 1952216 h 1959848"/>
              <a:gd name="connsiteX15" fmla="*/ 577255 w 2103393"/>
              <a:gd name="connsiteY15" fmla="*/ 375858 h 1959848"/>
              <a:gd name="connsiteX16" fmla="*/ 807257 w 2103393"/>
              <a:gd name="connsiteY16" fmla="*/ 611470 h 1959848"/>
              <a:gd name="connsiteX17" fmla="*/ 969942 w 2103393"/>
              <a:gd name="connsiteY17" fmla="*/ 499274 h 1959848"/>
              <a:gd name="connsiteX18" fmla="*/ 947503 w 2103393"/>
              <a:gd name="connsiteY18" fmla="*/ 0 h 1959848"/>
              <a:gd name="connsiteX0" fmla="*/ 947503 w 2103393"/>
              <a:gd name="connsiteY0" fmla="*/ 0 h 1961617"/>
              <a:gd name="connsiteX1" fmla="*/ 947503 w 2103393"/>
              <a:gd name="connsiteY1" fmla="*/ 0 h 1961617"/>
              <a:gd name="connsiteX2" fmla="*/ 1183115 w 2103393"/>
              <a:gd name="connsiteY2" fmla="*/ 5610 h 1961617"/>
              <a:gd name="connsiteX3" fmla="*/ 1177505 w 2103393"/>
              <a:gd name="connsiteY3" fmla="*/ 493664 h 1961617"/>
              <a:gd name="connsiteX4" fmla="*/ 1312141 w 2103393"/>
              <a:gd name="connsiteY4" fmla="*/ 572201 h 1961617"/>
              <a:gd name="connsiteX5" fmla="*/ 1508484 w 2103393"/>
              <a:gd name="connsiteY5" fmla="*/ 375858 h 1961617"/>
              <a:gd name="connsiteX6" fmla="*/ 2058246 w 2103393"/>
              <a:gd name="connsiteY6" fmla="*/ 1924167 h 1961617"/>
              <a:gd name="connsiteX7" fmla="*/ 1244822 w 2103393"/>
              <a:gd name="connsiteY7" fmla="*/ 1514649 h 1961617"/>
              <a:gd name="connsiteX8" fmla="*/ 1205554 w 2103393"/>
              <a:gd name="connsiteY8" fmla="*/ 1200502 h 1961617"/>
              <a:gd name="connsiteX9" fmla="*/ 1244823 w 2103393"/>
              <a:gd name="connsiteY9" fmla="*/ 757325 h 1961617"/>
              <a:gd name="connsiteX10" fmla="*/ 1076528 w 2103393"/>
              <a:gd name="connsiteY10" fmla="*/ 611470 h 1961617"/>
              <a:gd name="connsiteX11" fmla="*/ 885795 w 2103393"/>
              <a:gd name="connsiteY11" fmla="*/ 751715 h 1961617"/>
              <a:gd name="connsiteX12" fmla="*/ 919453 w 2103393"/>
              <a:gd name="connsiteY12" fmla="*/ 1189281 h 1961617"/>
              <a:gd name="connsiteX13" fmla="*/ 891405 w 2103393"/>
              <a:gd name="connsiteY13" fmla="*/ 1509040 h 1961617"/>
              <a:gd name="connsiteX14" fmla="*/ 89201 w 2103393"/>
              <a:gd name="connsiteY14" fmla="*/ 1952216 h 1961617"/>
              <a:gd name="connsiteX15" fmla="*/ 577255 w 2103393"/>
              <a:gd name="connsiteY15" fmla="*/ 375858 h 1961617"/>
              <a:gd name="connsiteX16" fmla="*/ 807257 w 2103393"/>
              <a:gd name="connsiteY16" fmla="*/ 611470 h 1961617"/>
              <a:gd name="connsiteX17" fmla="*/ 969942 w 2103393"/>
              <a:gd name="connsiteY17" fmla="*/ 499274 h 1961617"/>
              <a:gd name="connsiteX18" fmla="*/ 947503 w 2103393"/>
              <a:gd name="connsiteY18" fmla="*/ 0 h 1961617"/>
              <a:gd name="connsiteX0" fmla="*/ 947503 w 2103393"/>
              <a:gd name="connsiteY0" fmla="*/ 0 h 1961617"/>
              <a:gd name="connsiteX1" fmla="*/ 947503 w 2103393"/>
              <a:gd name="connsiteY1" fmla="*/ 0 h 1961617"/>
              <a:gd name="connsiteX2" fmla="*/ 1183115 w 2103393"/>
              <a:gd name="connsiteY2" fmla="*/ 5610 h 1961617"/>
              <a:gd name="connsiteX3" fmla="*/ 1177505 w 2103393"/>
              <a:gd name="connsiteY3" fmla="*/ 493664 h 1961617"/>
              <a:gd name="connsiteX4" fmla="*/ 1312141 w 2103393"/>
              <a:gd name="connsiteY4" fmla="*/ 572201 h 1961617"/>
              <a:gd name="connsiteX5" fmla="*/ 1508484 w 2103393"/>
              <a:gd name="connsiteY5" fmla="*/ 375858 h 1961617"/>
              <a:gd name="connsiteX6" fmla="*/ 2058246 w 2103393"/>
              <a:gd name="connsiteY6" fmla="*/ 1924167 h 1961617"/>
              <a:gd name="connsiteX7" fmla="*/ 1244822 w 2103393"/>
              <a:gd name="connsiteY7" fmla="*/ 1514649 h 1961617"/>
              <a:gd name="connsiteX8" fmla="*/ 1205554 w 2103393"/>
              <a:gd name="connsiteY8" fmla="*/ 1200502 h 1961617"/>
              <a:gd name="connsiteX9" fmla="*/ 1244823 w 2103393"/>
              <a:gd name="connsiteY9" fmla="*/ 757325 h 1961617"/>
              <a:gd name="connsiteX10" fmla="*/ 1076528 w 2103393"/>
              <a:gd name="connsiteY10" fmla="*/ 611470 h 1961617"/>
              <a:gd name="connsiteX11" fmla="*/ 885795 w 2103393"/>
              <a:gd name="connsiteY11" fmla="*/ 751715 h 1961617"/>
              <a:gd name="connsiteX12" fmla="*/ 919453 w 2103393"/>
              <a:gd name="connsiteY12" fmla="*/ 1189281 h 1961617"/>
              <a:gd name="connsiteX13" fmla="*/ 891405 w 2103393"/>
              <a:gd name="connsiteY13" fmla="*/ 1509040 h 1961617"/>
              <a:gd name="connsiteX14" fmla="*/ 89201 w 2103393"/>
              <a:gd name="connsiteY14" fmla="*/ 1952216 h 1961617"/>
              <a:gd name="connsiteX15" fmla="*/ 577255 w 2103393"/>
              <a:gd name="connsiteY15" fmla="*/ 375858 h 1961617"/>
              <a:gd name="connsiteX16" fmla="*/ 807257 w 2103393"/>
              <a:gd name="connsiteY16" fmla="*/ 611470 h 1961617"/>
              <a:gd name="connsiteX17" fmla="*/ 969942 w 2103393"/>
              <a:gd name="connsiteY17" fmla="*/ 499274 h 1961617"/>
              <a:gd name="connsiteX18" fmla="*/ 947503 w 2103393"/>
              <a:gd name="connsiteY18" fmla="*/ 0 h 1961617"/>
              <a:gd name="connsiteX0" fmla="*/ 947503 w 2103393"/>
              <a:gd name="connsiteY0" fmla="*/ 0 h 1963064"/>
              <a:gd name="connsiteX1" fmla="*/ 947503 w 2103393"/>
              <a:gd name="connsiteY1" fmla="*/ 0 h 1963064"/>
              <a:gd name="connsiteX2" fmla="*/ 1183115 w 2103393"/>
              <a:gd name="connsiteY2" fmla="*/ 5610 h 1963064"/>
              <a:gd name="connsiteX3" fmla="*/ 1177505 w 2103393"/>
              <a:gd name="connsiteY3" fmla="*/ 493664 h 1963064"/>
              <a:gd name="connsiteX4" fmla="*/ 1312141 w 2103393"/>
              <a:gd name="connsiteY4" fmla="*/ 572201 h 1963064"/>
              <a:gd name="connsiteX5" fmla="*/ 1508484 w 2103393"/>
              <a:gd name="connsiteY5" fmla="*/ 375858 h 1963064"/>
              <a:gd name="connsiteX6" fmla="*/ 2058246 w 2103393"/>
              <a:gd name="connsiteY6" fmla="*/ 1924167 h 1963064"/>
              <a:gd name="connsiteX7" fmla="*/ 1244822 w 2103393"/>
              <a:gd name="connsiteY7" fmla="*/ 1514649 h 1963064"/>
              <a:gd name="connsiteX8" fmla="*/ 1205554 w 2103393"/>
              <a:gd name="connsiteY8" fmla="*/ 1200502 h 1963064"/>
              <a:gd name="connsiteX9" fmla="*/ 1244823 w 2103393"/>
              <a:gd name="connsiteY9" fmla="*/ 757325 h 1963064"/>
              <a:gd name="connsiteX10" fmla="*/ 1076528 w 2103393"/>
              <a:gd name="connsiteY10" fmla="*/ 611470 h 1963064"/>
              <a:gd name="connsiteX11" fmla="*/ 885795 w 2103393"/>
              <a:gd name="connsiteY11" fmla="*/ 751715 h 1963064"/>
              <a:gd name="connsiteX12" fmla="*/ 919453 w 2103393"/>
              <a:gd name="connsiteY12" fmla="*/ 1189281 h 1963064"/>
              <a:gd name="connsiteX13" fmla="*/ 891405 w 2103393"/>
              <a:gd name="connsiteY13" fmla="*/ 1509040 h 1963064"/>
              <a:gd name="connsiteX14" fmla="*/ 89201 w 2103393"/>
              <a:gd name="connsiteY14" fmla="*/ 1952216 h 1963064"/>
              <a:gd name="connsiteX15" fmla="*/ 577255 w 2103393"/>
              <a:gd name="connsiteY15" fmla="*/ 375858 h 1963064"/>
              <a:gd name="connsiteX16" fmla="*/ 807257 w 2103393"/>
              <a:gd name="connsiteY16" fmla="*/ 611470 h 1963064"/>
              <a:gd name="connsiteX17" fmla="*/ 969942 w 2103393"/>
              <a:gd name="connsiteY17" fmla="*/ 499274 h 1963064"/>
              <a:gd name="connsiteX18" fmla="*/ 947503 w 2103393"/>
              <a:gd name="connsiteY18" fmla="*/ 0 h 1963064"/>
              <a:gd name="connsiteX0" fmla="*/ 947503 w 2103393"/>
              <a:gd name="connsiteY0" fmla="*/ 0 h 1964995"/>
              <a:gd name="connsiteX1" fmla="*/ 947503 w 2103393"/>
              <a:gd name="connsiteY1" fmla="*/ 0 h 1964995"/>
              <a:gd name="connsiteX2" fmla="*/ 1183115 w 2103393"/>
              <a:gd name="connsiteY2" fmla="*/ 5610 h 1964995"/>
              <a:gd name="connsiteX3" fmla="*/ 1177505 w 2103393"/>
              <a:gd name="connsiteY3" fmla="*/ 493664 h 1964995"/>
              <a:gd name="connsiteX4" fmla="*/ 1312141 w 2103393"/>
              <a:gd name="connsiteY4" fmla="*/ 572201 h 1964995"/>
              <a:gd name="connsiteX5" fmla="*/ 1508484 w 2103393"/>
              <a:gd name="connsiteY5" fmla="*/ 375858 h 1964995"/>
              <a:gd name="connsiteX6" fmla="*/ 2058246 w 2103393"/>
              <a:gd name="connsiteY6" fmla="*/ 1924167 h 1964995"/>
              <a:gd name="connsiteX7" fmla="*/ 1244822 w 2103393"/>
              <a:gd name="connsiteY7" fmla="*/ 1514649 h 1964995"/>
              <a:gd name="connsiteX8" fmla="*/ 1205554 w 2103393"/>
              <a:gd name="connsiteY8" fmla="*/ 1200502 h 1964995"/>
              <a:gd name="connsiteX9" fmla="*/ 1244823 w 2103393"/>
              <a:gd name="connsiteY9" fmla="*/ 757325 h 1964995"/>
              <a:gd name="connsiteX10" fmla="*/ 1076528 w 2103393"/>
              <a:gd name="connsiteY10" fmla="*/ 611470 h 1964995"/>
              <a:gd name="connsiteX11" fmla="*/ 885795 w 2103393"/>
              <a:gd name="connsiteY11" fmla="*/ 751715 h 1964995"/>
              <a:gd name="connsiteX12" fmla="*/ 919453 w 2103393"/>
              <a:gd name="connsiteY12" fmla="*/ 1189281 h 1964995"/>
              <a:gd name="connsiteX13" fmla="*/ 891405 w 2103393"/>
              <a:gd name="connsiteY13" fmla="*/ 1509040 h 1964995"/>
              <a:gd name="connsiteX14" fmla="*/ 89201 w 2103393"/>
              <a:gd name="connsiteY14" fmla="*/ 1952216 h 1964995"/>
              <a:gd name="connsiteX15" fmla="*/ 577255 w 2103393"/>
              <a:gd name="connsiteY15" fmla="*/ 375858 h 1964995"/>
              <a:gd name="connsiteX16" fmla="*/ 807257 w 2103393"/>
              <a:gd name="connsiteY16" fmla="*/ 611470 h 1964995"/>
              <a:gd name="connsiteX17" fmla="*/ 969942 w 2103393"/>
              <a:gd name="connsiteY17" fmla="*/ 499274 h 1964995"/>
              <a:gd name="connsiteX18" fmla="*/ 947503 w 2103393"/>
              <a:gd name="connsiteY18" fmla="*/ 0 h 1964995"/>
              <a:gd name="connsiteX0" fmla="*/ 947503 w 2103393"/>
              <a:gd name="connsiteY0" fmla="*/ 13781 h 1978776"/>
              <a:gd name="connsiteX1" fmla="*/ 947503 w 2103393"/>
              <a:gd name="connsiteY1" fmla="*/ 13781 h 1978776"/>
              <a:gd name="connsiteX2" fmla="*/ 1183115 w 2103393"/>
              <a:gd name="connsiteY2" fmla="*/ 19391 h 1978776"/>
              <a:gd name="connsiteX3" fmla="*/ 1177505 w 2103393"/>
              <a:gd name="connsiteY3" fmla="*/ 507445 h 1978776"/>
              <a:gd name="connsiteX4" fmla="*/ 1312141 w 2103393"/>
              <a:gd name="connsiteY4" fmla="*/ 585982 h 1978776"/>
              <a:gd name="connsiteX5" fmla="*/ 1508484 w 2103393"/>
              <a:gd name="connsiteY5" fmla="*/ 389639 h 1978776"/>
              <a:gd name="connsiteX6" fmla="*/ 2058246 w 2103393"/>
              <a:gd name="connsiteY6" fmla="*/ 1937948 h 1978776"/>
              <a:gd name="connsiteX7" fmla="*/ 1244822 w 2103393"/>
              <a:gd name="connsiteY7" fmla="*/ 1528430 h 1978776"/>
              <a:gd name="connsiteX8" fmla="*/ 1205554 w 2103393"/>
              <a:gd name="connsiteY8" fmla="*/ 1214283 h 1978776"/>
              <a:gd name="connsiteX9" fmla="*/ 1244823 w 2103393"/>
              <a:gd name="connsiteY9" fmla="*/ 771106 h 1978776"/>
              <a:gd name="connsiteX10" fmla="*/ 1076528 w 2103393"/>
              <a:gd name="connsiteY10" fmla="*/ 625251 h 1978776"/>
              <a:gd name="connsiteX11" fmla="*/ 885795 w 2103393"/>
              <a:gd name="connsiteY11" fmla="*/ 765496 h 1978776"/>
              <a:gd name="connsiteX12" fmla="*/ 919453 w 2103393"/>
              <a:gd name="connsiteY12" fmla="*/ 1203062 h 1978776"/>
              <a:gd name="connsiteX13" fmla="*/ 891405 w 2103393"/>
              <a:gd name="connsiteY13" fmla="*/ 1522821 h 1978776"/>
              <a:gd name="connsiteX14" fmla="*/ 89201 w 2103393"/>
              <a:gd name="connsiteY14" fmla="*/ 1965997 h 1978776"/>
              <a:gd name="connsiteX15" fmla="*/ 577255 w 2103393"/>
              <a:gd name="connsiteY15" fmla="*/ 389639 h 1978776"/>
              <a:gd name="connsiteX16" fmla="*/ 807257 w 2103393"/>
              <a:gd name="connsiteY16" fmla="*/ 625251 h 1978776"/>
              <a:gd name="connsiteX17" fmla="*/ 969942 w 2103393"/>
              <a:gd name="connsiteY17" fmla="*/ 513055 h 1978776"/>
              <a:gd name="connsiteX18" fmla="*/ 947503 w 2103393"/>
              <a:gd name="connsiteY18" fmla="*/ 13781 h 1978776"/>
              <a:gd name="connsiteX0" fmla="*/ 964333 w 2103393"/>
              <a:gd name="connsiteY0" fmla="*/ 55026 h 1980752"/>
              <a:gd name="connsiteX1" fmla="*/ 947503 w 2103393"/>
              <a:gd name="connsiteY1" fmla="*/ 15757 h 1980752"/>
              <a:gd name="connsiteX2" fmla="*/ 1183115 w 2103393"/>
              <a:gd name="connsiteY2" fmla="*/ 21367 h 1980752"/>
              <a:gd name="connsiteX3" fmla="*/ 1177505 w 2103393"/>
              <a:gd name="connsiteY3" fmla="*/ 509421 h 1980752"/>
              <a:gd name="connsiteX4" fmla="*/ 1312141 w 2103393"/>
              <a:gd name="connsiteY4" fmla="*/ 587958 h 1980752"/>
              <a:gd name="connsiteX5" fmla="*/ 1508484 w 2103393"/>
              <a:gd name="connsiteY5" fmla="*/ 391615 h 1980752"/>
              <a:gd name="connsiteX6" fmla="*/ 2058246 w 2103393"/>
              <a:gd name="connsiteY6" fmla="*/ 1939924 h 1980752"/>
              <a:gd name="connsiteX7" fmla="*/ 1244822 w 2103393"/>
              <a:gd name="connsiteY7" fmla="*/ 1530406 h 1980752"/>
              <a:gd name="connsiteX8" fmla="*/ 1205554 w 2103393"/>
              <a:gd name="connsiteY8" fmla="*/ 1216259 h 1980752"/>
              <a:gd name="connsiteX9" fmla="*/ 1244823 w 2103393"/>
              <a:gd name="connsiteY9" fmla="*/ 773082 h 1980752"/>
              <a:gd name="connsiteX10" fmla="*/ 1076528 w 2103393"/>
              <a:gd name="connsiteY10" fmla="*/ 627227 h 1980752"/>
              <a:gd name="connsiteX11" fmla="*/ 885795 w 2103393"/>
              <a:gd name="connsiteY11" fmla="*/ 767472 h 1980752"/>
              <a:gd name="connsiteX12" fmla="*/ 919453 w 2103393"/>
              <a:gd name="connsiteY12" fmla="*/ 1205038 h 1980752"/>
              <a:gd name="connsiteX13" fmla="*/ 891405 w 2103393"/>
              <a:gd name="connsiteY13" fmla="*/ 1524797 h 1980752"/>
              <a:gd name="connsiteX14" fmla="*/ 89201 w 2103393"/>
              <a:gd name="connsiteY14" fmla="*/ 1967973 h 1980752"/>
              <a:gd name="connsiteX15" fmla="*/ 577255 w 2103393"/>
              <a:gd name="connsiteY15" fmla="*/ 391615 h 1980752"/>
              <a:gd name="connsiteX16" fmla="*/ 807257 w 2103393"/>
              <a:gd name="connsiteY16" fmla="*/ 627227 h 1980752"/>
              <a:gd name="connsiteX17" fmla="*/ 969942 w 2103393"/>
              <a:gd name="connsiteY17" fmla="*/ 515031 h 1980752"/>
              <a:gd name="connsiteX18" fmla="*/ 964333 w 2103393"/>
              <a:gd name="connsiteY18" fmla="*/ 55026 h 1980752"/>
              <a:gd name="connsiteX0" fmla="*/ 913845 w 2103393"/>
              <a:gd name="connsiteY0" fmla="*/ 72662 h 1981559"/>
              <a:gd name="connsiteX1" fmla="*/ 947503 w 2103393"/>
              <a:gd name="connsiteY1" fmla="*/ 16564 h 1981559"/>
              <a:gd name="connsiteX2" fmla="*/ 1183115 w 2103393"/>
              <a:gd name="connsiteY2" fmla="*/ 22174 h 1981559"/>
              <a:gd name="connsiteX3" fmla="*/ 1177505 w 2103393"/>
              <a:gd name="connsiteY3" fmla="*/ 510228 h 1981559"/>
              <a:gd name="connsiteX4" fmla="*/ 1312141 w 2103393"/>
              <a:gd name="connsiteY4" fmla="*/ 588765 h 1981559"/>
              <a:gd name="connsiteX5" fmla="*/ 1508484 w 2103393"/>
              <a:gd name="connsiteY5" fmla="*/ 392422 h 1981559"/>
              <a:gd name="connsiteX6" fmla="*/ 2058246 w 2103393"/>
              <a:gd name="connsiteY6" fmla="*/ 1940731 h 1981559"/>
              <a:gd name="connsiteX7" fmla="*/ 1244822 w 2103393"/>
              <a:gd name="connsiteY7" fmla="*/ 1531213 h 1981559"/>
              <a:gd name="connsiteX8" fmla="*/ 1205554 w 2103393"/>
              <a:gd name="connsiteY8" fmla="*/ 1217066 h 1981559"/>
              <a:gd name="connsiteX9" fmla="*/ 1244823 w 2103393"/>
              <a:gd name="connsiteY9" fmla="*/ 773889 h 1981559"/>
              <a:gd name="connsiteX10" fmla="*/ 1076528 w 2103393"/>
              <a:gd name="connsiteY10" fmla="*/ 628034 h 1981559"/>
              <a:gd name="connsiteX11" fmla="*/ 885795 w 2103393"/>
              <a:gd name="connsiteY11" fmla="*/ 768279 h 1981559"/>
              <a:gd name="connsiteX12" fmla="*/ 919453 w 2103393"/>
              <a:gd name="connsiteY12" fmla="*/ 1205845 h 1981559"/>
              <a:gd name="connsiteX13" fmla="*/ 891405 w 2103393"/>
              <a:gd name="connsiteY13" fmla="*/ 1525604 h 1981559"/>
              <a:gd name="connsiteX14" fmla="*/ 89201 w 2103393"/>
              <a:gd name="connsiteY14" fmla="*/ 1968780 h 1981559"/>
              <a:gd name="connsiteX15" fmla="*/ 577255 w 2103393"/>
              <a:gd name="connsiteY15" fmla="*/ 392422 h 1981559"/>
              <a:gd name="connsiteX16" fmla="*/ 807257 w 2103393"/>
              <a:gd name="connsiteY16" fmla="*/ 628034 h 1981559"/>
              <a:gd name="connsiteX17" fmla="*/ 969942 w 2103393"/>
              <a:gd name="connsiteY17" fmla="*/ 515838 h 1981559"/>
              <a:gd name="connsiteX18" fmla="*/ 913845 w 2103393"/>
              <a:gd name="connsiteY18" fmla="*/ 72662 h 1981559"/>
              <a:gd name="connsiteX0" fmla="*/ 913845 w 2103393"/>
              <a:gd name="connsiteY0" fmla="*/ 103017 h 2011914"/>
              <a:gd name="connsiteX1" fmla="*/ 1003601 w 2103393"/>
              <a:gd name="connsiteY1" fmla="*/ 2040 h 2011914"/>
              <a:gd name="connsiteX2" fmla="*/ 1183115 w 2103393"/>
              <a:gd name="connsiteY2" fmla="*/ 52529 h 2011914"/>
              <a:gd name="connsiteX3" fmla="*/ 1177505 w 2103393"/>
              <a:gd name="connsiteY3" fmla="*/ 540583 h 2011914"/>
              <a:gd name="connsiteX4" fmla="*/ 1312141 w 2103393"/>
              <a:gd name="connsiteY4" fmla="*/ 619120 h 2011914"/>
              <a:gd name="connsiteX5" fmla="*/ 1508484 w 2103393"/>
              <a:gd name="connsiteY5" fmla="*/ 422777 h 2011914"/>
              <a:gd name="connsiteX6" fmla="*/ 2058246 w 2103393"/>
              <a:gd name="connsiteY6" fmla="*/ 1971086 h 2011914"/>
              <a:gd name="connsiteX7" fmla="*/ 1244822 w 2103393"/>
              <a:gd name="connsiteY7" fmla="*/ 1561568 h 2011914"/>
              <a:gd name="connsiteX8" fmla="*/ 1205554 w 2103393"/>
              <a:gd name="connsiteY8" fmla="*/ 1247421 h 2011914"/>
              <a:gd name="connsiteX9" fmla="*/ 1244823 w 2103393"/>
              <a:gd name="connsiteY9" fmla="*/ 804244 h 2011914"/>
              <a:gd name="connsiteX10" fmla="*/ 1076528 w 2103393"/>
              <a:gd name="connsiteY10" fmla="*/ 658389 h 2011914"/>
              <a:gd name="connsiteX11" fmla="*/ 885795 w 2103393"/>
              <a:gd name="connsiteY11" fmla="*/ 798634 h 2011914"/>
              <a:gd name="connsiteX12" fmla="*/ 919453 w 2103393"/>
              <a:gd name="connsiteY12" fmla="*/ 1236200 h 2011914"/>
              <a:gd name="connsiteX13" fmla="*/ 891405 w 2103393"/>
              <a:gd name="connsiteY13" fmla="*/ 1555959 h 2011914"/>
              <a:gd name="connsiteX14" fmla="*/ 89201 w 2103393"/>
              <a:gd name="connsiteY14" fmla="*/ 1999135 h 2011914"/>
              <a:gd name="connsiteX15" fmla="*/ 577255 w 2103393"/>
              <a:gd name="connsiteY15" fmla="*/ 422777 h 2011914"/>
              <a:gd name="connsiteX16" fmla="*/ 807257 w 2103393"/>
              <a:gd name="connsiteY16" fmla="*/ 658389 h 2011914"/>
              <a:gd name="connsiteX17" fmla="*/ 969942 w 2103393"/>
              <a:gd name="connsiteY17" fmla="*/ 546193 h 2011914"/>
              <a:gd name="connsiteX18" fmla="*/ 913845 w 2103393"/>
              <a:gd name="connsiteY18" fmla="*/ 103017 h 2011914"/>
              <a:gd name="connsiteX0" fmla="*/ 930675 w 2103393"/>
              <a:gd name="connsiteY0" fmla="*/ 67702 h 2010258"/>
              <a:gd name="connsiteX1" fmla="*/ 1003601 w 2103393"/>
              <a:gd name="connsiteY1" fmla="*/ 384 h 2010258"/>
              <a:gd name="connsiteX2" fmla="*/ 1183115 w 2103393"/>
              <a:gd name="connsiteY2" fmla="*/ 50873 h 2010258"/>
              <a:gd name="connsiteX3" fmla="*/ 1177505 w 2103393"/>
              <a:gd name="connsiteY3" fmla="*/ 538927 h 2010258"/>
              <a:gd name="connsiteX4" fmla="*/ 1312141 w 2103393"/>
              <a:gd name="connsiteY4" fmla="*/ 617464 h 2010258"/>
              <a:gd name="connsiteX5" fmla="*/ 1508484 w 2103393"/>
              <a:gd name="connsiteY5" fmla="*/ 421121 h 2010258"/>
              <a:gd name="connsiteX6" fmla="*/ 2058246 w 2103393"/>
              <a:gd name="connsiteY6" fmla="*/ 1969430 h 2010258"/>
              <a:gd name="connsiteX7" fmla="*/ 1244822 w 2103393"/>
              <a:gd name="connsiteY7" fmla="*/ 1559912 h 2010258"/>
              <a:gd name="connsiteX8" fmla="*/ 1205554 w 2103393"/>
              <a:gd name="connsiteY8" fmla="*/ 1245765 h 2010258"/>
              <a:gd name="connsiteX9" fmla="*/ 1244823 w 2103393"/>
              <a:gd name="connsiteY9" fmla="*/ 802588 h 2010258"/>
              <a:gd name="connsiteX10" fmla="*/ 1076528 w 2103393"/>
              <a:gd name="connsiteY10" fmla="*/ 656733 h 2010258"/>
              <a:gd name="connsiteX11" fmla="*/ 885795 w 2103393"/>
              <a:gd name="connsiteY11" fmla="*/ 796978 h 2010258"/>
              <a:gd name="connsiteX12" fmla="*/ 919453 w 2103393"/>
              <a:gd name="connsiteY12" fmla="*/ 1234544 h 2010258"/>
              <a:gd name="connsiteX13" fmla="*/ 891405 w 2103393"/>
              <a:gd name="connsiteY13" fmla="*/ 1554303 h 2010258"/>
              <a:gd name="connsiteX14" fmla="*/ 89201 w 2103393"/>
              <a:gd name="connsiteY14" fmla="*/ 1997479 h 2010258"/>
              <a:gd name="connsiteX15" fmla="*/ 577255 w 2103393"/>
              <a:gd name="connsiteY15" fmla="*/ 421121 h 2010258"/>
              <a:gd name="connsiteX16" fmla="*/ 807257 w 2103393"/>
              <a:gd name="connsiteY16" fmla="*/ 656733 h 2010258"/>
              <a:gd name="connsiteX17" fmla="*/ 969942 w 2103393"/>
              <a:gd name="connsiteY17" fmla="*/ 544537 h 2010258"/>
              <a:gd name="connsiteX18" fmla="*/ 930675 w 2103393"/>
              <a:gd name="connsiteY18" fmla="*/ 67702 h 2010258"/>
              <a:gd name="connsiteX0" fmla="*/ 930675 w 2103393"/>
              <a:gd name="connsiteY0" fmla="*/ 69239 h 2011795"/>
              <a:gd name="connsiteX1" fmla="*/ 1183115 w 2103393"/>
              <a:gd name="connsiteY1" fmla="*/ 52410 h 2011795"/>
              <a:gd name="connsiteX2" fmla="*/ 1177505 w 2103393"/>
              <a:gd name="connsiteY2" fmla="*/ 540464 h 2011795"/>
              <a:gd name="connsiteX3" fmla="*/ 1312141 w 2103393"/>
              <a:gd name="connsiteY3" fmla="*/ 619001 h 2011795"/>
              <a:gd name="connsiteX4" fmla="*/ 1508484 w 2103393"/>
              <a:gd name="connsiteY4" fmla="*/ 422658 h 2011795"/>
              <a:gd name="connsiteX5" fmla="*/ 2058246 w 2103393"/>
              <a:gd name="connsiteY5" fmla="*/ 1970967 h 2011795"/>
              <a:gd name="connsiteX6" fmla="*/ 1244822 w 2103393"/>
              <a:gd name="connsiteY6" fmla="*/ 1561449 h 2011795"/>
              <a:gd name="connsiteX7" fmla="*/ 1205554 w 2103393"/>
              <a:gd name="connsiteY7" fmla="*/ 1247302 h 2011795"/>
              <a:gd name="connsiteX8" fmla="*/ 1244823 w 2103393"/>
              <a:gd name="connsiteY8" fmla="*/ 804125 h 2011795"/>
              <a:gd name="connsiteX9" fmla="*/ 1076528 w 2103393"/>
              <a:gd name="connsiteY9" fmla="*/ 658270 h 2011795"/>
              <a:gd name="connsiteX10" fmla="*/ 885795 w 2103393"/>
              <a:gd name="connsiteY10" fmla="*/ 798515 h 2011795"/>
              <a:gd name="connsiteX11" fmla="*/ 919453 w 2103393"/>
              <a:gd name="connsiteY11" fmla="*/ 1236081 h 2011795"/>
              <a:gd name="connsiteX12" fmla="*/ 891405 w 2103393"/>
              <a:gd name="connsiteY12" fmla="*/ 1555840 h 2011795"/>
              <a:gd name="connsiteX13" fmla="*/ 89201 w 2103393"/>
              <a:gd name="connsiteY13" fmla="*/ 1999016 h 2011795"/>
              <a:gd name="connsiteX14" fmla="*/ 577255 w 2103393"/>
              <a:gd name="connsiteY14" fmla="*/ 422658 h 2011795"/>
              <a:gd name="connsiteX15" fmla="*/ 807257 w 2103393"/>
              <a:gd name="connsiteY15" fmla="*/ 658270 h 2011795"/>
              <a:gd name="connsiteX16" fmla="*/ 969942 w 2103393"/>
              <a:gd name="connsiteY16" fmla="*/ 546074 h 2011795"/>
              <a:gd name="connsiteX17" fmla="*/ 930675 w 2103393"/>
              <a:gd name="connsiteY17" fmla="*/ 69239 h 2011795"/>
              <a:gd name="connsiteX0" fmla="*/ 930675 w 2103393"/>
              <a:gd name="connsiteY0" fmla="*/ 63795 h 2006351"/>
              <a:gd name="connsiteX1" fmla="*/ 1183115 w 2103393"/>
              <a:gd name="connsiteY1" fmla="*/ 46966 h 2006351"/>
              <a:gd name="connsiteX2" fmla="*/ 1177505 w 2103393"/>
              <a:gd name="connsiteY2" fmla="*/ 535020 h 2006351"/>
              <a:gd name="connsiteX3" fmla="*/ 1312141 w 2103393"/>
              <a:gd name="connsiteY3" fmla="*/ 613557 h 2006351"/>
              <a:gd name="connsiteX4" fmla="*/ 1508484 w 2103393"/>
              <a:gd name="connsiteY4" fmla="*/ 417214 h 2006351"/>
              <a:gd name="connsiteX5" fmla="*/ 2058246 w 2103393"/>
              <a:gd name="connsiteY5" fmla="*/ 1965523 h 2006351"/>
              <a:gd name="connsiteX6" fmla="*/ 1244822 w 2103393"/>
              <a:gd name="connsiteY6" fmla="*/ 1556005 h 2006351"/>
              <a:gd name="connsiteX7" fmla="*/ 1205554 w 2103393"/>
              <a:gd name="connsiteY7" fmla="*/ 1241858 h 2006351"/>
              <a:gd name="connsiteX8" fmla="*/ 1244823 w 2103393"/>
              <a:gd name="connsiteY8" fmla="*/ 798681 h 2006351"/>
              <a:gd name="connsiteX9" fmla="*/ 1076528 w 2103393"/>
              <a:gd name="connsiteY9" fmla="*/ 652826 h 2006351"/>
              <a:gd name="connsiteX10" fmla="*/ 885795 w 2103393"/>
              <a:gd name="connsiteY10" fmla="*/ 793071 h 2006351"/>
              <a:gd name="connsiteX11" fmla="*/ 919453 w 2103393"/>
              <a:gd name="connsiteY11" fmla="*/ 1230637 h 2006351"/>
              <a:gd name="connsiteX12" fmla="*/ 891405 w 2103393"/>
              <a:gd name="connsiteY12" fmla="*/ 1550396 h 2006351"/>
              <a:gd name="connsiteX13" fmla="*/ 89201 w 2103393"/>
              <a:gd name="connsiteY13" fmla="*/ 1993572 h 2006351"/>
              <a:gd name="connsiteX14" fmla="*/ 577255 w 2103393"/>
              <a:gd name="connsiteY14" fmla="*/ 417214 h 2006351"/>
              <a:gd name="connsiteX15" fmla="*/ 807257 w 2103393"/>
              <a:gd name="connsiteY15" fmla="*/ 652826 h 2006351"/>
              <a:gd name="connsiteX16" fmla="*/ 969942 w 2103393"/>
              <a:gd name="connsiteY16" fmla="*/ 540630 h 2006351"/>
              <a:gd name="connsiteX17" fmla="*/ 930675 w 2103393"/>
              <a:gd name="connsiteY17" fmla="*/ 63795 h 2006351"/>
              <a:gd name="connsiteX0" fmla="*/ 930675 w 2103393"/>
              <a:gd name="connsiteY0" fmla="*/ 51191 h 2016186"/>
              <a:gd name="connsiteX1" fmla="*/ 1183115 w 2103393"/>
              <a:gd name="connsiteY1" fmla="*/ 56801 h 2016186"/>
              <a:gd name="connsiteX2" fmla="*/ 1177505 w 2103393"/>
              <a:gd name="connsiteY2" fmla="*/ 544855 h 2016186"/>
              <a:gd name="connsiteX3" fmla="*/ 1312141 w 2103393"/>
              <a:gd name="connsiteY3" fmla="*/ 623392 h 2016186"/>
              <a:gd name="connsiteX4" fmla="*/ 1508484 w 2103393"/>
              <a:gd name="connsiteY4" fmla="*/ 427049 h 2016186"/>
              <a:gd name="connsiteX5" fmla="*/ 2058246 w 2103393"/>
              <a:gd name="connsiteY5" fmla="*/ 1975358 h 2016186"/>
              <a:gd name="connsiteX6" fmla="*/ 1244822 w 2103393"/>
              <a:gd name="connsiteY6" fmla="*/ 1565840 h 2016186"/>
              <a:gd name="connsiteX7" fmla="*/ 1205554 w 2103393"/>
              <a:gd name="connsiteY7" fmla="*/ 1251693 h 2016186"/>
              <a:gd name="connsiteX8" fmla="*/ 1244823 w 2103393"/>
              <a:gd name="connsiteY8" fmla="*/ 808516 h 2016186"/>
              <a:gd name="connsiteX9" fmla="*/ 1076528 w 2103393"/>
              <a:gd name="connsiteY9" fmla="*/ 662661 h 2016186"/>
              <a:gd name="connsiteX10" fmla="*/ 885795 w 2103393"/>
              <a:gd name="connsiteY10" fmla="*/ 802906 h 2016186"/>
              <a:gd name="connsiteX11" fmla="*/ 919453 w 2103393"/>
              <a:gd name="connsiteY11" fmla="*/ 1240472 h 2016186"/>
              <a:gd name="connsiteX12" fmla="*/ 891405 w 2103393"/>
              <a:gd name="connsiteY12" fmla="*/ 1560231 h 2016186"/>
              <a:gd name="connsiteX13" fmla="*/ 89201 w 2103393"/>
              <a:gd name="connsiteY13" fmla="*/ 2003407 h 2016186"/>
              <a:gd name="connsiteX14" fmla="*/ 577255 w 2103393"/>
              <a:gd name="connsiteY14" fmla="*/ 427049 h 2016186"/>
              <a:gd name="connsiteX15" fmla="*/ 807257 w 2103393"/>
              <a:gd name="connsiteY15" fmla="*/ 662661 h 2016186"/>
              <a:gd name="connsiteX16" fmla="*/ 969942 w 2103393"/>
              <a:gd name="connsiteY16" fmla="*/ 550465 h 2016186"/>
              <a:gd name="connsiteX17" fmla="*/ 930675 w 2103393"/>
              <a:gd name="connsiteY17" fmla="*/ 51191 h 2016186"/>
              <a:gd name="connsiteX0" fmla="*/ 930675 w 2103393"/>
              <a:gd name="connsiteY0" fmla="*/ 47103 h 2012098"/>
              <a:gd name="connsiteX1" fmla="*/ 1183115 w 2103393"/>
              <a:gd name="connsiteY1" fmla="*/ 52713 h 2012098"/>
              <a:gd name="connsiteX2" fmla="*/ 1177505 w 2103393"/>
              <a:gd name="connsiteY2" fmla="*/ 540767 h 2012098"/>
              <a:gd name="connsiteX3" fmla="*/ 1312141 w 2103393"/>
              <a:gd name="connsiteY3" fmla="*/ 619304 h 2012098"/>
              <a:gd name="connsiteX4" fmla="*/ 1508484 w 2103393"/>
              <a:gd name="connsiteY4" fmla="*/ 422961 h 2012098"/>
              <a:gd name="connsiteX5" fmla="*/ 2058246 w 2103393"/>
              <a:gd name="connsiteY5" fmla="*/ 1971270 h 2012098"/>
              <a:gd name="connsiteX6" fmla="*/ 1244822 w 2103393"/>
              <a:gd name="connsiteY6" fmla="*/ 1561752 h 2012098"/>
              <a:gd name="connsiteX7" fmla="*/ 1205554 w 2103393"/>
              <a:gd name="connsiteY7" fmla="*/ 1247605 h 2012098"/>
              <a:gd name="connsiteX8" fmla="*/ 1244823 w 2103393"/>
              <a:gd name="connsiteY8" fmla="*/ 804428 h 2012098"/>
              <a:gd name="connsiteX9" fmla="*/ 1076528 w 2103393"/>
              <a:gd name="connsiteY9" fmla="*/ 658573 h 2012098"/>
              <a:gd name="connsiteX10" fmla="*/ 885795 w 2103393"/>
              <a:gd name="connsiteY10" fmla="*/ 798818 h 2012098"/>
              <a:gd name="connsiteX11" fmla="*/ 919453 w 2103393"/>
              <a:gd name="connsiteY11" fmla="*/ 1236384 h 2012098"/>
              <a:gd name="connsiteX12" fmla="*/ 891405 w 2103393"/>
              <a:gd name="connsiteY12" fmla="*/ 1556143 h 2012098"/>
              <a:gd name="connsiteX13" fmla="*/ 89201 w 2103393"/>
              <a:gd name="connsiteY13" fmla="*/ 1999319 h 2012098"/>
              <a:gd name="connsiteX14" fmla="*/ 577255 w 2103393"/>
              <a:gd name="connsiteY14" fmla="*/ 422961 h 2012098"/>
              <a:gd name="connsiteX15" fmla="*/ 807257 w 2103393"/>
              <a:gd name="connsiteY15" fmla="*/ 658573 h 2012098"/>
              <a:gd name="connsiteX16" fmla="*/ 969942 w 2103393"/>
              <a:gd name="connsiteY16" fmla="*/ 546377 h 2012098"/>
              <a:gd name="connsiteX17" fmla="*/ 930675 w 2103393"/>
              <a:gd name="connsiteY17" fmla="*/ 47103 h 2012098"/>
              <a:gd name="connsiteX0" fmla="*/ 930675 w 2103393"/>
              <a:gd name="connsiteY0" fmla="*/ 47103 h 2012098"/>
              <a:gd name="connsiteX1" fmla="*/ 1183115 w 2103393"/>
              <a:gd name="connsiteY1" fmla="*/ 52713 h 2012098"/>
              <a:gd name="connsiteX2" fmla="*/ 1177505 w 2103393"/>
              <a:gd name="connsiteY2" fmla="*/ 540767 h 2012098"/>
              <a:gd name="connsiteX3" fmla="*/ 1312141 w 2103393"/>
              <a:gd name="connsiteY3" fmla="*/ 619304 h 2012098"/>
              <a:gd name="connsiteX4" fmla="*/ 1508484 w 2103393"/>
              <a:gd name="connsiteY4" fmla="*/ 422961 h 2012098"/>
              <a:gd name="connsiteX5" fmla="*/ 2058246 w 2103393"/>
              <a:gd name="connsiteY5" fmla="*/ 1971270 h 2012098"/>
              <a:gd name="connsiteX6" fmla="*/ 1244822 w 2103393"/>
              <a:gd name="connsiteY6" fmla="*/ 1561752 h 2012098"/>
              <a:gd name="connsiteX7" fmla="*/ 1205554 w 2103393"/>
              <a:gd name="connsiteY7" fmla="*/ 1247605 h 2012098"/>
              <a:gd name="connsiteX8" fmla="*/ 1244823 w 2103393"/>
              <a:gd name="connsiteY8" fmla="*/ 804428 h 2012098"/>
              <a:gd name="connsiteX9" fmla="*/ 1076528 w 2103393"/>
              <a:gd name="connsiteY9" fmla="*/ 658573 h 2012098"/>
              <a:gd name="connsiteX10" fmla="*/ 885795 w 2103393"/>
              <a:gd name="connsiteY10" fmla="*/ 798818 h 2012098"/>
              <a:gd name="connsiteX11" fmla="*/ 919453 w 2103393"/>
              <a:gd name="connsiteY11" fmla="*/ 1236384 h 2012098"/>
              <a:gd name="connsiteX12" fmla="*/ 891405 w 2103393"/>
              <a:gd name="connsiteY12" fmla="*/ 1556143 h 2012098"/>
              <a:gd name="connsiteX13" fmla="*/ 89201 w 2103393"/>
              <a:gd name="connsiteY13" fmla="*/ 1999319 h 2012098"/>
              <a:gd name="connsiteX14" fmla="*/ 577255 w 2103393"/>
              <a:gd name="connsiteY14" fmla="*/ 422961 h 2012098"/>
              <a:gd name="connsiteX15" fmla="*/ 807257 w 2103393"/>
              <a:gd name="connsiteY15" fmla="*/ 658573 h 2012098"/>
              <a:gd name="connsiteX16" fmla="*/ 969942 w 2103393"/>
              <a:gd name="connsiteY16" fmla="*/ 546377 h 2012098"/>
              <a:gd name="connsiteX17" fmla="*/ 930675 w 2103393"/>
              <a:gd name="connsiteY17" fmla="*/ 47103 h 2012098"/>
              <a:gd name="connsiteX0" fmla="*/ 930675 w 2103393"/>
              <a:gd name="connsiteY0" fmla="*/ 24191 h 2051098"/>
              <a:gd name="connsiteX1" fmla="*/ 1183115 w 2103393"/>
              <a:gd name="connsiteY1" fmla="*/ 91713 h 2051098"/>
              <a:gd name="connsiteX2" fmla="*/ 1177505 w 2103393"/>
              <a:gd name="connsiteY2" fmla="*/ 579767 h 2051098"/>
              <a:gd name="connsiteX3" fmla="*/ 1312141 w 2103393"/>
              <a:gd name="connsiteY3" fmla="*/ 658304 h 2051098"/>
              <a:gd name="connsiteX4" fmla="*/ 1508484 w 2103393"/>
              <a:gd name="connsiteY4" fmla="*/ 461961 h 2051098"/>
              <a:gd name="connsiteX5" fmla="*/ 2058246 w 2103393"/>
              <a:gd name="connsiteY5" fmla="*/ 2010270 h 2051098"/>
              <a:gd name="connsiteX6" fmla="*/ 1244822 w 2103393"/>
              <a:gd name="connsiteY6" fmla="*/ 1600752 h 2051098"/>
              <a:gd name="connsiteX7" fmla="*/ 1205554 w 2103393"/>
              <a:gd name="connsiteY7" fmla="*/ 1286605 h 2051098"/>
              <a:gd name="connsiteX8" fmla="*/ 1244823 w 2103393"/>
              <a:gd name="connsiteY8" fmla="*/ 843428 h 2051098"/>
              <a:gd name="connsiteX9" fmla="*/ 1076528 w 2103393"/>
              <a:gd name="connsiteY9" fmla="*/ 697573 h 2051098"/>
              <a:gd name="connsiteX10" fmla="*/ 885795 w 2103393"/>
              <a:gd name="connsiteY10" fmla="*/ 837818 h 2051098"/>
              <a:gd name="connsiteX11" fmla="*/ 919453 w 2103393"/>
              <a:gd name="connsiteY11" fmla="*/ 1275384 h 2051098"/>
              <a:gd name="connsiteX12" fmla="*/ 891405 w 2103393"/>
              <a:gd name="connsiteY12" fmla="*/ 1595143 h 2051098"/>
              <a:gd name="connsiteX13" fmla="*/ 89201 w 2103393"/>
              <a:gd name="connsiteY13" fmla="*/ 2038319 h 2051098"/>
              <a:gd name="connsiteX14" fmla="*/ 577255 w 2103393"/>
              <a:gd name="connsiteY14" fmla="*/ 461961 h 2051098"/>
              <a:gd name="connsiteX15" fmla="*/ 807257 w 2103393"/>
              <a:gd name="connsiteY15" fmla="*/ 697573 h 2051098"/>
              <a:gd name="connsiteX16" fmla="*/ 969942 w 2103393"/>
              <a:gd name="connsiteY16" fmla="*/ 585377 h 2051098"/>
              <a:gd name="connsiteX17" fmla="*/ 930675 w 2103393"/>
              <a:gd name="connsiteY17" fmla="*/ 24191 h 2051098"/>
              <a:gd name="connsiteX0" fmla="*/ 930675 w 2103393"/>
              <a:gd name="connsiteY0" fmla="*/ 51153 h 2078060"/>
              <a:gd name="connsiteX1" fmla="*/ 1190398 w 2103393"/>
              <a:gd name="connsiteY1" fmla="*/ 49480 h 2078060"/>
              <a:gd name="connsiteX2" fmla="*/ 1177505 w 2103393"/>
              <a:gd name="connsiteY2" fmla="*/ 606729 h 2078060"/>
              <a:gd name="connsiteX3" fmla="*/ 1312141 w 2103393"/>
              <a:gd name="connsiteY3" fmla="*/ 685266 h 2078060"/>
              <a:gd name="connsiteX4" fmla="*/ 1508484 w 2103393"/>
              <a:gd name="connsiteY4" fmla="*/ 488923 h 2078060"/>
              <a:gd name="connsiteX5" fmla="*/ 2058246 w 2103393"/>
              <a:gd name="connsiteY5" fmla="*/ 2037232 h 2078060"/>
              <a:gd name="connsiteX6" fmla="*/ 1244822 w 2103393"/>
              <a:gd name="connsiteY6" fmla="*/ 1627714 h 2078060"/>
              <a:gd name="connsiteX7" fmla="*/ 1205554 w 2103393"/>
              <a:gd name="connsiteY7" fmla="*/ 1313567 h 2078060"/>
              <a:gd name="connsiteX8" fmla="*/ 1244823 w 2103393"/>
              <a:gd name="connsiteY8" fmla="*/ 870390 h 2078060"/>
              <a:gd name="connsiteX9" fmla="*/ 1076528 w 2103393"/>
              <a:gd name="connsiteY9" fmla="*/ 724535 h 2078060"/>
              <a:gd name="connsiteX10" fmla="*/ 885795 w 2103393"/>
              <a:gd name="connsiteY10" fmla="*/ 864780 h 2078060"/>
              <a:gd name="connsiteX11" fmla="*/ 919453 w 2103393"/>
              <a:gd name="connsiteY11" fmla="*/ 1302346 h 2078060"/>
              <a:gd name="connsiteX12" fmla="*/ 891405 w 2103393"/>
              <a:gd name="connsiteY12" fmla="*/ 1622105 h 2078060"/>
              <a:gd name="connsiteX13" fmla="*/ 89201 w 2103393"/>
              <a:gd name="connsiteY13" fmla="*/ 2065281 h 2078060"/>
              <a:gd name="connsiteX14" fmla="*/ 577255 w 2103393"/>
              <a:gd name="connsiteY14" fmla="*/ 488923 h 2078060"/>
              <a:gd name="connsiteX15" fmla="*/ 807257 w 2103393"/>
              <a:gd name="connsiteY15" fmla="*/ 724535 h 2078060"/>
              <a:gd name="connsiteX16" fmla="*/ 969942 w 2103393"/>
              <a:gd name="connsiteY16" fmla="*/ 612339 h 2078060"/>
              <a:gd name="connsiteX17" fmla="*/ 930675 w 2103393"/>
              <a:gd name="connsiteY17" fmla="*/ 51153 h 2078060"/>
              <a:gd name="connsiteX0" fmla="*/ 930675 w 2103393"/>
              <a:gd name="connsiteY0" fmla="*/ 57180 h 2084087"/>
              <a:gd name="connsiteX1" fmla="*/ 1190398 w 2103393"/>
              <a:gd name="connsiteY1" fmla="*/ 55507 h 2084087"/>
              <a:gd name="connsiteX2" fmla="*/ 1177505 w 2103393"/>
              <a:gd name="connsiteY2" fmla="*/ 612756 h 2084087"/>
              <a:gd name="connsiteX3" fmla="*/ 1312141 w 2103393"/>
              <a:gd name="connsiteY3" fmla="*/ 691293 h 2084087"/>
              <a:gd name="connsiteX4" fmla="*/ 1508484 w 2103393"/>
              <a:gd name="connsiteY4" fmla="*/ 494950 h 2084087"/>
              <a:gd name="connsiteX5" fmla="*/ 2058246 w 2103393"/>
              <a:gd name="connsiteY5" fmla="*/ 2043259 h 2084087"/>
              <a:gd name="connsiteX6" fmla="*/ 1244822 w 2103393"/>
              <a:gd name="connsiteY6" fmla="*/ 1633741 h 2084087"/>
              <a:gd name="connsiteX7" fmla="*/ 1205554 w 2103393"/>
              <a:gd name="connsiteY7" fmla="*/ 1319594 h 2084087"/>
              <a:gd name="connsiteX8" fmla="*/ 1244823 w 2103393"/>
              <a:gd name="connsiteY8" fmla="*/ 876417 h 2084087"/>
              <a:gd name="connsiteX9" fmla="*/ 1076528 w 2103393"/>
              <a:gd name="connsiteY9" fmla="*/ 730562 h 2084087"/>
              <a:gd name="connsiteX10" fmla="*/ 885795 w 2103393"/>
              <a:gd name="connsiteY10" fmla="*/ 870807 h 2084087"/>
              <a:gd name="connsiteX11" fmla="*/ 919453 w 2103393"/>
              <a:gd name="connsiteY11" fmla="*/ 1308373 h 2084087"/>
              <a:gd name="connsiteX12" fmla="*/ 891405 w 2103393"/>
              <a:gd name="connsiteY12" fmla="*/ 1628132 h 2084087"/>
              <a:gd name="connsiteX13" fmla="*/ 89201 w 2103393"/>
              <a:gd name="connsiteY13" fmla="*/ 2071308 h 2084087"/>
              <a:gd name="connsiteX14" fmla="*/ 577255 w 2103393"/>
              <a:gd name="connsiteY14" fmla="*/ 494950 h 2084087"/>
              <a:gd name="connsiteX15" fmla="*/ 807257 w 2103393"/>
              <a:gd name="connsiteY15" fmla="*/ 730562 h 2084087"/>
              <a:gd name="connsiteX16" fmla="*/ 969942 w 2103393"/>
              <a:gd name="connsiteY16" fmla="*/ 618366 h 2084087"/>
              <a:gd name="connsiteX17" fmla="*/ 930675 w 2103393"/>
              <a:gd name="connsiteY17" fmla="*/ 57180 h 2084087"/>
              <a:gd name="connsiteX0" fmla="*/ 930675 w 2103393"/>
              <a:gd name="connsiteY0" fmla="*/ 65797 h 2092704"/>
              <a:gd name="connsiteX1" fmla="*/ 1190398 w 2103393"/>
              <a:gd name="connsiteY1" fmla="*/ 64124 h 2092704"/>
              <a:gd name="connsiteX2" fmla="*/ 1177505 w 2103393"/>
              <a:gd name="connsiteY2" fmla="*/ 621373 h 2092704"/>
              <a:gd name="connsiteX3" fmla="*/ 1312141 w 2103393"/>
              <a:gd name="connsiteY3" fmla="*/ 699910 h 2092704"/>
              <a:gd name="connsiteX4" fmla="*/ 1508484 w 2103393"/>
              <a:gd name="connsiteY4" fmla="*/ 503567 h 2092704"/>
              <a:gd name="connsiteX5" fmla="*/ 2058246 w 2103393"/>
              <a:gd name="connsiteY5" fmla="*/ 2051876 h 2092704"/>
              <a:gd name="connsiteX6" fmla="*/ 1244822 w 2103393"/>
              <a:gd name="connsiteY6" fmla="*/ 1642358 h 2092704"/>
              <a:gd name="connsiteX7" fmla="*/ 1205554 w 2103393"/>
              <a:gd name="connsiteY7" fmla="*/ 1328211 h 2092704"/>
              <a:gd name="connsiteX8" fmla="*/ 1244823 w 2103393"/>
              <a:gd name="connsiteY8" fmla="*/ 885034 h 2092704"/>
              <a:gd name="connsiteX9" fmla="*/ 1076528 w 2103393"/>
              <a:gd name="connsiteY9" fmla="*/ 739179 h 2092704"/>
              <a:gd name="connsiteX10" fmla="*/ 885795 w 2103393"/>
              <a:gd name="connsiteY10" fmla="*/ 879424 h 2092704"/>
              <a:gd name="connsiteX11" fmla="*/ 919453 w 2103393"/>
              <a:gd name="connsiteY11" fmla="*/ 1316990 h 2092704"/>
              <a:gd name="connsiteX12" fmla="*/ 891405 w 2103393"/>
              <a:gd name="connsiteY12" fmla="*/ 1636749 h 2092704"/>
              <a:gd name="connsiteX13" fmla="*/ 89201 w 2103393"/>
              <a:gd name="connsiteY13" fmla="*/ 2079925 h 2092704"/>
              <a:gd name="connsiteX14" fmla="*/ 577255 w 2103393"/>
              <a:gd name="connsiteY14" fmla="*/ 503567 h 2092704"/>
              <a:gd name="connsiteX15" fmla="*/ 807257 w 2103393"/>
              <a:gd name="connsiteY15" fmla="*/ 739179 h 2092704"/>
              <a:gd name="connsiteX16" fmla="*/ 969942 w 2103393"/>
              <a:gd name="connsiteY16" fmla="*/ 626983 h 2092704"/>
              <a:gd name="connsiteX17" fmla="*/ 930675 w 2103393"/>
              <a:gd name="connsiteY17" fmla="*/ 65797 h 2092704"/>
              <a:gd name="connsiteX0" fmla="*/ 930675 w 2103393"/>
              <a:gd name="connsiteY0" fmla="*/ 65797 h 2092704"/>
              <a:gd name="connsiteX1" fmla="*/ 1190398 w 2103393"/>
              <a:gd name="connsiteY1" fmla="*/ 64124 h 2092704"/>
              <a:gd name="connsiteX2" fmla="*/ 1177505 w 2103393"/>
              <a:gd name="connsiteY2" fmla="*/ 621373 h 2092704"/>
              <a:gd name="connsiteX3" fmla="*/ 1312141 w 2103393"/>
              <a:gd name="connsiteY3" fmla="*/ 699910 h 2092704"/>
              <a:gd name="connsiteX4" fmla="*/ 1508484 w 2103393"/>
              <a:gd name="connsiteY4" fmla="*/ 503567 h 2092704"/>
              <a:gd name="connsiteX5" fmla="*/ 2058246 w 2103393"/>
              <a:gd name="connsiteY5" fmla="*/ 2051876 h 2092704"/>
              <a:gd name="connsiteX6" fmla="*/ 1244822 w 2103393"/>
              <a:gd name="connsiteY6" fmla="*/ 1642358 h 2092704"/>
              <a:gd name="connsiteX7" fmla="*/ 1205554 w 2103393"/>
              <a:gd name="connsiteY7" fmla="*/ 1328211 h 2092704"/>
              <a:gd name="connsiteX8" fmla="*/ 1244823 w 2103393"/>
              <a:gd name="connsiteY8" fmla="*/ 885034 h 2092704"/>
              <a:gd name="connsiteX9" fmla="*/ 1076528 w 2103393"/>
              <a:gd name="connsiteY9" fmla="*/ 739179 h 2092704"/>
              <a:gd name="connsiteX10" fmla="*/ 885795 w 2103393"/>
              <a:gd name="connsiteY10" fmla="*/ 879424 h 2092704"/>
              <a:gd name="connsiteX11" fmla="*/ 919453 w 2103393"/>
              <a:gd name="connsiteY11" fmla="*/ 1316990 h 2092704"/>
              <a:gd name="connsiteX12" fmla="*/ 891405 w 2103393"/>
              <a:gd name="connsiteY12" fmla="*/ 1636749 h 2092704"/>
              <a:gd name="connsiteX13" fmla="*/ 89201 w 2103393"/>
              <a:gd name="connsiteY13" fmla="*/ 2079925 h 2092704"/>
              <a:gd name="connsiteX14" fmla="*/ 577255 w 2103393"/>
              <a:gd name="connsiteY14" fmla="*/ 503567 h 2092704"/>
              <a:gd name="connsiteX15" fmla="*/ 807257 w 2103393"/>
              <a:gd name="connsiteY15" fmla="*/ 739179 h 2092704"/>
              <a:gd name="connsiteX16" fmla="*/ 969942 w 2103393"/>
              <a:gd name="connsiteY16" fmla="*/ 626983 h 2092704"/>
              <a:gd name="connsiteX17" fmla="*/ 930675 w 2103393"/>
              <a:gd name="connsiteY17" fmla="*/ 65797 h 2092704"/>
              <a:gd name="connsiteX0" fmla="*/ 930675 w 2103393"/>
              <a:gd name="connsiteY0" fmla="*/ 73853 h 2100760"/>
              <a:gd name="connsiteX1" fmla="*/ 1190398 w 2103393"/>
              <a:gd name="connsiteY1" fmla="*/ 72180 h 2100760"/>
              <a:gd name="connsiteX2" fmla="*/ 1177505 w 2103393"/>
              <a:gd name="connsiteY2" fmla="*/ 629429 h 2100760"/>
              <a:gd name="connsiteX3" fmla="*/ 1312141 w 2103393"/>
              <a:gd name="connsiteY3" fmla="*/ 707966 h 2100760"/>
              <a:gd name="connsiteX4" fmla="*/ 1508484 w 2103393"/>
              <a:gd name="connsiteY4" fmla="*/ 511623 h 2100760"/>
              <a:gd name="connsiteX5" fmla="*/ 2058246 w 2103393"/>
              <a:gd name="connsiteY5" fmla="*/ 2059932 h 2100760"/>
              <a:gd name="connsiteX6" fmla="*/ 1244822 w 2103393"/>
              <a:gd name="connsiteY6" fmla="*/ 1650414 h 2100760"/>
              <a:gd name="connsiteX7" fmla="*/ 1205554 w 2103393"/>
              <a:gd name="connsiteY7" fmla="*/ 1336267 h 2100760"/>
              <a:gd name="connsiteX8" fmla="*/ 1244823 w 2103393"/>
              <a:gd name="connsiteY8" fmla="*/ 893090 h 2100760"/>
              <a:gd name="connsiteX9" fmla="*/ 1076528 w 2103393"/>
              <a:gd name="connsiteY9" fmla="*/ 747235 h 2100760"/>
              <a:gd name="connsiteX10" fmla="*/ 885795 w 2103393"/>
              <a:gd name="connsiteY10" fmla="*/ 887480 h 2100760"/>
              <a:gd name="connsiteX11" fmla="*/ 919453 w 2103393"/>
              <a:gd name="connsiteY11" fmla="*/ 1325046 h 2100760"/>
              <a:gd name="connsiteX12" fmla="*/ 891405 w 2103393"/>
              <a:gd name="connsiteY12" fmla="*/ 1644805 h 2100760"/>
              <a:gd name="connsiteX13" fmla="*/ 89201 w 2103393"/>
              <a:gd name="connsiteY13" fmla="*/ 2087981 h 2100760"/>
              <a:gd name="connsiteX14" fmla="*/ 577255 w 2103393"/>
              <a:gd name="connsiteY14" fmla="*/ 511623 h 2100760"/>
              <a:gd name="connsiteX15" fmla="*/ 807257 w 2103393"/>
              <a:gd name="connsiteY15" fmla="*/ 747235 h 2100760"/>
              <a:gd name="connsiteX16" fmla="*/ 969942 w 2103393"/>
              <a:gd name="connsiteY16" fmla="*/ 635039 h 2100760"/>
              <a:gd name="connsiteX17" fmla="*/ 930675 w 2103393"/>
              <a:gd name="connsiteY17" fmla="*/ 73853 h 2100760"/>
              <a:gd name="connsiteX0" fmla="*/ 930675 w 2103393"/>
              <a:gd name="connsiteY0" fmla="*/ 77953 h 2104860"/>
              <a:gd name="connsiteX1" fmla="*/ 1190398 w 2103393"/>
              <a:gd name="connsiteY1" fmla="*/ 76280 h 2104860"/>
              <a:gd name="connsiteX2" fmla="*/ 1177505 w 2103393"/>
              <a:gd name="connsiteY2" fmla="*/ 633529 h 2104860"/>
              <a:gd name="connsiteX3" fmla="*/ 1312141 w 2103393"/>
              <a:gd name="connsiteY3" fmla="*/ 712066 h 2104860"/>
              <a:gd name="connsiteX4" fmla="*/ 1508484 w 2103393"/>
              <a:gd name="connsiteY4" fmla="*/ 515723 h 2104860"/>
              <a:gd name="connsiteX5" fmla="*/ 2058246 w 2103393"/>
              <a:gd name="connsiteY5" fmla="*/ 2064032 h 2104860"/>
              <a:gd name="connsiteX6" fmla="*/ 1244822 w 2103393"/>
              <a:gd name="connsiteY6" fmla="*/ 1654514 h 2104860"/>
              <a:gd name="connsiteX7" fmla="*/ 1205554 w 2103393"/>
              <a:gd name="connsiteY7" fmla="*/ 1340367 h 2104860"/>
              <a:gd name="connsiteX8" fmla="*/ 1244823 w 2103393"/>
              <a:gd name="connsiteY8" fmla="*/ 897190 h 2104860"/>
              <a:gd name="connsiteX9" fmla="*/ 1076528 w 2103393"/>
              <a:gd name="connsiteY9" fmla="*/ 751335 h 2104860"/>
              <a:gd name="connsiteX10" fmla="*/ 885795 w 2103393"/>
              <a:gd name="connsiteY10" fmla="*/ 891580 h 2104860"/>
              <a:gd name="connsiteX11" fmla="*/ 919453 w 2103393"/>
              <a:gd name="connsiteY11" fmla="*/ 1329146 h 2104860"/>
              <a:gd name="connsiteX12" fmla="*/ 891405 w 2103393"/>
              <a:gd name="connsiteY12" fmla="*/ 1648905 h 2104860"/>
              <a:gd name="connsiteX13" fmla="*/ 89201 w 2103393"/>
              <a:gd name="connsiteY13" fmla="*/ 2092081 h 2104860"/>
              <a:gd name="connsiteX14" fmla="*/ 577255 w 2103393"/>
              <a:gd name="connsiteY14" fmla="*/ 515723 h 2104860"/>
              <a:gd name="connsiteX15" fmla="*/ 807257 w 2103393"/>
              <a:gd name="connsiteY15" fmla="*/ 751335 h 2104860"/>
              <a:gd name="connsiteX16" fmla="*/ 969942 w 2103393"/>
              <a:gd name="connsiteY16" fmla="*/ 639139 h 2104860"/>
              <a:gd name="connsiteX17" fmla="*/ 930675 w 2103393"/>
              <a:gd name="connsiteY17" fmla="*/ 77953 h 2104860"/>
              <a:gd name="connsiteX0" fmla="*/ 930675 w 2103393"/>
              <a:gd name="connsiteY0" fmla="*/ 71187 h 2098094"/>
              <a:gd name="connsiteX1" fmla="*/ 1190398 w 2103393"/>
              <a:gd name="connsiteY1" fmla="*/ 69514 h 2098094"/>
              <a:gd name="connsiteX2" fmla="*/ 1177505 w 2103393"/>
              <a:gd name="connsiteY2" fmla="*/ 626763 h 2098094"/>
              <a:gd name="connsiteX3" fmla="*/ 1312141 w 2103393"/>
              <a:gd name="connsiteY3" fmla="*/ 705300 h 2098094"/>
              <a:gd name="connsiteX4" fmla="*/ 1508484 w 2103393"/>
              <a:gd name="connsiteY4" fmla="*/ 508957 h 2098094"/>
              <a:gd name="connsiteX5" fmla="*/ 2058246 w 2103393"/>
              <a:gd name="connsiteY5" fmla="*/ 2057266 h 2098094"/>
              <a:gd name="connsiteX6" fmla="*/ 1244822 w 2103393"/>
              <a:gd name="connsiteY6" fmla="*/ 1647748 h 2098094"/>
              <a:gd name="connsiteX7" fmla="*/ 1205554 w 2103393"/>
              <a:gd name="connsiteY7" fmla="*/ 1333601 h 2098094"/>
              <a:gd name="connsiteX8" fmla="*/ 1244823 w 2103393"/>
              <a:gd name="connsiteY8" fmla="*/ 890424 h 2098094"/>
              <a:gd name="connsiteX9" fmla="*/ 1076528 w 2103393"/>
              <a:gd name="connsiteY9" fmla="*/ 744569 h 2098094"/>
              <a:gd name="connsiteX10" fmla="*/ 885795 w 2103393"/>
              <a:gd name="connsiteY10" fmla="*/ 884814 h 2098094"/>
              <a:gd name="connsiteX11" fmla="*/ 919453 w 2103393"/>
              <a:gd name="connsiteY11" fmla="*/ 1322380 h 2098094"/>
              <a:gd name="connsiteX12" fmla="*/ 891405 w 2103393"/>
              <a:gd name="connsiteY12" fmla="*/ 1642139 h 2098094"/>
              <a:gd name="connsiteX13" fmla="*/ 89201 w 2103393"/>
              <a:gd name="connsiteY13" fmla="*/ 2085315 h 2098094"/>
              <a:gd name="connsiteX14" fmla="*/ 577255 w 2103393"/>
              <a:gd name="connsiteY14" fmla="*/ 508957 h 2098094"/>
              <a:gd name="connsiteX15" fmla="*/ 807257 w 2103393"/>
              <a:gd name="connsiteY15" fmla="*/ 744569 h 2098094"/>
              <a:gd name="connsiteX16" fmla="*/ 969942 w 2103393"/>
              <a:gd name="connsiteY16" fmla="*/ 632373 h 2098094"/>
              <a:gd name="connsiteX17" fmla="*/ 930675 w 2103393"/>
              <a:gd name="connsiteY17" fmla="*/ 71187 h 2098094"/>
              <a:gd name="connsiteX0" fmla="*/ 930675 w 2103393"/>
              <a:gd name="connsiteY0" fmla="*/ 75207 h 2102114"/>
              <a:gd name="connsiteX1" fmla="*/ 1190398 w 2103393"/>
              <a:gd name="connsiteY1" fmla="*/ 73534 h 2102114"/>
              <a:gd name="connsiteX2" fmla="*/ 1177505 w 2103393"/>
              <a:gd name="connsiteY2" fmla="*/ 630783 h 2102114"/>
              <a:gd name="connsiteX3" fmla="*/ 1312141 w 2103393"/>
              <a:gd name="connsiteY3" fmla="*/ 709320 h 2102114"/>
              <a:gd name="connsiteX4" fmla="*/ 1508484 w 2103393"/>
              <a:gd name="connsiteY4" fmla="*/ 512977 h 2102114"/>
              <a:gd name="connsiteX5" fmla="*/ 2058246 w 2103393"/>
              <a:gd name="connsiteY5" fmla="*/ 2061286 h 2102114"/>
              <a:gd name="connsiteX6" fmla="*/ 1244822 w 2103393"/>
              <a:gd name="connsiteY6" fmla="*/ 1651768 h 2102114"/>
              <a:gd name="connsiteX7" fmla="*/ 1205554 w 2103393"/>
              <a:gd name="connsiteY7" fmla="*/ 1337621 h 2102114"/>
              <a:gd name="connsiteX8" fmla="*/ 1244823 w 2103393"/>
              <a:gd name="connsiteY8" fmla="*/ 894444 h 2102114"/>
              <a:gd name="connsiteX9" fmla="*/ 1076528 w 2103393"/>
              <a:gd name="connsiteY9" fmla="*/ 748589 h 2102114"/>
              <a:gd name="connsiteX10" fmla="*/ 885795 w 2103393"/>
              <a:gd name="connsiteY10" fmla="*/ 888834 h 2102114"/>
              <a:gd name="connsiteX11" fmla="*/ 919453 w 2103393"/>
              <a:gd name="connsiteY11" fmla="*/ 1326400 h 2102114"/>
              <a:gd name="connsiteX12" fmla="*/ 891405 w 2103393"/>
              <a:gd name="connsiteY12" fmla="*/ 1646159 h 2102114"/>
              <a:gd name="connsiteX13" fmla="*/ 89201 w 2103393"/>
              <a:gd name="connsiteY13" fmla="*/ 2089335 h 2102114"/>
              <a:gd name="connsiteX14" fmla="*/ 577255 w 2103393"/>
              <a:gd name="connsiteY14" fmla="*/ 512977 h 2102114"/>
              <a:gd name="connsiteX15" fmla="*/ 807257 w 2103393"/>
              <a:gd name="connsiteY15" fmla="*/ 748589 h 2102114"/>
              <a:gd name="connsiteX16" fmla="*/ 969942 w 2103393"/>
              <a:gd name="connsiteY16" fmla="*/ 636393 h 2102114"/>
              <a:gd name="connsiteX17" fmla="*/ 930675 w 2103393"/>
              <a:gd name="connsiteY17" fmla="*/ 75207 h 21021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</a:cxnLst>
            <a:rect l="l" t="t" r="r" b="b"/>
            <a:pathLst>
              <a:path w="2103393" h="2102114">
                <a:moveTo>
                  <a:pt x="930675" y="75207"/>
                </a:moveTo>
                <a:cubicBezTo>
                  <a:pt x="914336" y="-26367"/>
                  <a:pt x="1202803" y="-23213"/>
                  <a:pt x="1190398" y="73534"/>
                </a:cubicBezTo>
                <a:lnTo>
                  <a:pt x="1177505" y="630783"/>
                </a:lnTo>
                <a:lnTo>
                  <a:pt x="1312141" y="709320"/>
                </a:lnTo>
                <a:cubicBezTo>
                  <a:pt x="1349539" y="621433"/>
                  <a:pt x="1403768" y="466228"/>
                  <a:pt x="1508484" y="512977"/>
                </a:cubicBezTo>
                <a:cubicBezTo>
                  <a:pt x="1961009" y="692492"/>
                  <a:pt x="2211581" y="1696648"/>
                  <a:pt x="2058246" y="2061286"/>
                </a:cubicBezTo>
                <a:cubicBezTo>
                  <a:pt x="1912391" y="2233320"/>
                  <a:pt x="1542142" y="1816322"/>
                  <a:pt x="1244822" y="1651768"/>
                </a:cubicBezTo>
                <a:cubicBezTo>
                  <a:pt x="1113927" y="1590061"/>
                  <a:pt x="1184984" y="1466646"/>
                  <a:pt x="1205554" y="1337621"/>
                </a:cubicBezTo>
                <a:cubicBezTo>
                  <a:pt x="1233603" y="1238514"/>
                  <a:pt x="1127017" y="1161846"/>
                  <a:pt x="1244823" y="894444"/>
                </a:cubicBezTo>
                <a:cubicBezTo>
                  <a:pt x="1188725" y="845826"/>
                  <a:pt x="1155065" y="802817"/>
                  <a:pt x="1076528" y="748589"/>
                </a:cubicBezTo>
                <a:cubicBezTo>
                  <a:pt x="973682" y="789728"/>
                  <a:pt x="949373" y="842086"/>
                  <a:pt x="885795" y="888834"/>
                </a:cubicBezTo>
                <a:cubicBezTo>
                  <a:pt x="951243" y="1053389"/>
                  <a:pt x="898883" y="1240382"/>
                  <a:pt x="919453" y="1326400"/>
                </a:cubicBezTo>
                <a:cubicBezTo>
                  <a:pt x="930673" y="1432986"/>
                  <a:pt x="1003602" y="1595671"/>
                  <a:pt x="891405" y="1646159"/>
                </a:cubicBezTo>
                <a:cubicBezTo>
                  <a:pt x="685711" y="1737785"/>
                  <a:pt x="311722" y="2121123"/>
                  <a:pt x="89201" y="2089335"/>
                </a:cubicBezTo>
                <a:cubicBezTo>
                  <a:pt x="-118362" y="2035107"/>
                  <a:pt x="33103" y="774768"/>
                  <a:pt x="577255" y="512977"/>
                </a:cubicBezTo>
                <a:cubicBezTo>
                  <a:pt x="704411" y="464359"/>
                  <a:pt x="736199" y="673791"/>
                  <a:pt x="807257" y="748589"/>
                </a:cubicBezTo>
                <a:lnTo>
                  <a:pt x="969942" y="636393"/>
                </a:lnTo>
                <a:cubicBezTo>
                  <a:pt x="968072" y="483058"/>
                  <a:pt x="947112" y="235825"/>
                  <a:pt x="930675" y="75207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55" name="Freeform 48">
            <a:extLst>
              <a:ext uri="{FF2B5EF4-FFF2-40B4-BE49-F238E27FC236}">
                <a16:creationId xmlns:a16="http://schemas.microsoft.com/office/drawing/2014/main" id="{67772B45-BD3F-44C4-8C3C-0A45A7F5D7AA}"/>
              </a:ext>
            </a:extLst>
          </p:cNvPr>
          <p:cNvSpPr>
            <a:spLocks noChangeAspect="1"/>
          </p:cNvSpPr>
          <p:nvPr/>
        </p:nvSpPr>
        <p:spPr>
          <a:xfrm>
            <a:off x="5278002" y="1454850"/>
            <a:ext cx="529812" cy="441236"/>
          </a:xfrm>
          <a:custGeom>
            <a:avLst/>
            <a:gdLst/>
            <a:ahLst/>
            <a:cxnLst/>
            <a:rect l="l" t="t" r="r" b="b"/>
            <a:pathLst>
              <a:path w="3240001" h="2698329">
                <a:moveTo>
                  <a:pt x="2548075" y="5025"/>
                </a:moveTo>
                <a:cubicBezTo>
                  <a:pt x="2888705" y="21427"/>
                  <a:pt x="3205543" y="144443"/>
                  <a:pt x="3236875" y="324866"/>
                </a:cubicBezTo>
                <a:cubicBezTo>
                  <a:pt x="3272384" y="584869"/>
                  <a:pt x="3000845" y="793843"/>
                  <a:pt x="2654112" y="922630"/>
                </a:cubicBezTo>
                <a:cubicBezTo>
                  <a:pt x="2512076" y="1002818"/>
                  <a:pt x="2288579" y="1396468"/>
                  <a:pt x="2077615" y="1155904"/>
                </a:cubicBezTo>
                <a:cubicBezTo>
                  <a:pt x="1902159" y="985808"/>
                  <a:pt x="1914692" y="662627"/>
                  <a:pt x="1946024" y="426923"/>
                </a:cubicBezTo>
                <a:cubicBezTo>
                  <a:pt x="1958557" y="234957"/>
                  <a:pt x="1977355" y="79442"/>
                  <a:pt x="2209208" y="25983"/>
                </a:cubicBezTo>
                <a:cubicBezTo>
                  <a:pt x="2318345" y="5936"/>
                  <a:pt x="2434532" y="-443"/>
                  <a:pt x="2548075" y="5025"/>
                </a:cubicBezTo>
                <a:close/>
                <a:moveTo>
                  <a:pt x="1184195" y="86"/>
                </a:moveTo>
                <a:cubicBezTo>
                  <a:pt x="1412849" y="2955"/>
                  <a:pt x="1621488" y="77771"/>
                  <a:pt x="1732975" y="244677"/>
                </a:cubicBezTo>
                <a:cubicBezTo>
                  <a:pt x="1866656" y="436642"/>
                  <a:pt x="1793548" y="672347"/>
                  <a:pt x="1801904" y="871602"/>
                </a:cubicBezTo>
                <a:cubicBezTo>
                  <a:pt x="1820702" y="1041698"/>
                  <a:pt x="1996160" y="1255532"/>
                  <a:pt x="1889631" y="1396469"/>
                </a:cubicBezTo>
                <a:cubicBezTo>
                  <a:pt x="1714174" y="1644320"/>
                  <a:pt x="1482324" y="1717219"/>
                  <a:pt x="1300601" y="1906754"/>
                </a:cubicBezTo>
                <a:cubicBezTo>
                  <a:pt x="1068750" y="2152178"/>
                  <a:pt x="736639" y="2754803"/>
                  <a:pt x="442124" y="2694054"/>
                </a:cubicBezTo>
                <a:cubicBezTo>
                  <a:pt x="189385" y="2609005"/>
                  <a:pt x="149697" y="2276103"/>
                  <a:pt x="78680" y="2016101"/>
                </a:cubicBezTo>
                <a:cubicBezTo>
                  <a:pt x="-50823" y="1442635"/>
                  <a:pt x="-61268" y="759824"/>
                  <a:pt x="366928" y="302996"/>
                </a:cubicBezTo>
                <a:cubicBezTo>
                  <a:pt x="563141" y="111638"/>
                  <a:pt x="890211" y="-3604"/>
                  <a:pt x="1184195" y="86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6" name="Freeform 49">
            <a:extLst>
              <a:ext uri="{FF2B5EF4-FFF2-40B4-BE49-F238E27FC236}">
                <a16:creationId xmlns:a16="http://schemas.microsoft.com/office/drawing/2014/main" id="{7993CC28-260D-4BB5-BA6E-195B880D9905}"/>
              </a:ext>
            </a:extLst>
          </p:cNvPr>
          <p:cNvSpPr>
            <a:spLocks noChangeAspect="1"/>
          </p:cNvSpPr>
          <p:nvPr/>
        </p:nvSpPr>
        <p:spPr>
          <a:xfrm>
            <a:off x="6995432" y="1440016"/>
            <a:ext cx="470907" cy="470907"/>
          </a:xfrm>
          <a:custGeom>
            <a:avLst/>
            <a:gdLst>
              <a:gd name="connsiteX0" fmla="*/ 1054645 w 3259303"/>
              <a:gd name="connsiteY0" fmla="*/ 0 h 3248084"/>
              <a:gd name="connsiteX1" fmla="*/ 1469772 w 3259303"/>
              <a:gd name="connsiteY1" fmla="*/ 28049 h 3248084"/>
              <a:gd name="connsiteX2" fmla="*/ 1682945 w 3259303"/>
              <a:gd name="connsiteY2" fmla="*/ 740496 h 3248084"/>
              <a:gd name="connsiteX3" fmla="*/ 2417830 w 3259303"/>
              <a:gd name="connsiteY3" fmla="*/ 566592 h 3248084"/>
              <a:gd name="connsiteX4" fmla="*/ 3259303 w 3259303"/>
              <a:gd name="connsiteY4" fmla="*/ 1834410 h 3248084"/>
              <a:gd name="connsiteX5" fmla="*/ 2311244 w 3259303"/>
              <a:gd name="connsiteY5" fmla="*/ 3113448 h 3248084"/>
              <a:gd name="connsiteX6" fmla="*/ 622689 w 3259303"/>
              <a:gd name="connsiteY6" fmla="*/ 2670273 h 3248084"/>
              <a:gd name="connsiteX7" fmla="*/ 398297 w 3259303"/>
              <a:gd name="connsiteY7" fmla="*/ 3248084 h 3248084"/>
              <a:gd name="connsiteX8" fmla="*/ 0 w 3259303"/>
              <a:gd name="connsiteY8" fmla="*/ 3242474 h 3248084"/>
              <a:gd name="connsiteX9" fmla="*/ 218783 w 3259303"/>
              <a:gd name="connsiteY9" fmla="*/ 2333684 h 3248084"/>
              <a:gd name="connsiteX10" fmla="*/ 1593187 w 3259303"/>
              <a:gd name="connsiteY10" fmla="*/ 1997095 h 3248084"/>
              <a:gd name="connsiteX11" fmla="*/ 1250989 w 3259303"/>
              <a:gd name="connsiteY11" fmla="*/ 964889 h 3248084"/>
              <a:gd name="connsiteX12" fmla="*/ 1054645 w 3259303"/>
              <a:gd name="connsiteY12" fmla="*/ 0 h 3248084"/>
              <a:gd name="connsiteX0" fmla="*/ 1054645 w 3259303"/>
              <a:gd name="connsiteY0" fmla="*/ 0 h 3225645"/>
              <a:gd name="connsiteX1" fmla="*/ 1469772 w 3259303"/>
              <a:gd name="connsiteY1" fmla="*/ 5610 h 3225645"/>
              <a:gd name="connsiteX2" fmla="*/ 1682945 w 3259303"/>
              <a:gd name="connsiteY2" fmla="*/ 718057 h 3225645"/>
              <a:gd name="connsiteX3" fmla="*/ 2417830 w 3259303"/>
              <a:gd name="connsiteY3" fmla="*/ 544153 h 3225645"/>
              <a:gd name="connsiteX4" fmla="*/ 3259303 w 3259303"/>
              <a:gd name="connsiteY4" fmla="*/ 1811971 h 3225645"/>
              <a:gd name="connsiteX5" fmla="*/ 2311244 w 3259303"/>
              <a:gd name="connsiteY5" fmla="*/ 3091009 h 3225645"/>
              <a:gd name="connsiteX6" fmla="*/ 622689 w 3259303"/>
              <a:gd name="connsiteY6" fmla="*/ 2647834 h 3225645"/>
              <a:gd name="connsiteX7" fmla="*/ 398297 w 3259303"/>
              <a:gd name="connsiteY7" fmla="*/ 3225645 h 3225645"/>
              <a:gd name="connsiteX8" fmla="*/ 0 w 3259303"/>
              <a:gd name="connsiteY8" fmla="*/ 3220035 h 3225645"/>
              <a:gd name="connsiteX9" fmla="*/ 218783 w 3259303"/>
              <a:gd name="connsiteY9" fmla="*/ 2311245 h 3225645"/>
              <a:gd name="connsiteX10" fmla="*/ 1593187 w 3259303"/>
              <a:gd name="connsiteY10" fmla="*/ 1974656 h 3225645"/>
              <a:gd name="connsiteX11" fmla="*/ 1250989 w 3259303"/>
              <a:gd name="connsiteY11" fmla="*/ 942450 h 3225645"/>
              <a:gd name="connsiteX12" fmla="*/ 1054645 w 3259303"/>
              <a:gd name="connsiteY12" fmla="*/ 0 h 3225645"/>
              <a:gd name="connsiteX0" fmla="*/ 1054645 w 3259303"/>
              <a:gd name="connsiteY0" fmla="*/ 0 h 3242475"/>
              <a:gd name="connsiteX1" fmla="*/ 1469772 w 3259303"/>
              <a:gd name="connsiteY1" fmla="*/ 22440 h 3242475"/>
              <a:gd name="connsiteX2" fmla="*/ 1682945 w 3259303"/>
              <a:gd name="connsiteY2" fmla="*/ 734887 h 3242475"/>
              <a:gd name="connsiteX3" fmla="*/ 2417830 w 3259303"/>
              <a:gd name="connsiteY3" fmla="*/ 560983 h 3242475"/>
              <a:gd name="connsiteX4" fmla="*/ 3259303 w 3259303"/>
              <a:gd name="connsiteY4" fmla="*/ 1828801 h 3242475"/>
              <a:gd name="connsiteX5" fmla="*/ 2311244 w 3259303"/>
              <a:gd name="connsiteY5" fmla="*/ 3107839 h 3242475"/>
              <a:gd name="connsiteX6" fmla="*/ 622689 w 3259303"/>
              <a:gd name="connsiteY6" fmla="*/ 2664664 h 3242475"/>
              <a:gd name="connsiteX7" fmla="*/ 398297 w 3259303"/>
              <a:gd name="connsiteY7" fmla="*/ 3242475 h 3242475"/>
              <a:gd name="connsiteX8" fmla="*/ 0 w 3259303"/>
              <a:gd name="connsiteY8" fmla="*/ 3236865 h 3242475"/>
              <a:gd name="connsiteX9" fmla="*/ 218783 w 3259303"/>
              <a:gd name="connsiteY9" fmla="*/ 2328075 h 3242475"/>
              <a:gd name="connsiteX10" fmla="*/ 1593187 w 3259303"/>
              <a:gd name="connsiteY10" fmla="*/ 1991486 h 3242475"/>
              <a:gd name="connsiteX11" fmla="*/ 1250989 w 3259303"/>
              <a:gd name="connsiteY11" fmla="*/ 959280 h 3242475"/>
              <a:gd name="connsiteX12" fmla="*/ 1054645 w 3259303"/>
              <a:gd name="connsiteY12" fmla="*/ 0 h 3242475"/>
              <a:gd name="connsiteX0" fmla="*/ 1054645 w 3259303"/>
              <a:gd name="connsiteY0" fmla="*/ 0 h 3242475"/>
              <a:gd name="connsiteX1" fmla="*/ 1464162 w 3259303"/>
              <a:gd name="connsiteY1" fmla="*/ 1 h 3242475"/>
              <a:gd name="connsiteX2" fmla="*/ 1682945 w 3259303"/>
              <a:gd name="connsiteY2" fmla="*/ 734887 h 3242475"/>
              <a:gd name="connsiteX3" fmla="*/ 2417830 w 3259303"/>
              <a:gd name="connsiteY3" fmla="*/ 560983 h 3242475"/>
              <a:gd name="connsiteX4" fmla="*/ 3259303 w 3259303"/>
              <a:gd name="connsiteY4" fmla="*/ 1828801 h 3242475"/>
              <a:gd name="connsiteX5" fmla="*/ 2311244 w 3259303"/>
              <a:gd name="connsiteY5" fmla="*/ 3107839 h 3242475"/>
              <a:gd name="connsiteX6" fmla="*/ 622689 w 3259303"/>
              <a:gd name="connsiteY6" fmla="*/ 2664664 h 3242475"/>
              <a:gd name="connsiteX7" fmla="*/ 398297 w 3259303"/>
              <a:gd name="connsiteY7" fmla="*/ 3242475 h 3242475"/>
              <a:gd name="connsiteX8" fmla="*/ 0 w 3259303"/>
              <a:gd name="connsiteY8" fmla="*/ 3236865 h 3242475"/>
              <a:gd name="connsiteX9" fmla="*/ 218783 w 3259303"/>
              <a:gd name="connsiteY9" fmla="*/ 2328075 h 3242475"/>
              <a:gd name="connsiteX10" fmla="*/ 1593187 w 3259303"/>
              <a:gd name="connsiteY10" fmla="*/ 1991486 h 3242475"/>
              <a:gd name="connsiteX11" fmla="*/ 1250989 w 3259303"/>
              <a:gd name="connsiteY11" fmla="*/ 959280 h 3242475"/>
              <a:gd name="connsiteX12" fmla="*/ 1054645 w 3259303"/>
              <a:gd name="connsiteY12" fmla="*/ 0 h 3242475"/>
              <a:gd name="connsiteX0" fmla="*/ 1065864 w 3259303"/>
              <a:gd name="connsiteY0" fmla="*/ 5609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5609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218783 w 3259303"/>
              <a:gd name="connsiteY9" fmla="*/ 2328074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37566 w 3259303"/>
              <a:gd name="connsiteY9" fmla="*/ 2260757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37566 w 3259303"/>
              <a:gd name="connsiteY9" fmla="*/ 2260757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48785 w 3259303"/>
              <a:gd name="connsiteY9" fmla="*/ 2232708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48785 w 3259303"/>
              <a:gd name="connsiteY9" fmla="*/ 2232708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48785 w 3259303"/>
              <a:gd name="connsiteY9" fmla="*/ 2232708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48785 w 3259303"/>
              <a:gd name="connsiteY9" fmla="*/ 2232708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48785 w 3259303"/>
              <a:gd name="connsiteY9" fmla="*/ 2232708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48785 w 3259303"/>
              <a:gd name="connsiteY9" fmla="*/ 2232708 h 3242474"/>
              <a:gd name="connsiteX10" fmla="*/ 1593187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48785 w 3259303"/>
              <a:gd name="connsiteY9" fmla="*/ 2232708 h 3242474"/>
              <a:gd name="connsiteX10" fmla="*/ 1576358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65864 w 3259303"/>
              <a:gd name="connsiteY0" fmla="*/ 16828 h 3242474"/>
              <a:gd name="connsiteX1" fmla="*/ 1464162 w 3259303"/>
              <a:gd name="connsiteY1" fmla="*/ 0 h 3242474"/>
              <a:gd name="connsiteX2" fmla="*/ 1682945 w 3259303"/>
              <a:gd name="connsiteY2" fmla="*/ 734886 h 3242474"/>
              <a:gd name="connsiteX3" fmla="*/ 2417830 w 3259303"/>
              <a:gd name="connsiteY3" fmla="*/ 560982 h 3242474"/>
              <a:gd name="connsiteX4" fmla="*/ 3259303 w 3259303"/>
              <a:gd name="connsiteY4" fmla="*/ 1828800 h 3242474"/>
              <a:gd name="connsiteX5" fmla="*/ 2311244 w 3259303"/>
              <a:gd name="connsiteY5" fmla="*/ 3107838 h 3242474"/>
              <a:gd name="connsiteX6" fmla="*/ 622689 w 3259303"/>
              <a:gd name="connsiteY6" fmla="*/ 2664663 h 3242474"/>
              <a:gd name="connsiteX7" fmla="*/ 398297 w 3259303"/>
              <a:gd name="connsiteY7" fmla="*/ 3242474 h 3242474"/>
              <a:gd name="connsiteX8" fmla="*/ 0 w 3259303"/>
              <a:gd name="connsiteY8" fmla="*/ 3236864 h 3242474"/>
              <a:gd name="connsiteX9" fmla="*/ 448785 w 3259303"/>
              <a:gd name="connsiteY9" fmla="*/ 2232708 h 3242474"/>
              <a:gd name="connsiteX10" fmla="*/ 1576358 w 3259303"/>
              <a:gd name="connsiteY10" fmla="*/ 1991485 h 3242474"/>
              <a:gd name="connsiteX11" fmla="*/ 1250989 w 3259303"/>
              <a:gd name="connsiteY11" fmla="*/ 959279 h 3242474"/>
              <a:gd name="connsiteX12" fmla="*/ 1065864 w 3259303"/>
              <a:gd name="connsiteY12" fmla="*/ 16828 h 3242474"/>
              <a:gd name="connsiteX0" fmla="*/ 1004156 w 3197595"/>
              <a:gd name="connsiteY0" fmla="*/ 16828 h 3242474"/>
              <a:gd name="connsiteX1" fmla="*/ 1402454 w 3197595"/>
              <a:gd name="connsiteY1" fmla="*/ 0 h 3242474"/>
              <a:gd name="connsiteX2" fmla="*/ 1621237 w 3197595"/>
              <a:gd name="connsiteY2" fmla="*/ 734886 h 3242474"/>
              <a:gd name="connsiteX3" fmla="*/ 2356122 w 3197595"/>
              <a:gd name="connsiteY3" fmla="*/ 560982 h 3242474"/>
              <a:gd name="connsiteX4" fmla="*/ 3197595 w 3197595"/>
              <a:gd name="connsiteY4" fmla="*/ 1828800 h 3242474"/>
              <a:gd name="connsiteX5" fmla="*/ 2249536 w 3197595"/>
              <a:gd name="connsiteY5" fmla="*/ 3107838 h 3242474"/>
              <a:gd name="connsiteX6" fmla="*/ 560981 w 3197595"/>
              <a:gd name="connsiteY6" fmla="*/ 2664663 h 3242474"/>
              <a:gd name="connsiteX7" fmla="*/ 336589 w 3197595"/>
              <a:gd name="connsiteY7" fmla="*/ 3242474 h 3242474"/>
              <a:gd name="connsiteX8" fmla="*/ 0 w 3197595"/>
              <a:gd name="connsiteY8" fmla="*/ 3236864 h 3242474"/>
              <a:gd name="connsiteX9" fmla="*/ 387077 w 3197595"/>
              <a:gd name="connsiteY9" fmla="*/ 2232708 h 3242474"/>
              <a:gd name="connsiteX10" fmla="*/ 1514650 w 3197595"/>
              <a:gd name="connsiteY10" fmla="*/ 1991485 h 3242474"/>
              <a:gd name="connsiteX11" fmla="*/ 1189281 w 3197595"/>
              <a:gd name="connsiteY11" fmla="*/ 959279 h 3242474"/>
              <a:gd name="connsiteX12" fmla="*/ 1004156 w 3197595"/>
              <a:gd name="connsiteY12" fmla="*/ 16828 h 3242474"/>
              <a:gd name="connsiteX0" fmla="*/ 1011476 w 3204915"/>
              <a:gd name="connsiteY0" fmla="*/ 16828 h 3242474"/>
              <a:gd name="connsiteX1" fmla="*/ 1409774 w 3204915"/>
              <a:gd name="connsiteY1" fmla="*/ 0 h 3242474"/>
              <a:gd name="connsiteX2" fmla="*/ 1628557 w 3204915"/>
              <a:gd name="connsiteY2" fmla="*/ 734886 h 3242474"/>
              <a:gd name="connsiteX3" fmla="*/ 2363442 w 3204915"/>
              <a:gd name="connsiteY3" fmla="*/ 560982 h 3242474"/>
              <a:gd name="connsiteX4" fmla="*/ 3204915 w 3204915"/>
              <a:gd name="connsiteY4" fmla="*/ 1828800 h 3242474"/>
              <a:gd name="connsiteX5" fmla="*/ 2256856 w 3204915"/>
              <a:gd name="connsiteY5" fmla="*/ 3107838 h 3242474"/>
              <a:gd name="connsiteX6" fmla="*/ 568301 w 3204915"/>
              <a:gd name="connsiteY6" fmla="*/ 2664663 h 3242474"/>
              <a:gd name="connsiteX7" fmla="*/ 343909 w 3204915"/>
              <a:gd name="connsiteY7" fmla="*/ 3242474 h 3242474"/>
              <a:gd name="connsiteX8" fmla="*/ 7320 w 3204915"/>
              <a:gd name="connsiteY8" fmla="*/ 3236864 h 3242474"/>
              <a:gd name="connsiteX9" fmla="*/ 394397 w 3204915"/>
              <a:gd name="connsiteY9" fmla="*/ 2232708 h 3242474"/>
              <a:gd name="connsiteX10" fmla="*/ 1521970 w 3204915"/>
              <a:gd name="connsiteY10" fmla="*/ 1991485 h 3242474"/>
              <a:gd name="connsiteX11" fmla="*/ 1196601 w 3204915"/>
              <a:gd name="connsiteY11" fmla="*/ 959279 h 3242474"/>
              <a:gd name="connsiteX12" fmla="*/ 1011476 w 3204915"/>
              <a:gd name="connsiteY12" fmla="*/ 16828 h 3242474"/>
              <a:gd name="connsiteX0" fmla="*/ 1007292 w 3200731"/>
              <a:gd name="connsiteY0" fmla="*/ 16828 h 3242474"/>
              <a:gd name="connsiteX1" fmla="*/ 1405590 w 3200731"/>
              <a:gd name="connsiteY1" fmla="*/ 0 h 3242474"/>
              <a:gd name="connsiteX2" fmla="*/ 1624373 w 3200731"/>
              <a:gd name="connsiteY2" fmla="*/ 734886 h 3242474"/>
              <a:gd name="connsiteX3" fmla="*/ 2359258 w 3200731"/>
              <a:gd name="connsiteY3" fmla="*/ 560982 h 3242474"/>
              <a:gd name="connsiteX4" fmla="*/ 3200731 w 3200731"/>
              <a:gd name="connsiteY4" fmla="*/ 1828800 h 3242474"/>
              <a:gd name="connsiteX5" fmla="*/ 2252672 w 3200731"/>
              <a:gd name="connsiteY5" fmla="*/ 3107838 h 3242474"/>
              <a:gd name="connsiteX6" fmla="*/ 564117 w 3200731"/>
              <a:gd name="connsiteY6" fmla="*/ 2664663 h 3242474"/>
              <a:gd name="connsiteX7" fmla="*/ 339725 w 3200731"/>
              <a:gd name="connsiteY7" fmla="*/ 3242474 h 3242474"/>
              <a:gd name="connsiteX8" fmla="*/ 3136 w 3200731"/>
              <a:gd name="connsiteY8" fmla="*/ 3236864 h 3242474"/>
              <a:gd name="connsiteX9" fmla="*/ 390213 w 3200731"/>
              <a:gd name="connsiteY9" fmla="*/ 2232708 h 3242474"/>
              <a:gd name="connsiteX10" fmla="*/ 1517786 w 3200731"/>
              <a:gd name="connsiteY10" fmla="*/ 1991485 h 3242474"/>
              <a:gd name="connsiteX11" fmla="*/ 1192417 w 3200731"/>
              <a:gd name="connsiteY11" fmla="*/ 959279 h 3242474"/>
              <a:gd name="connsiteX12" fmla="*/ 1007292 w 3200731"/>
              <a:gd name="connsiteY12" fmla="*/ 16828 h 3242474"/>
              <a:gd name="connsiteX0" fmla="*/ 1051443 w 3244882"/>
              <a:gd name="connsiteY0" fmla="*/ 16828 h 3242474"/>
              <a:gd name="connsiteX1" fmla="*/ 1449741 w 3244882"/>
              <a:gd name="connsiteY1" fmla="*/ 0 h 3242474"/>
              <a:gd name="connsiteX2" fmla="*/ 1668524 w 3244882"/>
              <a:gd name="connsiteY2" fmla="*/ 734886 h 3242474"/>
              <a:gd name="connsiteX3" fmla="*/ 2403409 w 3244882"/>
              <a:gd name="connsiteY3" fmla="*/ 560982 h 3242474"/>
              <a:gd name="connsiteX4" fmla="*/ 3244882 w 3244882"/>
              <a:gd name="connsiteY4" fmla="*/ 1828800 h 3242474"/>
              <a:gd name="connsiteX5" fmla="*/ 2296823 w 3244882"/>
              <a:gd name="connsiteY5" fmla="*/ 3107838 h 3242474"/>
              <a:gd name="connsiteX6" fmla="*/ 608268 w 3244882"/>
              <a:gd name="connsiteY6" fmla="*/ 2664663 h 3242474"/>
              <a:gd name="connsiteX7" fmla="*/ 383876 w 3244882"/>
              <a:gd name="connsiteY7" fmla="*/ 3242474 h 3242474"/>
              <a:gd name="connsiteX8" fmla="*/ 2408 w 3244882"/>
              <a:gd name="connsiteY8" fmla="*/ 3236864 h 3242474"/>
              <a:gd name="connsiteX9" fmla="*/ 434364 w 3244882"/>
              <a:gd name="connsiteY9" fmla="*/ 2232708 h 3242474"/>
              <a:gd name="connsiteX10" fmla="*/ 1561937 w 3244882"/>
              <a:gd name="connsiteY10" fmla="*/ 1991485 h 3242474"/>
              <a:gd name="connsiteX11" fmla="*/ 1236568 w 3244882"/>
              <a:gd name="connsiteY11" fmla="*/ 959279 h 3242474"/>
              <a:gd name="connsiteX12" fmla="*/ 1051443 w 3244882"/>
              <a:gd name="connsiteY12" fmla="*/ 16828 h 3242474"/>
              <a:gd name="connsiteX0" fmla="*/ 1049313 w 3242752"/>
              <a:gd name="connsiteY0" fmla="*/ 16828 h 3242474"/>
              <a:gd name="connsiteX1" fmla="*/ 1447611 w 3242752"/>
              <a:gd name="connsiteY1" fmla="*/ 0 h 3242474"/>
              <a:gd name="connsiteX2" fmla="*/ 1666394 w 3242752"/>
              <a:gd name="connsiteY2" fmla="*/ 734886 h 3242474"/>
              <a:gd name="connsiteX3" fmla="*/ 2401279 w 3242752"/>
              <a:gd name="connsiteY3" fmla="*/ 560982 h 3242474"/>
              <a:gd name="connsiteX4" fmla="*/ 3242752 w 3242752"/>
              <a:gd name="connsiteY4" fmla="*/ 1828800 h 3242474"/>
              <a:gd name="connsiteX5" fmla="*/ 2294693 w 3242752"/>
              <a:gd name="connsiteY5" fmla="*/ 3107838 h 3242474"/>
              <a:gd name="connsiteX6" fmla="*/ 606138 w 3242752"/>
              <a:gd name="connsiteY6" fmla="*/ 2664663 h 3242474"/>
              <a:gd name="connsiteX7" fmla="*/ 381746 w 3242752"/>
              <a:gd name="connsiteY7" fmla="*/ 3242474 h 3242474"/>
              <a:gd name="connsiteX8" fmla="*/ 278 w 3242752"/>
              <a:gd name="connsiteY8" fmla="*/ 3236864 h 3242474"/>
              <a:gd name="connsiteX9" fmla="*/ 432234 w 3242752"/>
              <a:gd name="connsiteY9" fmla="*/ 2232708 h 3242474"/>
              <a:gd name="connsiteX10" fmla="*/ 1559807 w 3242752"/>
              <a:gd name="connsiteY10" fmla="*/ 1991485 h 3242474"/>
              <a:gd name="connsiteX11" fmla="*/ 1234438 w 3242752"/>
              <a:gd name="connsiteY11" fmla="*/ 959279 h 3242474"/>
              <a:gd name="connsiteX12" fmla="*/ 1049313 w 3242752"/>
              <a:gd name="connsiteY12" fmla="*/ 16828 h 3242474"/>
              <a:gd name="connsiteX0" fmla="*/ 1049035 w 3242474"/>
              <a:gd name="connsiteY0" fmla="*/ 16828 h 3242474"/>
              <a:gd name="connsiteX1" fmla="*/ 1447333 w 3242474"/>
              <a:gd name="connsiteY1" fmla="*/ 0 h 3242474"/>
              <a:gd name="connsiteX2" fmla="*/ 1666116 w 3242474"/>
              <a:gd name="connsiteY2" fmla="*/ 734886 h 3242474"/>
              <a:gd name="connsiteX3" fmla="*/ 2401001 w 3242474"/>
              <a:gd name="connsiteY3" fmla="*/ 560982 h 3242474"/>
              <a:gd name="connsiteX4" fmla="*/ 3242474 w 3242474"/>
              <a:gd name="connsiteY4" fmla="*/ 1828800 h 3242474"/>
              <a:gd name="connsiteX5" fmla="*/ 2294415 w 3242474"/>
              <a:gd name="connsiteY5" fmla="*/ 3107838 h 3242474"/>
              <a:gd name="connsiteX6" fmla="*/ 605860 w 3242474"/>
              <a:gd name="connsiteY6" fmla="*/ 2664663 h 3242474"/>
              <a:gd name="connsiteX7" fmla="*/ 381468 w 3242474"/>
              <a:gd name="connsiteY7" fmla="*/ 3242474 h 3242474"/>
              <a:gd name="connsiteX8" fmla="*/ 0 w 3242474"/>
              <a:gd name="connsiteY8" fmla="*/ 3236864 h 3242474"/>
              <a:gd name="connsiteX9" fmla="*/ 431956 w 3242474"/>
              <a:gd name="connsiteY9" fmla="*/ 2232708 h 3242474"/>
              <a:gd name="connsiteX10" fmla="*/ 1559529 w 3242474"/>
              <a:gd name="connsiteY10" fmla="*/ 1991485 h 3242474"/>
              <a:gd name="connsiteX11" fmla="*/ 1234160 w 3242474"/>
              <a:gd name="connsiteY11" fmla="*/ 959279 h 3242474"/>
              <a:gd name="connsiteX12" fmla="*/ 1049035 w 3242474"/>
              <a:gd name="connsiteY12" fmla="*/ 16828 h 3242474"/>
              <a:gd name="connsiteX0" fmla="*/ 1049035 w 3242474"/>
              <a:gd name="connsiteY0" fmla="*/ 16828 h 3242474"/>
              <a:gd name="connsiteX1" fmla="*/ 1447333 w 3242474"/>
              <a:gd name="connsiteY1" fmla="*/ 0 h 3242474"/>
              <a:gd name="connsiteX2" fmla="*/ 1666116 w 3242474"/>
              <a:gd name="connsiteY2" fmla="*/ 734886 h 3242474"/>
              <a:gd name="connsiteX3" fmla="*/ 2401001 w 3242474"/>
              <a:gd name="connsiteY3" fmla="*/ 560982 h 3242474"/>
              <a:gd name="connsiteX4" fmla="*/ 3242474 w 3242474"/>
              <a:gd name="connsiteY4" fmla="*/ 1828800 h 3242474"/>
              <a:gd name="connsiteX5" fmla="*/ 2294415 w 3242474"/>
              <a:gd name="connsiteY5" fmla="*/ 3107838 h 3242474"/>
              <a:gd name="connsiteX6" fmla="*/ 605860 w 3242474"/>
              <a:gd name="connsiteY6" fmla="*/ 2664663 h 3242474"/>
              <a:gd name="connsiteX7" fmla="*/ 381468 w 3242474"/>
              <a:gd name="connsiteY7" fmla="*/ 3242474 h 3242474"/>
              <a:gd name="connsiteX8" fmla="*/ 0 w 3242474"/>
              <a:gd name="connsiteY8" fmla="*/ 3236864 h 3242474"/>
              <a:gd name="connsiteX9" fmla="*/ 431956 w 3242474"/>
              <a:gd name="connsiteY9" fmla="*/ 2232708 h 3242474"/>
              <a:gd name="connsiteX10" fmla="*/ 1559529 w 3242474"/>
              <a:gd name="connsiteY10" fmla="*/ 1991485 h 3242474"/>
              <a:gd name="connsiteX11" fmla="*/ 1234160 w 3242474"/>
              <a:gd name="connsiteY11" fmla="*/ 959279 h 3242474"/>
              <a:gd name="connsiteX12" fmla="*/ 1049035 w 3242474"/>
              <a:gd name="connsiteY12" fmla="*/ 16828 h 3242474"/>
              <a:gd name="connsiteX0" fmla="*/ 1049035 w 3242474"/>
              <a:gd name="connsiteY0" fmla="*/ 16828 h 3242474"/>
              <a:gd name="connsiteX1" fmla="*/ 1447333 w 3242474"/>
              <a:gd name="connsiteY1" fmla="*/ 0 h 3242474"/>
              <a:gd name="connsiteX2" fmla="*/ 1666116 w 3242474"/>
              <a:gd name="connsiteY2" fmla="*/ 734886 h 3242474"/>
              <a:gd name="connsiteX3" fmla="*/ 2401001 w 3242474"/>
              <a:gd name="connsiteY3" fmla="*/ 560982 h 3242474"/>
              <a:gd name="connsiteX4" fmla="*/ 3242474 w 3242474"/>
              <a:gd name="connsiteY4" fmla="*/ 1828800 h 3242474"/>
              <a:gd name="connsiteX5" fmla="*/ 2294415 w 3242474"/>
              <a:gd name="connsiteY5" fmla="*/ 3107838 h 3242474"/>
              <a:gd name="connsiteX6" fmla="*/ 605860 w 3242474"/>
              <a:gd name="connsiteY6" fmla="*/ 2664663 h 3242474"/>
              <a:gd name="connsiteX7" fmla="*/ 381468 w 3242474"/>
              <a:gd name="connsiteY7" fmla="*/ 3242474 h 3242474"/>
              <a:gd name="connsiteX8" fmla="*/ 0 w 3242474"/>
              <a:gd name="connsiteY8" fmla="*/ 3236864 h 3242474"/>
              <a:gd name="connsiteX9" fmla="*/ 431956 w 3242474"/>
              <a:gd name="connsiteY9" fmla="*/ 2232708 h 3242474"/>
              <a:gd name="connsiteX10" fmla="*/ 1559529 w 3242474"/>
              <a:gd name="connsiteY10" fmla="*/ 1991485 h 3242474"/>
              <a:gd name="connsiteX11" fmla="*/ 1234160 w 3242474"/>
              <a:gd name="connsiteY11" fmla="*/ 959279 h 3242474"/>
              <a:gd name="connsiteX12" fmla="*/ 1049035 w 3242474"/>
              <a:gd name="connsiteY12" fmla="*/ 16828 h 3242474"/>
              <a:gd name="connsiteX0" fmla="*/ 1049035 w 3242474"/>
              <a:gd name="connsiteY0" fmla="*/ 16828 h 3242474"/>
              <a:gd name="connsiteX1" fmla="*/ 1447333 w 3242474"/>
              <a:gd name="connsiteY1" fmla="*/ 0 h 3242474"/>
              <a:gd name="connsiteX2" fmla="*/ 1666116 w 3242474"/>
              <a:gd name="connsiteY2" fmla="*/ 734886 h 3242474"/>
              <a:gd name="connsiteX3" fmla="*/ 2401001 w 3242474"/>
              <a:gd name="connsiteY3" fmla="*/ 560982 h 3242474"/>
              <a:gd name="connsiteX4" fmla="*/ 3242474 w 3242474"/>
              <a:gd name="connsiteY4" fmla="*/ 1828800 h 3242474"/>
              <a:gd name="connsiteX5" fmla="*/ 2294415 w 3242474"/>
              <a:gd name="connsiteY5" fmla="*/ 3107838 h 3242474"/>
              <a:gd name="connsiteX6" fmla="*/ 605860 w 3242474"/>
              <a:gd name="connsiteY6" fmla="*/ 2664663 h 3242474"/>
              <a:gd name="connsiteX7" fmla="*/ 381468 w 3242474"/>
              <a:gd name="connsiteY7" fmla="*/ 3242474 h 3242474"/>
              <a:gd name="connsiteX8" fmla="*/ 0 w 3242474"/>
              <a:gd name="connsiteY8" fmla="*/ 3236864 h 3242474"/>
              <a:gd name="connsiteX9" fmla="*/ 431956 w 3242474"/>
              <a:gd name="connsiteY9" fmla="*/ 2232708 h 3242474"/>
              <a:gd name="connsiteX10" fmla="*/ 1559529 w 3242474"/>
              <a:gd name="connsiteY10" fmla="*/ 1991485 h 3242474"/>
              <a:gd name="connsiteX11" fmla="*/ 1234160 w 3242474"/>
              <a:gd name="connsiteY11" fmla="*/ 959279 h 3242474"/>
              <a:gd name="connsiteX12" fmla="*/ 1049035 w 3242474"/>
              <a:gd name="connsiteY12" fmla="*/ 16828 h 3242474"/>
              <a:gd name="connsiteX0" fmla="*/ 1049035 w 3242474"/>
              <a:gd name="connsiteY0" fmla="*/ 16828 h 3242474"/>
              <a:gd name="connsiteX1" fmla="*/ 1447333 w 3242474"/>
              <a:gd name="connsiteY1" fmla="*/ 0 h 3242474"/>
              <a:gd name="connsiteX2" fmla="*/ 1666116 w 3242474"/>
              <a:gd name="connsiteY2" fmla="*/ 734886 h 3242474"/>
              <a:gd name="connsiteX3" fmla="*/ 2401001 w 3242474"/>
              <a:gd name="connsiteY3" fmla="*/ 560982 h 3242474"/>
              <a:gd name="connsiteX4" fmla="*/ 3242474 w 3242474"/>
              <a:gd name="connsiteY4" fmla="*/ 1828800 h 3242474"/>
              <a:gd name="connsiteX5" fmla="*/ 2300025 w 3242474"/>
              <a:gd name="connsiteY5" fmla="*/ 3046130 h 3242474"/>
              <a:gd name="connsiteX6" fmla="*/ 605860 w 3242474"/>
              <a:gd name="connsiteY6" fmla="*/ 2664663 h 3242474"/>
              <a:gd name="connsiteX7" fmla="*/ 381468 w 3242474"/>
              <a:gd name="connsiteY7" fmla="*/ 3242474 h 3242474"/>
              <a:gd name="connsiteX8" fmla="*/ 0 w 3242474"/>
              <a:gd name="connsiteY8" fmla="*/ 3236864 h 3242474"/>
              <a:gd name="connsiteX9" fmla="*/ 431956 w 3242474"/>
              <a:gd name="connsiteY9" fmla="*/ 2232708 h 3242474"/>
              <a:gd name="connsiteX10" fmla="*/ 1559529 w 3242474"/>
              <a:gd name="connsiteY10" fmla="*/ 1991485 h 3242474"/>
              <a:gd name="connsiteX11" fmla="*/ 1234160 w 3242474"/>
              <a:gd name="connsiteY11" fmla="*/ 959279 h 3242474"/>
              <a:gd name="connsiteX12" fmla="*/ 1049035 w 3242474"/>
              <a:gd name="connsiteY12" fmla="*/ 16828 h 3242474"/>
              <a:gd name="connsiteX0" fmla="*/ 1049035 w 3242474"/>
              <a:gd name="connsiteY0" fmla="*/ 16828 h 3242474"/>
              <a:gd name="connsiteX1" fmla="*/ 1447333 w 3242474"/>
              <a:gd name="connsiteY1" fmla="*/ 0 h 3242474"/>
              <a:gd name="connsiteX2" fmla="*/ 1666116 w 3242474"/>
              <a:gd name="connsiteY2" fmla="*/ 734886 h 3242474"/>
              <a:gd name="connsiteX3" fmla="*/ 2401001 w 3242474"/>
              <a:gd name="connsiteY3" fmla="*/ 560982 h 3242474"/>
              <a:gd name="connsiteX4" fmla="*/ 3242474 w 3242474"/>
              <a:gd name="connsiteY4" fmla="*/ 1828800 h 3242474"/>
              <a:gd name="connsiteX5" fmla="*/ 2300025 w 3242474"/>
              <a:gd name="connsiteY5" fmla="*/ 3046130 h 3242474"/>
              <a:gd name="connsiteX6" fmla="*/ 605860 w 3242474"/>
              <a:gd name="connsiteY6" fmla="*/ 2664663 h 3242474"/>
              <a:gd name="connsiteX7" fmla="*/ 381468 w 3242474"/>
              <a:gd name="connsiteY7" fmla="*/ 3242474 h 3242474"/>
              <a:gd name="connsiteX8" fmla="*/ 0 w 3242474"/>
              <a:gd name="connsiteY8" fmla="*/ 3236864 h 3242474"/>
              <a:gd name="connsiteX9" fmla="*/ 431956 w 3242474"/>
              <a:gd name="connsiteY9" fmla="*/ 2232708 h 3242474"/>
              <a:gd name="connsiteX10" fmla="*/ 1559529 w 3242474"/>
              <a:gd name="connsiteY10" fmla="*/ 1991485 h 3242474"/>
              <a:gd name="connsiteX11" fmla="*/ 1234160 w 3242474"/>
              <a:gd name="connsiteY11" fmla="*/ 959279 h 3242474"/>
              <a:gd name="connsiteX12" fmla="*/ 1049035 w 3242474"/>
              <a:gd name="connsiteY12" fmla="*/ 16828 h 3242474"/>
              <a:gd name="connsiteX0" fmla="*/ 1049035 w 3242474"/>
              <a:gd name="connsiteY0" fmla="*/ 16828 h 3242474"/>
              <a:gd name="connsiteX1" fmla="*/ 1447333 w 3242474"/>
              <a:gd name="connsiteY1" fmla="*/ 0 h 3242474"/>
              <a:gd name="connsiteX2" fmla="*/ 1666116 w 3242474"/>
              <a:gd name="connsiteY2" fmla="*/ 734886 h 3242474"/>
              <a:gd name="connsiteX3" fmla="*/ 2401001 w 3242474"/>
              <a:gd name="connsiteY3" fmla="*/ 560982 h 3242474"/>
              <a:gd name="connsiteX4" fmla="*/ 3242474 w 3242474"/>
              <a:gd name="connsiteY4" fmla="*/ 1828800 h 3242474"/>
              <a:gd name="connsiteX5" fmla="*/ 2300025 w 3242474"/>
              <a:gd name="connsiteY5" fmla="*/ 3046130 h 3242474"/>
              <a:gd name="connsiteX6" fmla="*/ 605860 w 3242474"/>
              <a:gd name="connsiteY6" fmla="*/ 2664663 h 3242474"/>
              <a:gd name="connsiteX7" fmla="*/ 381468 w 3242474"/>
              <a:gd name="connsiteY7" fmla="*/ 3242474 h 3242474"/>
              <a:gd name="connsiteX8" fmla="*/ 0 w 3242474"/>
              <a:gd name="connsiteY8" fmla="*/ 3236864 h 3242474"/>
              <a:gd name="connsiteX9" fmla="*/ 431956 w 3242474"/>
              <a:gd name="connsiteY9" fmla="*/ 2232708 h 3242474"/>
              <a:gd name="connsiteX10" fmla="*/ 1559529 w 3242474"/>
              <a:gd name="connsiteY10" fmla="*/ 1991485 h 3242474"/>
              <a:gd name="connsiteX11" fmla="*/ 1234160 w 3242474"/>
              <a:gd name="connsiteY11" fmla="*/ 959279 h 3242474"/>
              <a:gd name="connsiteX12" fmla="*/ 1049035 w 3242474"/>
              <a:gd name="connsiteY12" fmla="*/ 16828 h 3242474"/>
              <a:gd name="connsiteX0" fmla="*/ 1049035 w 3242474"/>
              <a:gd name="connsiteY0" fmla="*/ 16828 h 3242474"/>
              <a:gd name="connsiteX1" fmla="*/ 1447333 w 3242474"/>
              <a:gd name="connsiteY1" fmla="*/ 0 h 3242474"/>
              <a:gd name="connsiteX2" fmla="*/ 1666116 w 3242474"/>
              <a:gd name="connsiteY2" fmla="*/ 734886 h 3242474"/>
              <a:gd name="connsiteX3" fmla="*/ 2401001 w 3242474"/>
              <a:gd name="connsiteY3" fmla="*/ 560982 h 3242474"/>
              <a:gd name="connsiteX4" fmla="*/ 3242474 w 3242474"/>
              <a:gd name="connsiteY4" fmla="*/ 1828800 h 3242474"/>
              <a:gd name="connsiteX5" fmla="*/ 2300025 w 3242474"/>
              <a:gd name="connsiteY5" fmla="*/ 3046130 h 3242474"/>
              <a:gd name="connsiteX6" fmla="*/ 605860 w 3242474"/>
              <a:gd name="connsiteY6" fmla="*/ 2664663 h 3242474"/>
              <a:gd name="connsiteX7" fmla="*/ 381468 w 3242474"/>
              <a:gd name="connsiteY7" fmla="*/ 3242474 h 3242474"/>
              <a:gd name="connsiteX8" fmla="*/ 0 w 3242474"/>
              <a:gd name="connsiteY8" fmla="*/ 3236864 h 3242474"/>
              <a:gd name="connsiteX9" fmla="*/ 431956 w 3242474"/>
              <a:gd name="connsiteY9" fmla="*/ 2232708 h 3242474"/>
              <a:gd name="connsiteX10" fmla="*/ 1559529 w 3242474"/>
              <a:gd name="connsiteY10" fmla="*/ 1991485 h 3242474"/>
              <a:gd name="connsiteX11" fmla="*/ 1234160 w 3242474"/>
              <a:gd name="connsiteY11" fmla="*/ 959279 h 3242474"/>
              <a:gd name="connsiteX12" fmla="*/ 1049035 w 3242474"/>
              <a:gd name="connsiteY12" fmla="*/ 16828 h 3242474"/>
              <a:gd name="connsiteX0" fmla="*/ 1049035 w 3186376"/>
              <a:gd name="connsiteY0" fmla="*/ 16828 h 3242474"/>
              <a:gd name="connsiteX1" fmla="*/ 1447333 w 3186376"/>
              <a:gd name="connsiteY1" fmla="*/ 0 h 3242474"/>
              <a:gd name="connsiteX2" fmla="*/ 1666116 w 3186376"/>
              <a:gd name="connsiteY2" fmla="*/ 734886 h 3242474"/>
              <a:gd name="connsiteX3" fmla="*/ 2401001 w 3186376"/>
              <a:gd name="connsiteY3" fmla="*/ 560982 h 3242474"/>
              <a:gd name="connsiteX4" fmla="*/ 3186376 w 3186376"/>
              <a:gd name="connsiteY4" fmla="*/ 1828800 h 3242474"/>
              <a:gd name="connsiteX5" fmla="*/ 2300025 w 3186376"/>
              <a:gd name="connsiteY5" fmla="*/ 3046130 h 3242474"/>
              <a:gd name="connsiteX6" fmla="*/ 605860 w 3186376"/>
              <a:gd name="connsiteY6" fmla="*/ 2664663 h 3242474"/>
              <a:gd name="connsiteX7" fmla="*/ 381468 w 3186376"/>
              <a:gd name="connsiteY7" fmla="*/ 3242474 h 3242474"/>
              <a:gd name="connsiteX8" fmla="*/ 0 w 3186376"/>
              <a:gd name="connsiteY8" fmla="*/ 3236864 h 3242474"/>
              <a:gd name="connsiteX9" fmla="*/ 431956 w 3186376"/>
              <a:gd name="connsiteY9" fmla="*/ 2232708 h 3242474"/>
              <a:gd name="connsiteX10" fmla="*/ 1559529 w 3186376"/>
              <a:gd name="connsiteY10" fmla="*/ 1991485 h 3242474"/>
              <a:gd name="connsiteX11" fmla="*/ 1234160 w 3186376"/>
              <a:gd name="connsiteY11" fmla="*/ 959279 h 3242474"/>
              <a:gd name="connsiteX12" fmla="*/ 1049035 w 3186376"/>
              <a:gd name="connsiteY12" fmla="*/ 16828 h 3242474"/>
              <a:gd name="connsiteX0" fmla="*/ 1049035 w 3186376"/>
              <a:gd name="connsiteY0" fmla="*/ 16828 h 3242474"/>
              <a:gd name="connsiteX1" fmla="*/ 1447333 w 3186376"/>
              <a:gd name="connsiteY1" fmla="*/ 0 h 3242474"/>
              <a:gd name="connsiteX2" fmla="*/ 1666116 w 3186376"/>
              <a:gd name="connsiteY2" fmla="*/ 734886 h 3242474"/>
              <a:gd name="connsiteX3" fmla="*/ 2401001 w 3186376"/>
              <a:gd name="connsiteY3" fmla="*/ 560982 h 3242474"/>
              <a:gd name="connsiteX4" fmla="*/ 3186376 w 3186376"/>
              <a:gd name="connsiteY4" fmla="*/ 1828800 h 3242474"/>
              <a:gd name="connsiteX5" fmla="*/ 2300025 w 3186376"/>
              <a:gd name="connsiteY5" fmla="*/ 3046130 h 3242474"/>
              <a:gd name="connsiteX6" fmla="*/ 605860 w 3186376"/>
              <a:gd name="connsiteY6" fmla="*/ 2664663 h 3242474"/>
              <a:gd name="connsiteX7" fmla="*/ 381468 w 3186376"/>
              <a:gd name="connsiteY7" fmla="*/ 3242474 h 3242474"/>
              <a:gd name="connsiteX8" fmla="*/ 0 w 3186376"/>
              <a:gd name="connsiteY8" fmla="*/ 3236864 h 3242474"/>
              <a:gd name="connsiteX9" fmla="*/ 431956 w 3186376"/>
              <a:gd name="connsiteY9" fmla="*/ 2232708 h 3242474"/>
              <a:gd name="connsiteX10" fmla="*/ 1559529 w 3186376"/>
              <a:gd name="connsiteY10" fmla="*/ 1991485 h 3242474"/>
              <a:gd name="connsiteX11" fmla="*/ 1234160 w 3186376"/>
              <a:gd name="connsiteY11" fmla="*/ 959279 h 3242474"/>
              <a:gd name="connsiteX12" fmla="*/ 1049035 w 3186376"/>
              <a:gd name="connsiteY12" fmla="*/ 16828 h 3242474"/>
              <a:gd name="connsiteX0" fmla="*/ 1049035 w 3186376"/>
              <a:gd name="connsiteY0" fmla="*/ 16828 h 3242474"/>
              <a:gd name="connsiteX1" fmla="*/ 1447333 w 3186376"/>
              <a:gd name="connsiteY1" fmla="*/ 0 h 3242474"/>
              <a:gd name="connsiteX2" fmla="*/ 1666116 w 3186376"/>
              <a:gd name="connsiteY2" fmla="*/ 734886 h 3242474"/>
              <a:gd name="connsiteX3" fmla="*/ 2401001 w 3186376"/>
              <a:gd name="connsiteY3" fmla="*/ 560982 h 3242474"/>
              <a:gd name="connsiteX4" fmla="*/ 3186376 w 3186376"/>
              <a:gd name="connsiteY4" fmla="*/ 1828800 h 3242474"/>
              <a:gd name="connsiteX5" fmla="*/ 2300025 w 3186376"/>
              <a:gd name="connsiteY5" fmla="*/ 3046130 h 3242474"/>
              <a:gd name="connsiteX6" fmla="*/ 605860 w 3186376"/>
              <a:gd name="connsiteY6" fmla="*/ 2664663 h 3242474"/>
              <a:gd name="connsiteX7" fmla="*/ 381468 w 3186376"/>
              <a:gd name="connsiteY7" fmla="*/ 3242474 h 3242474"/>
              <a:gd name="connsiteX8" fmla="*/ 0 w 3186376"/>
              <a:gd name="connsiteY8" fmla="*/ 3236864 h 3242474"/>
              <a:gd name="connsiteX9" fmla="*/ 431956 w 3186376"/>
              <a:gd name="connsiteY9" fmla="*/ 2232708 h 3242474"/>
              <a:gd name="connsiteX10" fmla="*/ 1559529 w 3186376"/>
              <a:gd name="connsiteY10" fmla="*/ 1991485 h 3242474"/>
              <a:gd name="connsiteX11" fmla="*/ 1234160 w 3186376"/>
              <a:gd name="connsiteY11" fmla="*/ 959279 h 3242474"/>
              <a:gd name="connsiteX12" fmla="*/ 1049035 w 3186376"/>
              <a:gd name="connsiteY12" fmla="*/ 16828 h 3242474"/>
              <a:gd name="connsiteX0" fmla="*/ 1049035 w 3203206"/>
              <a:gd name="connsiteY0" fmla="*/ 16828 h 3242474"/>
              <a:gd name="connsiteX1" fmla="*/ 1447333 w 3203206"/>
              <a:gd name="connsiteY1" fmla="*/ 0 h 3242474"/>
              <a:gd name="connsiteX2" fmla="*/ 1666116 w 3203206"/>
              <a:gd name="connsiteY2" fmla="*/ 734886 h 3242474"/>
              <a:gd name="connsiteX3" fmla="*/ 2401001 w 3203206"/>
              <a:gd name="connsiteY3" fmla="*/ 560982 h 3242474"/>
              <a:gd name="connsiteX4" fmla="*/ 3203206 w 3203206"/>
              <a:gd name="connsiteY4" fmla="*/ 1823190 h 3242474"/>
              <a:gd name="connsiteX5" fmla="*/ 2300025 w 3203206"/>
              <a:gd name="connsiteY5" fmla="*/ 3046130 h 3242474"/>
              <a:gd name="connsiteX6" fmla="*/ 605860 w 3203206"/>
              <a:gd name="connsiteY6" fmla="*/ 2664663 h 3242474"/>
              <a:gd name="connsiteX7" fmla="*/ 381468 w 3203206"/>
              <a:gd name="connsiteY7" fmla="*/ 3242474 h 3242474"/>
              <a:gd name="connsiteX8" fmla="*/ 0 w 3203206"/>
              <a:gd name="connsiteY8" fmla="*/ 3236864 h 3242474"/>
              <a:gd name="connsiteX9" fmla="*/ 431956 w 3203206"/>
              <a:gd name="connsiteY9" fmla="*/ 2232708 h 3242474"/>
              <a:gd name="connsiteX10" fmla="*/ 1559529 w 3203206"/>
              <a:gd name="connsiteY10" fmla="*/ 1991485 h 3242474"/>
              <a:gd name="connsiteX11" fmla="*/ 1234160 w 3203206"/>
              <a:gd name="connsiteY11" fmla="*/ 959279 h 3242474"/>
              <a:gd name="connsiteX12" fmla="*/ 1049035 w 3203206"/>
              <a:gd name="connsiteY12" fmla="*/ 16828 h 3242474"/>
              <a:gd name="connsiteX0" fmla="*/ 1049035 w 3203206"/>
              <a:gd name="connsiteY0" fmla="*/ 16828 h 3242474"/>
              <a:gd name="connsiteX1" fmla="*/ 1447333 w 3203206"/>
              <a:gd name="connsiteY1" fmla="*/ 0 h 3242474"/>
              <a:gd name="connsiteX2" fmla="*/ 1666116 w 3203206"/>
              <a:gd name="connsiteY2" fmla="*/ 734886 h 3242474"/>
              <a:gd name="connsiteX3" fmla="*/ 2401001 w 3203206"/>
              <a:gd name="connsiteY3" fmla="*/ 560982 h 3242474"/>
              <a:gd name="connsiteX4" fmla="*/ 3203206 w 3203206"/>
              <a:gd name="connsiteY4" fmla="*/ 1823190 h 3242474"/>
              <a:gd name="connsiteX5" fmla="*/ 2300025 w 3203206"/>
              <a:gd name="connsiteY5" fmla="*/ 3046130 h 3242474"/>
              <a:gd name="connsiteX6" fmla="*/ 605860 w 3203206"/>
              <a:gd name="connsiteY6" fmla="*/ 2664663 h 3242474"/>
              <a:gd name="connsiteX7" fmla="*/ 381468 w 3203206"/>
              <a:gd name="connsiteY7" fmla="*/ 3242474 h 3242474"/>
              <a:gd name="connsiteX8" fmla="*/ 0 w 3203206"/>
              <a:gd name="connsiteY8" fmla="*/ 3236864 h 3242474"/>
              <a:gd name="connsiteX9" fmla="*/ 431956 w 3203206"/>
              <a:gd name="connsiteY9" fmla="*/ 2232708 h 3242474"/>
              <a:gd name="connsiteX10" fmla="*/ 1559529 w 3203206"/>
              <a:gd name="connsiteY10" fmla="*/ 1991485 h 3242474"/>
              <a:gd name="connsiteX11" fmla="*/ 1234160 w 3203206"/>
              <a:gd name="connsiteY11" fmla="*/ 959279 h 3242474"/>
              <a:gd name="connsiteX12" fmla="*/ 1049035 w 3203206"/>
              <a:gd name="connsiteY12" fmla="*/ 16828 h 3242474"/>
              <a:gd name="connsiteX0" fmla="*/ 1049035 w 3203206"/>
              <a:gd name="connsiteY0" fmla="*/ 16828 h 3242474"/>
              <a:gd name="connsiteX1" fmla="*/ 1447333 w 3203206"/>
              <a:gd name="connsiteY1" fmla="*/ 0 h 3242474"/>
              <a:gd name="connsiteX2" fmla="*/ 1666116 w 3203206"/>
              <a:gd name="connsiteY2" fmla="*/ 734886 h 3242474"/>
              <a:gd name="connsiteX3" fmla="*/ 2401001 w 3203206"/>
              <a:gd name="connsiteY3" fmla="*/ 560982 h 3242474"/>
              <a:gd name="connsiteX4" fmla="*/ 3203206 w 3203206"/>
              <a:gd name="connsiteY4" fmla="*/ 1823190 h 3242474"/>
              <a:gd name="connsiteX5" fmla="*/ 2300025 w 3203206"/>
              <a:gd name="connsiteY5" fmla="*/ 3046130 h 3242474"/>
              <a:gd name="connsiteX6" fmla="*/ 605860 w 3203206"/>
              <a:gd name="connsiteY6" fmla="*/ 2664663 h 3242474"/>
              <a:gd name="connsiteX7" fmla="*/ 381468 w 3203206"/>
              <a:gd name="connsiteY7" fmla="*/ 3242474 h 3242474"/>
              <a:gd name="connsiteX8" fmla="*/ 0 w 3203206"/>
              <a:gd name="connsiteY8" fmla="*/ 3236864 h 3242474"/>
              <a:gd name="connsiteX9" fmla="*/ 431956 w 3203206"/>
              <a:gd name="connsiteY9" fmla="*/ 2232708 h 3242474"/>
              <a:gd name="connsiteX10" fmla="*/ 1559529 w 3203206"/>
              <a:gd name="connsiteY10" fmla="*/ 1991485 h 3242474"/>
              <a:gd name="connsiteX11" fmla="*/ 1234160 w 3203206"/>
              <a:gd name="connsiteY11" fmla="*/ 959279 h 3242474"/>
              <a:gd name="connsiteX12" fmla="*/ 1049035 w 3203206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431956 w 3175157"/>
              <a:gd name="connsiteY9" fmla="*/ 223270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516103 w 3175157"/>
              <a:gd name="connsiteY9" fmla="*/ 224953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516103 w 3175157"/>
              <a:gd name="connsiteY9" fmla="*/ 224953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516103 w 3175157"/>
              <a:gd name="connsiteY9" fmla="*/ 224953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175157"/>
              <a:gd name="connsiteY0" fmla="*/ 16828 h 3242474"/>
              <a:gd name="connsiteX1" fmla="*/ 1447333 w 3175157"/>
              <a:gd name="connsiteY1" fmla="*/ 0 h 3242474"/>
              <a:gd name="connsiteX2" fmla="*/ 1666116 w 3175157"/>
              <a:gd name="connsiteY2" fmla="*/ 734886 h 3242474"/>
              <a:gd name="connsiteX3" fmla="*/ 2401001 w 3175157"/>
              <a:gd name="connsiteY3" fmla="*/ 560982 h 3242474"/>
              <a:gd name="connsiteX4" fmla="*/ 3175157 w 3175157"/>
              <a:gd name="connsiteY4" fmla="*/ 1834409 h 3242474"/>
              <a:gd name="connsiteX5" fmla="*/ 2300025 w 3175157"/>
              <a:gd name="connsiteY5" fmla="*/ 3046130 h 3242474"/>
              <a:gd name="connsiteX6" fmla="*/ 605860 w 3175157"/>
              <a:gd name="connsiteY6" fmla="*/ 2664663 h 3242474"/>
              <a:gd name="connsiteX7" fmla="*/ 381468 w 3175157"/>
              <a:gd name="connsiteY7" fmla="*/ 3242474 h 3242474"/>
              <a:gd name="connsiteX8" fmla="*/ 0 w 3175157"/>
              <a:gd name="connsiteY8" fmla="*/ 3236864 h 3242474"/>
              <a:gd name="connsiteX9" fmla="*/ 516103 w 3175157"/>
              <a:gd name="connsiteY9" fmla="*/ 2249538 h 3242474"/>
              <a:gd name="connsiteX10" fmla="*/ 1559529 w 3175157"/>
              <a:gd name="connsiteY10" fmla="*/ 1991485 h 3242474"/>
              <a:gd name="connsiteX11" fmla="*/ 1234160 w 3175157"/>
              <a:gd name="connsiteY11" fmla="*/ 959279 h 3242474"/>
              <a:gd name="connsiteX12" fmla="*/ 1049035 w 3175157"/>
              <a:gd name="connsiteY12" fmla="*/ 16828 h 3242474"/>
              <a:gd name="connsiteX0" fmla="*/ 1049035 w 3203206"/>
              <a:gd name="connsiteY0" fmla="*/ 16828 h 3242474"/>
              <a:gd name="connsiteX1" fmla="*/ 1447333 w 3203206"/>
              <a:gd name="connsiteY1" fmla="*/ 0 h 3242474"/>
              <a:gd name="connsiteX2" fmla="*/ 1666116 w 3203206"/>
              <a:gd name="connsiteY2" fmla="*/ 734886 h 3242474"/>
              <a:gd name="connsiteX3" fmla="*/ 2401001 w 3203206"/>
              <a:gd name="connsiteY3" fmla="*/ 560982 h 3242474"/>
              <a:gd name="connsiteX4" fmla="*/ 3203206 w 3203206"/>
              <a:gd name="connsiteY4" fmla="*/ 1834409 h 3242474"/>
              <a:gd name="connsiteX5" fmla="*/ 2300025 w 3203206"/>
              <a:gd name="connsiteY5" fmla="*/ 3046130 h 3242474"/>
              <a:gd name="connsiteX6" fmla="*/ 605860 w 3203206"/>
              <a:gd name="connsiteY6" fmla="*/ 2664663 h 3242474"/>
              <a:gd name="connsiteX7" fmla="*/ 381468 w 3203206"/>
              <a:gd name="connsiteY7" fmla="*/ 3242474 h 3242474"/>
              <a:gd name="connsiteX8" fmla="*/ 0 w 3203206"/>
              <a:gd name="connsiteY8" fmla="*/ 3236864 h 3242474"/>
              <a:gd name="connsiteX9" fmla="*/ 516103 w 3203206"/>
              <a:gd name="connsiteY9" fmla="*/ 2249538 h 3242474"/>
              <a:gd name="connsiteX10" fmla="*/ 1559529 w 3203206"/>
              <a:gd name="connsiteY10" fmla="*/ 1991485 h 3242474"/>
              <a:gd name="connsiteX11" fmla="*/ 1234160 w 3203206"/>
              <a:gd name="connsiteY11" fmla="*/ 959279 h 3242474"/>
              <a:gd name="connsiteX12" fmla="*/ 1049035 w 3203206"/>
              <a:gd name="connsiteY12" fmla="*/ 16828 h 3242474"/>
              <a:gd name="connsiteX0" fmla="*/ 1049035 w 3203570"/>
              <a:gd name="connsiteY0" fmla="*/ 16828 h 3242474"/>
              <a:gd name="connsiteX1" fmla="*/ 1447333 w 3203570"/>
              <a:gd name="connsiteY1" fmla="*/ 0 h 3242474"/>
              <a:gd name="connsiteX2" fmla="*/ 1666116 w 3203570"/>
              <a:gd name="connsiteY2" fmla="*/ 734886 h 3242474"/>
              <a:gd name="connsiteX3" fmla="*/ 2401001 w 3203570"/>
              <a:gd name="connsiteY3" fmla="*/ 560982 h 3242474"/>
              <a:gd name="connsiteX4" fmla="*/ 3203206 w 3203570"/>
              <a:gd name="connsiteY4" fmla="*/ 1834409 h 3242474"/>
              <a:gd name="connsiteX5" fmla="*/ 2300025 w 3203570"/>
              <a:gd name="connsiteY5" fmla="*/ 3046130 h 3242474"/>
              <a:gd name="connsiteX6" fmla="*/ 605860 w 3203570"/>
              <a:gd name="connsiteY6" fmla="*/ 2664663 h 3242474"/>
              <a:gd name="connsiteX7" fmla="*/ 381468 w 3203570"/>
              <a:gd name="connsiteY7" fmla="*/ 3242474 h 3242474"/>
              <a:gd name="connsiteX8" fmla="*/ 0 w 3203570"/>
              <a:gd name="connsiteY8" fmla="*/ 3236864 h 3242474"/>
              <a:gd name="connsiteX9" fmla="*/ 516103 w 3203570"/>
              <a:gd name="connsiteY9" fmla="*/ 2249538 h 3242474"/>
              <a:gd name="connsiteX10" fmla="*/ 1559529 w 3203570"/>
              <a:gd name="connsiteY10" fmla="*/ 1991485 h 3242474"/>
              <a:gd name="connsiteX11" fmla="*/ 1234160 w 3203570"/>
              <a:gd name="connsiteY11" fmla="*/ 959279 h 3242474"/>
              <a:gd name="connsiteX12" fmla="*/ 1049035 w 3203570"/>
              <a:gd name="connsiteY12" fmla="*/ 16828 h 3242474"/>
              <a:gd name="connsiteX0" fmla="*/ 1049035 w 3203570"/>
              <a:gd name="connsiteY0" fmla="*/ 16828 h 3242474"/>
              <a:gd name="connsiteX1" fmla="*/ 1447333 w 3203570"/>
              <a:gd name="connsiteY1" fmla="*/ 0 h 3242474"/>
              <a:gd name="connsiteX2" fmla="*/ 1666116 w 3203570"/>
              <a:gd name="connsiteY2" fmla="*/ 734886 h 3242474"/>
              <a:gd name="connsiteX3" fmla="*/ 2401001 w 3203570"/>
              <a:gd name="connsiteY3" fmla="*/ 560982 h 3242474"/>
              <a:gd name="connsiteX4" fmla="*/ 3203206 w 3203570"/>
              <a:gd name="connsiteY4" fmla="*/ 1834409 h 3242474"/>
              <a:gd name="connsiteX5" fmla="*/ 2300025 w 3203570"/>
              <a:gd name="connsiteY5" fmla="*/ 3046130 h 3242474"/>
              <a:gd name="connsiteX6" fmla="*/ 605860 w 3203570"/>
              <a:gd name="connsiteY6" fmla="*/ 2664663 h 3242474"/>
              <a:gd name="connsiteX7" fmla="*/ 381468 w 3203570"/>
              <a:gd name="connsiteY7" fmla="*/ 3242474 h 3242474"/>
              <a:gd name="connsiteX8" fmla="*/ 0 w 3203570"/>
              <a:gd name="connsiteY8" fmla="*/ 3236864 h 3242474"/>
              <a:gd name="connsiteX9" fmla="*/ 516103 w 3203570"/>
              <a:gd name="connsiteY9" fmla="*/ 2249538 h 3242474"/>
              <a:gd name="connsiteX10" fmla="*/ 1559529 w 3203570"/>
              <a:gd name="connsiteY10" fmla="*/ 1991485 h 3242474"/>
              <a:gd name="connsiteX11" fmla="*/ 1234160 w 3203570"/>
              <a:gd name="connsiteY11" fmla="*/ 959279 h 3242474"/>
              <a:gd name="connsiteX12" fmla="*/ 1049035 w 3203570"/>
              <a:gd name="connsiteY12" fmla="*/ 16828 h 3242474"/>
              <a:gd name="connsiteX0" fmla="*/ 1049035 w 3203570"/>
              <a:gd name="connsiteY0" fmla="*/ 16828 h 3242474"/>
              <a:gd name="connsiteX1" fmla="*/ 1447333 w 3203570"/>
              <a:gd name="connsiteY1" fmla="*/ 0 h 3242474"/>
              <a:gd name="connsiteX2" fmla="*/ 1666116 w 3203570"/>
              <a:gd name="connsiteY2" fmla="*/ 734886 h 3242474"/>
              <a:gd name="connsiteX3" fmla="*/ 2401001 w 3203570"/>
              <a:gd name="connsiteY3" fmla="*/ 560982 h 3242474"/>
              <a:gd name="connsiteX4" fmla="*/ 3203206 w 3203570"/>
              <a:gd name="connsiteY4" fmla="*/ 1834409 h 3242474"/>
              <a:gd name="connsiteX5" fmla="*/ 2300025 w 3203570"/>
              <a:gd name="connsiteY5" fmla="*/ 3046130 h 3242474"/>
              <a:gd name="connsiteX6" fmla="*/ 605860 w 3203570"/>
              <a:gd name="connsiteY6" fmla="*/ 2664663 h 3242474"/>
              <a:gd name="connsiteX7" fmla="*/ 381468 w 3203570"/>
              <a:gd name="connsiteY7" fmla="*/ 3242474 h 3242474"/>
              <a:gd name="connsiteX8" fmla="*/ 0 w 3203570"/>
              <a:gd name="connsiteY8" fmla="*/ 3236864 h 3242474"/>
              <a:gd name="connsiteX9" fmla="*/ 516103 w 3203570"/>
              <a:gd name="connsiteY9" fmla="*/ 2249538 h 3242474"/>
              <a:gd name="connsiteX10" fmla="*/ 1559529 w 3203570"/>
              <a:gd name="connsiteY10" fmla="*/ 1991485 h 3242474"/>
              <a:gd name="connsiteX11" fmla="*/ 1234160 w 3203570"/>
              <a:gd name="connsiteY11" fmla="*/ 959279 h 3242474"/>
              <a:gd name="connsiteX12" fmla="*/ 1049035 w 3203570"/>
              <a:gd name="connsiteY12" fmla="*/ 16828 h 3242474"/>
              <a:gd name="connsiteX0" fmla="*/ 1049035 w 3203570"/>
              <a:gd name="connsiteY0" fmla="*/ 16828 h 3242474"/>
              <a:gd name="connsiteX1" fmla="*/ 1447333 w 3203570"/>
              <a:gd name="connsiteY1" fmla="*/ 0 h 3242474"/>
              <a:gd name="connsiteX2" fmla="*/ 1666116 w 3203570"/>
              <a:gd name="connsiteY2" fmla="*/ 734886 h 3242474"/>
              <a:gd name="connsiteX3" fmla="*/ 2401001 w 3203570"/>
              <a:gd name="connsiteY3" fmla="*/ 560982 h 3242474"/>
              <a:gd name="connsiteX4" fmla="*/ 3203206 w 3203570"/>
              <a:gd name="connsiteY4" fmla="*/ 1834409 h 3242474"/>
              <a:gd name="connsiteX5" fmla="*/ 2300025 w 3203570"/>
              <a:gd name="connsiteY5" fmla="*/ 3046130 h 3242474"/>
              <a:gd name="connsiteX6" fmla="*/ 605860 w 3203570"/>
              <a:gd name="connsiteY6" fmla="*/ 2664663 h 3242474"/>
              <a:gd name="connsiteX7" fmla="*/ 381468 w 3203570"/>
              <a:gd name="connsiteY7" fmla="*/ 3242474 h 3242474"/>
              <a:gd name="connsiteX8" fmla="*/ 0 w 3203570"/>
              <a:gd name="connsiteY8" fmla="*/ 3236864 h 3242474"/>
              <a:gd name="connsiteX9" fmla="*/ 516103 w 3203570"/>
              <a:gd name="connsiteY9" fmla="*/ 2249538 h 3242474"/>
              <a:gd name="connsiteX10" fmla="*/ 1559529 w 3203570"/>
              <a:gd name="connsiteY10" fmla="*/ 1991485 h 3242474"/>
              <a:gd name="connsiteX11" fmla="*/ 1234160 w 3203570"/>
              <a:gd name="connsiteY11" fmla="*/ 959279 h 3242474"/>
              <a:gd name="connsiteX12" fmla="*/ 1049035 w 3203570"/>
              <a:gd name="connsiteY12" fmla="*/ 16828 h 324247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3203570" h="3242474">
                <a:moveTo>
                  <a:pt x="1049035" y="16828"/>
                </a:moveTo>
                <a:lnTo>
                  <a:pt x="1447333" y="0"/>
                </a:lnTo>
                <a:cubicBezTo>
                  <a:pt x="1441724" y="284231"/>
                  <a:pt x="1413674" y="613340"/>
                  <a:pt x="1666116" y="734886"/>
                </a:cubicBezTo>
                <a:cubicBezTo>
                  <a:pt x="1888639" y="783504"/>
                  <a:pt x="1937256" y="473095"/>
                  <a:pt x="2401001" y="560982"/>
                </a:cubicBezTo>
                <a:cubicBezTo>
                  <a:pt x="2875965" y="635779"/>
                  <a:pt x="3216295" y="1035945"/>
                  <a:pt x="3203206" y="1834409"/>
                </a:cubicBezTo>
                <a:cubicBezTo>
                  <a:pt x="3175156" y="2587994"/>
                  <a:pt x="2844177" y="2814257"/>
                  <a:pt x="2300025" y="3046130"/>
                </a:cubicBezTo>
                <a:cubicBezTo>
                  <a:pt x="1406194" y="3347190"/>
                  <a:pt x="820903" y="2705801"/>
                  <a:pt x="605860" y="2664663"/>
                </a:cubicBezTo>
                <a:cubicBezTo>
                  <a:pt x="379598" y="2621655"/>
                  <a:pt x="355288" y="2954503"/>
                  <a:pt x="381468" y="3242474"/>
                </a:cubicBezTo>
                <a:lnTo>
                  <a:pt x="0" y="3236864"/>
                </a:lnTo>
                <a:cubicBezTo>
                  <a:pt x="9350" y="2823607"/>
                  <a:pt x="-31788" y="2191567"/>
                  <a:pt x="516103" y="2249538"/>
                </a:cubicBezTo>
                <a:cubicBezTo>
                  <a:pt x="918138" y="2305637"/>
                  <a:pt x="1303347" y="2423441"/>
                  <a:pt x="1559529" y="1991485"/>
                </a:cubicBezTo>
                <a:cubicBezTo>
                  <a:pt x="1720344" y="1686686"/>
                  <a:pt x="1701645" y="1337006"/>
                  <a:pt x="1234160" y="959279"/>
                </a:cubicBezTo>
                <a:cubicBezTo>
                  <a:pt x="1155622" y="891961"/>
                  <a:pt x="981717" y="516102"/>
                  <a:pt x="1049035" y="16828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7" name="Freeform 50">
            <a:extLst>
              <a:ext uri="{FF2B5EF4-FFF2-40B4-BE49-F238E27FC236}">
                <a16:creationId xmlns:a16="http://schemas.microsoft.com/office/drawing/2014/main" id="{605A5CD8-DE95-4E92-98B2-C8DFAA6AF85E}"/>
              </a:ext>
            </a:extLst>
          </p:cNvPr>
          <p:cNvSpPr>
            <a:spLocks noChangeAspect="1"/>
          </p:cNvSpPr>
          <p:nvPr/>
        </p:nvSpPr>
        <p:spPr>
          <a:xfrm>
            <a:off x="6115987" y="1451770"/>
            <a:ext cx="529812" cy="447396"/>
          </a:xfrm>
          <a:custGeom>
            <a:avLst/>
            <a:gdLst/>
            <a:ahLst/>
            <a:cxnLst/>
            <a:rect l="l" t="t" r="r" b="b"/>
            <a:pathLst>
              <a:path w="3213653" h="2719059">
                <a:moveTo>
                  <a:pt x="1378151" y="1333546"/>
                </a:moveTo>
                <a:cubicBezTo>
                  <a:pt x="1319627" y="1375402"/>
                  <a:pt x="1250513" y="1400241"/>
                  <a:pt x="1177640" y="1404742"/>
                </a:cubicBezTo>
                <a:cubicBezTo>
                  <a:pt x="1183273" y="1421668"/>
                  <a:pt x="1185388" y="1439329"/>
                  <a:pt x="1185029" y="1457608"/>
                </a:cubicBezTo>
                <a:lnTo>
                  <a:pt x="1182201" y="1517198"/>
                </a:lnTo>
                <a:cubicBezTo>
                  <a:pt x="1256472" y="1514781"/>
                  <a:pt x="1326341" y="1484168"/>
                  <a:pt x="1378151" y="1432005"/>
                </a:cubicBezTo>
                <a:close/>
                <a:moveTo>
                  <a:pt x="1765736" y="0"/>
                </a:moveTo>
                <a:cubicBezTo>
                  <a:pt x="1820598" y="0"/>
                  <a:pt x="1865072" y="44474"/>
                  <a:pt x="1865072" y="99336"/>
                </a:cubicBezTo>
                <a:lnTo>
                  <a:pt x="1865072" y="1145199"/>
                </a:lnTo>
                <a:cubicBezTo>
                  <a:pt x="1927584" y="1198906"/>
                  <a:pt x="2002197" y="1234373"/>
                  <a:pt x="2081262" y="1252128"/>
                </a:cubicBezTo>
                <a:cubicBezTo>
                  <a:pt x="2096727" y="1219747"/>
                  <a:pt x="2112543" y="1186289"/>
                  <a:pt x="2123992" y="1149920"/>
                </a:cubicBezTo>
                <a:cubicBezTo>
                  <a:pt x="1899600" y="1041464"/>
                  <a:pt x="1832282" y="585198"/>
                  <a:pt x="1933258" y="437473"/>
                </a:cubicBezTo>
                <a:cubicBezTo>
                  <a:pt x="2028156" y="327848"/>
                  <a:pt x="2131647" y="265468"/>
                  <a:pt x="2345195" y="261608"/>
                </a:cubicBezTo>
                <a:cubicBezTo>
                  <a:pt x="2375702" y="261056"/>
                  <a:pt x="2408455" y="261699"/>
                  <a:pt x="2443750" y="263569"/>
                </a:cubicBezTo>
                <a:cubicBezTo>
                  <a:pt x="2954244" y="291618"/>
                  <a:pt x="3189856" y="886259"/>
                  <a:pt x="3206686" y="1323824"/>
                </a:cubicBezTo>
                <a:cubicBezTo>
                  <a:pt x="3247823" y="2015701"/>
                  <a:pt x="3103839" y="2270013"/>
                  <a:pt x="2853267" y="2462617"/>
                </a:cubicBezTo>
                <a:cubicBezTo>
                  <a:pt x="2511068" y="2735627"/>
                  <a:pt x="2157650" y="2470097"/>
                  <a:pt x="2084722" y="2170906"/>
                </a:cubicBezTo>
                <a:cubicBezTo>
                  <a:pt x="2058544" y="2038140"/>
                  <a:pt x="2127730" y="1922204"/>
                  <a:pt x="2202528" y="1800658"/>
                </a:cubicBezTo>
                <a:lnTo>
                  <a:pt x="2143866" y="1730900"/>
                </a:lnTo>
                <a:cubicBezTo>
                  <a:pt x="2096151" y="1741682"/>
                  <a:pt x="2046910" y="1746675"/>
                  <a:pt x="1997032" y="1746402"/>
                </a:cubicBezTo>
                <a:lnTo>
                  <a:pt x="1887189" y="1736891"/>
                </a:lnTo>
                <a:lnTo>
                  <a:pt x="1887189" y="2619722"/>
                </a:lnTo>
                <a:cubicBezTo>
                  <a:pt x="1887189" y="2674584"/>
                  <a:pt x="1842715" y="2719058"/>
                  <a:pt x="1787853" y="2719058"/>
                </a:cubicBezTo>
                <a:cubicBezTo>
                  <a:pt x="1732991" y="2719058"/>
                  <a:pt x="1688517" y="2674584"/>
                  <a:pt x="1688517" y="2619722"/>
                </a:cubicBezTo>
                <a:lnTo>
                  <a:pt x="1688517" y="1730093"/>
                </a:lnTo>
                <a:cubicBezTo>
                  <a:pt x="1688517" y="1710960"/>
                  <a:pt x="1693926" y="1693091"/>
                  <a:pt x="1704798" y="1678857"/>
                </a:cubicBezTo>
                <a:cubicBezTo>
                  <a:pt x="1659024" y="1659660"/>
                  <a:pt x="1616387" y="1633873"/>
                  <a:pt x="1576823" y="1603655"/>
                </a:cubicBezTo>
                <a:lnTo>
                  <a:pt x="1576823" y="2619723"/>
                </a:lnTo>
                <a:cubicBezTo>
                  <a:pt x="1576823" y="2674585"/>
                  <a:pt x="1532349" y="2719059"/>
                  <a:pt x="1477487" y="2719059"/>
                </a:cubicBezTo>
                <a:cubicBezTo>
                  <a:pt x="1422625" y="2719059"/>
                  <a:pt x="1378151" y="2674585"/>
                  <a:pt x="1378151" y="2619723"/>
                </a:cubicBezTo>
                <a:lnTo>
                  <a:pt x="1378151" y="1615564"/>
                </a:lnTo>
                <a:cubicBezTo>
                  <a:pt x="1313743" y="1650180"/>
                  <a:pt x="1240907" y="1668612"/>
                  <a:pt x="1165758" y="1668570"/>
                </a:cubicBezTo>
                <a:lnTo>
                  <a:pt x="1143358" y="1665899"/>
                </a:lnTo>
                <a:cubicBezTo>
                  <a:pt x="1108602" y="1733381"/>
                  <a:pt x="1056017" y="1769960"/>
                  <a:pt x="1011125" y="1833465"/>
                </a:cubicBezTo>
                <a:cubicBezTo>
                  <a:pt x="1085923" y="1955011"/>
                  <a:pt x="1155109" y="2070947"/>
                  <a:pt x="1128931" y="2203713"/>
                </a:cubicBezTo>
                <a:cubicBezTo>
                  <a:pt x="1056003" y="2502904"/>
                  <a:pt x="702585" y="2768434"/>
                  <a:pt x="360386" y="2495424"/>
                </a:cubicBezTo>
                <a:cubicBezTo>
                  <a:pt x="109814" y="2302820"/>
                  <a:pt x="-34170" y="2048508"/>
                  <a:pt x="6967" y="1356631"/>
                </a:cubicBezTo>
                <a:cubicBezTo>
                  <a:pt x="23797" y="919066"/>
                  <a:pt x="259409" y="324425"/>
                  <a:pt x="769903" y="296376"/>
                </a:cubicBezTo>
                <a:cubicBezTo>
                  <a:pt x="805198" y="294506"/>
                  <a:pt x="837951" y="293863"/>
                  <a:pt x="868458" y="294415"/>
                </a:cubicBezTo>
                <a:cubicBezTo>
                  <a:pt x="1082006" y="298276"/>
                  <a:pt x="1185497" y="360655"/>
                  <a:pt x="1280395" y="470280"/>
                </a:cubicBezTo>
                <a:cubicBezTo>
                  <a:pt x="1381371" y="618005"/>
                  <a:pt x="1314053" y="1074271"/>
                  <a:pt x="1089661" y="1182727"/>
                </a:cubicBezTo>
                <a:cubicBezTo>
                  <a:pt x="1098183" y="1209798"/>
                  <a:pt x="1109125" y="1235256"/>
                  <a:pt x="1120578" y="1259840"/>
                </a:cubicBezTo>
                <a:cubicBezTo>
                  <a:pt x="1123656" y="1260899"/>
                  <a:pt x="1126770" y="1260948"/>
                  <a:pt x="1129891" y="1260950"/>
                </a:cubicBezTo>
                <a:cubicBezTo>
                  <a:pt x="1227949" y="1261006"/>
                  <a:pt x="1320161" y="1214330"/>
                  <a:pt x="1378151" y="1135267"/>
                </a:cubicBezTo>
                <a:lnTo>
                  <a:pt x="1378151" y="118395"/>
                </a:lnTo>
                <a:cubicBezTo>
                  <a:pt x="1378151" y="63533"/>
                  <a:pt x="1422625" y="19059"/>
                  <a:pt x="1477487" y="19059"/>
                </a:cubicBezTo>
                <a:cubicBezTo>
                  <a:pt x="1532349" y="19059"/>
                  <a:pt x="1576823" y="63533"/>
                  <a:pt x="1576823" y="118395"/>
                </a:cubicBezTo>
                <a:lnTo>
                  <a:pt x="1576823" y="1413063"/>
                </a:lnTo>
                <a:cubicBezTo>
                  <a:pt x="1680597" y="1536757"/>
                  <a:pt x="1834575" y="1607590"/>
                  <a:pt x="1997786" y="1608484"/>
                </a:cubicBezTo>
                <a:lnTo>
                  <a:pt x="2057480" y="1605248"/>
                </a:lnTo>
                <a:cubicBezTo>
                  <a:pt x="2038910" y="1561698"/>
                  <a:pt x="2027992" y="1505121"/>
                  <a:pt x="2028624" y="1424801"/>
                </a:cubicBezTo>
                <a:lnTo>
                  <a:pt x="2034537" y="1382501"/>
                </a:lnTo>
                <a:cubicBezTo>
                  <a:pt x="1972012" y="1367348"/>
                  <a:pt x="1912047" y="1342676"/>
                  <a:pt x="1856155" y="1310037"/>
                </a:cubicBezTo>
                <a:cubicBezTo>
                  <a:pt x="1840993" y="1344880"/>
                  <a:pt x="1806188" y="1369059"/>
                  <a:pt x="1765736" y="1369059"/>
                </a:cubicBezTo>
                <a:cubicBezTo>
                  <a:pt x="1710874" y="1369059"/>
                  <a:pt x="1666400" y="1324585"/>
                  <a:pt x="1666400" y="1269723"/>
                </a:cubicBezTo>
                <a:lnTo>
                  <a:pt x="1666400" y="99336"/>
                </a:lnTo>
                <a:cubicBezTo>
                  <a:pt x="1666400" y="44474"/>
                  <a:pt x="1710874" y="0"/>
                  <a:pt x="1765736" y="0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8" name="Teardrop 9">
            <a:extLst>
              <a:ext uri="{FF2B5EF4-FFF2-40B4-BE49-F238E27FC236}">
                <a16:creationId xmlns:a16="http://schemas.microsoft.com/office/drawing/2014/main" id="{4408BA9B-C6A7-4C33-9FEA-0E214549F256}"/>
              </a:ext>
            </a:extLst>
          </p:cNvPr>
          <p:cNvSpPr>
            <a:spLocks noChangeAspect="1"/>
          </p:cNvSpPr>
          <p:nvPr/>
        </p:nvSpPr>
        <p:spPr>
          <a:xfrm rot="18900000">
            <a:off x="7840756" y="2475143"/>
            <a:ext cx="512877" cy="437727"/>
          </a:xfrm>
          <a:custGeom>
            <a:avLst/>
            <a:gdLst/>
            <a:ahLst/>
            <a:cxnLst/>
            <a:rect l="l" t="t" r="r" b="b"/>
            <a:pathLst>
              <a:path w="3552042" h="3031575">
                <a:moveTo>
                  <a:pt x="1499560" y="1284945"/>
                </a:moveTo>
                <a:lnTo>
                  <a:pt x="1272419" y="1057805"/>
                </a:lnTo>
                <a:lnTo>
                  <a:pt x="1054631" y="1275593"/>
                </a:lnTo>
                <a:lnTo>
                  <a:pt x="836843" y="1057805"/>
                </a:lnTo>
                <a:lnTo>
                  <a:pt x="609703" y="1284945"/>
                </a:lnTo>
                <a:lnTo>
                  <a:pt x="827491" y="1502733"/>
                </a:lnTo>
                <a:lnTo>
                  <a:pt x="609703" y="1720522"/>
                </a:lnTo>
                <a:lnTo>
                  <a:pt x="836843" y="1947662"/>
                </a:lnTo>
                <a:lnTo>
                  <a:pt x="1054631" y="1729874"/>
                </a:lnTo>
                <a:lnTo>
                  <a:pt x="1272419" y="1947662"/>
                </a:lnTo>
                <a:lnTo>
                  <a:pt x="1499560" y="1720522"/>
                </a:lnTo>
                <a:lnTo>
                  <a:pt x="1281771" y="1502733"/>
                </a:lnTo>
                <a:close/>
                <a:moveTo>
                  <a:pt x="3552042" y="1021270"/>
                </a:moveTo>
                <a:cubicBezTo>
                  <a:pt x="3346428" y="1488389"/>
                  <a:pt x="3240687" y="1885112"/>
                  <a:pt x="3146822" y="2229032"/>
                </a:cubicBezTo>
                <a:cubicBezTo>
                  <a:pt x="3047091" y="2666397"/>
                  <a:pt x="2787512" y="3031575"/>
                  <a:pt x="2344279" y="3031575"/>
                </a:cubicBezTo>
                <a:cubicBezTo>
                  <a:pt x="1991740" y="3031575"/>
                  <a:pt x="1692293" y="2804263"/>
                  <a:pt x="1587926" y="2487045"/>
                </a:cubicBezTo>
                <a:cubicBezTo>
                  <a:pt x="1859795" y="2308350"/>
                  <a:pt x="2033031" y="1980125"/>
                  <a:pt x="2117061" y="1611614"/>
                </a:cubicBezTo>
                <a:cubicBezTo>
                  <a:pt x="2127904" y="1571883"/>
                  <a:pt x="2138872" y="1531598"/>
                  <a:pt x="2150086" y="1490753"/>
                </a:cubicBezTo>
                <a:cubicBezTo>
                  <a:pt x="2212338" y="1465032"/>
                  <a:pt x="2277652" y="1444164"/>
                  <a:pt x="2344279" y="1426490"/>
                </a:cubicBezTo>
                <a:cubicBezTo>
                  <a:pt x="2764465" y="1315024"/>
                  <a:pt x="3073190" y="1226884"/>
                  <a:pt x="3552042" y="1021270"/>
                </a:cubicBezTo>
                <a:close/>
                <a:moveTo>
                  <a:pt x="2557365" y="0"/>
                </a:moveTo>
                <a:cubicBezTo>
                  <a:pt x="2295797" y="594236"/>
                  <a:pt x="2161281" y="1098917"/>
                  <a:pt x="2041873" y="1536428"/>
                </a:cubicBezTo>
                <a:cubicBezTo>
                  <a:pt x="1915003" y="2092812"/>
                  <a:pt x="1584785" y="2557364"/>
                  <a:pt x="1020937" y="2557364"/>
                </a:cubicBezTo>
                <a:cubicBezTo>
                  <a:pt x="457089" y="2557364"/>
                  <a:pt x="0" y="2100276"/>
                  <a:pt x="0" y="1536428"/>
                </a:cubicBezTo>
                <a:cubicBezTo>
                  <a:pt x="0" y="972580"/>
                  <a:pt x="475939" y="660066"/>
                  <a:pt x="1020937" y="515492"/>
                </a:cubicBezTo>
                <a:cubicBezTo>
                  <a:pt x="1555467" y="373694"/>
                  <a:pt x="1948204" y="261568"/>
                  <a:pt x="2557365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59" name="Freeform 97">
            <a:extLst>
              <a:ext uri="{FF2B5EF4-FFF2-40B4-BE49-F238E27FC236}">
                <a16:creationId xmlns:a16="http://schemas.microsoft.com/office/drawing/2014/main" id="{EC2CC9E2-613C-4C7C-AA96-FC8E238EAB9F}"/>
              </a:ext>
            </a:extLst>
          </p:cNvPr>
          <p:cNvSpPr>
            <a:spLocks noChangeAspect="1"/>
          </p:cNvSpPr>
          <p:nvPr/>
        </p:nvSpPr>
        <p:spPr>
          <a:xfrm>
            <a:off x="8560808" y="1444151"/>
            <a:ext cx="619107" cy="462636"/>
          </a:xfrm>
          <a:custGeom>
            <a:avLst/>
            <a:gdLst/>
            <a:ahLst/>
            <a:cxnLst/>
            <a:rect l="l" t="t" r="r" b="b"/>
            <a:pathLst>
              <a:path w="3246245" h="2425805">
                <a:moveTo>
                  <a:pt x="2545666" y="706851"/>
                </a:moveTo>
                <a:cubicBezTo>
                  <a:pt x="2704742" y="706851"/>
                  <a:pt x="2833698" y="835807"/>
                  <a:pt x="2833698" y="994883"/>
                </a:cubicBezTo>
                <a:cubicBezTo>
                  <a:pt x="2833698" y="1153959"/>
                  <a:pt x="2704742" y="1282915"/>
                  <a:pt x="2545666" y="1282915"/>
                </a:cubicBezTo>
                <a:cubicBezTo>
                  <a:pt x="2386590" y="1282915"/>
                  <a:pt x="2257634" y="1153959"/>
                  <a:pt x="2257634" y="994883"/>
                </a:cubicBezTo>
                <a:cubicBezTo>
                  <a:pt x="2257634" y="835807"/>
                  <a:pt x="2386590" y="706851"/>
                  <a:pt x="2545666" y="706851"/>
                </a:cubicBezTo>
                <a:close/>
                <a:moveTo>
                  <a:pt x="700580" y="706851"/>
                </a:moveTo>
                <a:cubicBezTo>
                  <a:pt x="859656" y="706851"/>
                  <a:pt x="988612" y="835807"/>
                  <a:pt x="988612" y="994883"/>
                </a:cubicBezTo>
                <a:cubicBezTo>
                  <a:pt x="988612" y="1153959"/>
                  <a:pt x="859656" y="1282915"/>
                  <a:pt x="700580" y="1282915"/>
                </a:cubicBezTo>
                <a:cubicBezTo>
                  <a:pt x="541504" y="1282915"/>
                  <a:pt x="412548" y="1153959"/>
                  <a:pt x="412548" y="994883"/>
                </a:cubicBezTo>
                <a:cubicBezTo>
                  <a:pt x="412548" y="835807"/>
                  <a:pt x="541504" y="706851"/>
                  <a:pt x="700580" y="706851"/>
                </a:cubicBezTo>
                <a:close/>
                <a:moveTo>
                  <a:pt x="1619971" y="0"/>
                </a:moveTo>
                <a:cubicBezTo>
                  <a:pt x="1621025" y="5"/>
                  <a:pt x="1622076" y="12"/>
                  <a:pt x="1623123" y="141"/>
                </a:cubicBezTo>
                <a:cubicBezTo>
                  <a:pt x="1624170" y="12"/>
                  <a:pt x="1625221" y="5"/>
                  <a:pt x="1626275" y="0"/>
                </a:cubicBezTo>
                <a:lnTo>
                  <a:pt x="1626274" y="282"/>
                </a:lnTo>
                <a:cubicBezTo>
                  <a:pt x="1966825" y="4283"/>
                  <a:pt x="1974816" y="220494"/>
                  <a:pt x="2177568" y="171426"/>
                </a:cubicBezTo>
                <a:cubicBezTo>
                  <a:pt x="2600959" y="50212"/>
                  <a:pt x="2963165" y="85364"/>
                  <a:pt x="3172404" y="310875"/>
                </a:cubicBezTo>
                <a:cubicBezTo>
                  <a:pt x="3300075" y="473051"/>
                  <a:pt x="3301971" y="794993"/>
                  <a:pt x="2851767" y="1164523"/>
                </a:cubicBezTo>
                <a:cubicBezTo>
                  <a:pt x="2918303" y="1029844"/>
                  <a:pt x="2927052" y="857771"/>
                  <a:pt x="2799829" y="746887"/>
                </a:cubicBezTo>
                <a:cubicBezTo>
                  <a:pt x="3115459" y="786295"/>
                  <a:pt x="3165949" y="533368"/>
                  <a:pt x="3049873" y="419809"/>
                </a:cubicBezTo>
                <a:cubicBezTo>
                  <a:pt x="2811516" y="207658"/>
                  <a:pt x="2338612" y="298041"/>
                  <a:pt x="2253222" y="493802"/>
                </a:cubicBezTo>
                <a:cubicBezTo>
                  <a:pt x="2139861" y="783555"/>
                  <a:pt x="2165869" y="1185485"/>
                  <a:pt x="2076302" y="1369861"/>
                </a:cubicBezTo>
                <a:cubicBezTo>
                  <a:pt x="1906668" y="1634081"/>
                  <a:pt x="1716639" y="1881305"/>
                  <a:pt x="1713569" y="2080938"/>
                </a:cubicBezTo>
                <a:cubicBezTo>
                  <a:pt x="1706472" y="2158984"/>
                  <a:pt x="1709123" y="2405980"/>
                  <a:pt x="1625847" y="2423204"/>
                </a:cubicBezTo>
                <a:cubicBezTo>
                  <a:pt x="1625847" y="2424071"/>
                  <a:pt x="1625843" y="2424938"/>
                  <a:pt x="1625839" y="2425805"/>
                </a:cubicBezTo>
                <a:lnTo>
                  <a:pt x="1623123" y="2424507"/>
                </a:lnTo>
                <a:lnTo>
                  <a:pt x="1620407" y="2425805"/>
                </a:lnTo>
                <a:cubicBezTo>
                  <a:pt x="1620403" y="2424938"/>
                  <a:pt x="1620399" y="2424071"/>
                  <a:pt x="1620399" y="2423204"/>
                </a:cubicBezTo>
                <a:cubicBezTo>
                  <a:pt x="1537123" y="2405980"/>
                  <a:pt x="1539774" y="2158984"/>
                  <a:pt x="1532677" y="2080938"/>
                </a:cubicBezTo>
                <a:cubicBezTo>
                  <a:pt x="1529607" y="1881305"/>
                  <a:pt x="1339578" y="1634081"/>
                  <a:pt x="1169944" y="1369861"/>
                </a:cubicBezTo>
                <a:cubicBezTo>
                  <a:pt x="1080377" y="1185485"/>
                  <a:pt x="1106385" y="783555"/>
                  <a:pt x="993024" y="493802"/>
                </a:cubicBezTo>
                <a:cubicBezTo>
                  <a:pt x="907634" y="298041"/>
                  <a:pt x="434730" y="207658"/>
                  <a:pt x="196373" y="419809"/>
                </a:cubicBezTo>
                <a:cubicBezTo>
                  <a:pt x="80297" y="533368"/>
                  <a:pt x="130787" y="786295"/>
                  <a:pt x="446417" y="746887"/>
                </a:cubicBezTo>
                <a:cubicBezTo>
                  <a:pt x="319194" y="857771"/>
                  <a:pt x="327943" y="1029844"/>
                  <a:pt x="394479" y="1164523"/>
                </a:cubicBezTo>
                <a:cubicBezTo>
                  <a:pt x="-55725" y="794993"/>
                  <a:pt x="-53829" y="473051"/>
                  <a:pt x="73842" y="310875"/>
                </a:cubicBezTo>
                <a:cubicBezTo>
                  <a:pt x="283081" y="85364"/>
                  <a:pt x="645287" y="50212"/>
                  <a:pt x="1068678" y="171426"/>
                </a:cubicBezTo>
                <a:cubicBezTo>
                  <a:pt x="1271430" y="220494"/>
                  <a:pt x="1279421" y="4283"/>
                  <a:pt x="1619972" y="282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60" name="Donut 22">
            <a:extLst>
              <a:ext uri="{FF2B5EF4-FFF2-40B4-BE49-F238E27FC236}">
                <a16:creationId xmlns:a16="http://schemas.microsoft.com/office/drawing/2014/main" id="{CE7A0D83-9523-4EB8-8677-1D7D4415C973}"/>
              </a:ext>
            </a:extLst>
          </p:cNvPr>
          <p:cNvSpPr>
            <a:spLocks noChangeAspect="1"/>
          </p:cNvSpPr>
          <p:nvPr/>
        </p:nvSpPr>
        <p:spPr>
          <a:xfrm>
            <a:off x="10277429" y="1539784"/>
            <a:ext cx="529812" cy="271370"/>
          </a:xfrm>
          <a:custGeom>
            <a:avLst/>
            <a:gdLst/>
            <a:ahLst/>
            <a:cxnLst/>
            <a:rect l="l" t="t" r="r" b="b"/>
            <a:pathLst>
              <a:path w="3372524" h="1727404">
                <a:moveTo>
                  <a:pt x="1758003" y="666958"/>
                </a:moveTo>
                <a:cubicBezTo>
                  <a:pt x="1703684" y="666958"/>
                  <a:pt x="1659649" y="710993"/>
                  <a:pt x="1659649" y="765312"/>
                </a:cubicBezTo>
                <a:cubicBezTo>
                  <a:pt x="1659649" y="819631"/>
                  <a:pt x="1703684" y="863666"/>
                  <a:pt x="1758003" y="863666"/>
                </a:cubicBezTo>
                <a:cubicBezTo>
                  <a:pt x="1812322" y="863666"/>
                  <a:pt x="1856357" y="819631"/>
                  <a:pt x="1856357" y="765312"/>
                </a:cubicBezTo>
                <a:cubicBezTo>
                  <a:pt x="1856357" y="710993"/>
                  <a:pt x="1812322" y="666958"/>
                  <a:pt x="1758003" y="666958"/>
                </a:cubicBezTo>
                <a:close/>
                <a:moveTo>
                  <a:pt x="1686261" y="586208"/>
                </a:moveTo>
                <a:cubicBezTo>
                  <a:pt x="1849880" y="586208"/>
                  <a:pt x="1982519" y="718847"/>
                  <a:pt x="1982519" y="882466"/>
                </a:cubicBezTo>
                <a:cubicBezTo>
                  <a:pt x="1982519" y="1046085"/>
                  <a:pt x="1849880" y="1178724"/>
                  <a:pt x="1686261" y="1178724"/>
                </a:cubicBezTo>
                <a:cubicBezTo>
                  <a:pt x="1522642" y="1178724"/>
                  <a:pt x="1390003" y="1046085"/>
                  <a:pt x="1390003" y="882466"/>
                </a:cubicBezTo>
                <a:cubicBezTo>
                  <a:pt x="1390003" y="718847"/>
                  <a:pt x="1522642" y="586208"/>
                  <a:pt x="1686261" y="586208"/>
                </a:cubicBezTo>
                <a:close/>
                <a:moveTo>
                  <a:pt x="1686262" y="448985"/>
                </a:moveTo>
                <a:cubicBezTo>
                  <a:pt x="1446857" y="448985"/>
                  <a:pt x="1252780" y="643062"/>
                  <a:pt x="1252780" y="882467"/>
                </a:cubicBezTo>
                <a:cubicBezTo>
                  <a:pt x="1252780" y="1121872"/>
                  <a:pt x="1446857" y="1315949"/>
                  <a:pt x="1686262" y="1315949"/>
                </a:cubicBezTo>
                <a:cubicBezTo>
                  <a:pt x="1925667" y="1315949"/>
                  <a:pt x="2119744" y="1121872"/>
                  <a:pt x="2119744" y="882467"/>
                </a:cubicBezTo>
                <a:cubicBezTo>
                  <a:pt x="2119744" y="643062"/>
                  <a:pt x="1925667" y="448985"/>
                  <a:pt x="1686262" y="448985"/>
                </a:cubicBezTo>
                <a:close/>
                <a:moveTo>
                  <a:pt x="1893261" y="271274"/>
                </a:moveTo>
                <a:cubicBezTo>
                  <a:pt x="2150128" y="355123"/>
                  <a:pt x="2334334" y="597283"/>
                  <a:pt x="2334334" y="882467"/>
                </a:cubicBezTo>
                <a:cubicBezTo>
                  <a:pt x="2334334" y="1103921"/>
                  <a:pt x="2223259" y="1299432"/>
                  <a:pt x="2053457" y="1415856"/>
                </a:cubicBezTo>
                <a:cubicBezTo>
                  <a:pt x="2494577" y="1286853"/>
                  <a:pt x="2931337" y="1005905"/>
                  <a:pt x="2940842" y="882353"/>
                </a:cubicBezTo>
                <a:lnTo>
                  <a:pt x="2946401" y="882364"/>
                </a:lnTo>
                <a:lnTo>
                  <a:pt x="2943679" y="877137"/>
                </a:lnTo>
                <a:lnTo>
                  <a:pt x="2946401" y="872130"/>
                </a:lnTo>
                <a:lnTo>
                  <a:pt x="2941077" y="872141"/>
                </a:lnTo>
                <a:cubicBezTo>
                  <a:pt x="2875996" y="732702"/>
                  <a:pt x="2369865" y="377972"/>
                  <a:pt x="1893261" y="271274"/>
                </a:cubicBezTo>
                <a:close/>
                <a:moveTo>
                  <a:pt x="1525754" y="256843"/>
                </a:moveTo>
                <a:cubicBezTo>
                  <a:pt x="984953" y="339274"/>
                  <a:pt x="426123" y="752145"/>
                  <a:pt x="426123" y="877021"/>
                </a:cubicBezTo>
                <a:lnTo>
                  <a:pt x="426123" y="877247"/>
                </a:lnTo>
                <a:cubicBezTo>
                  <a:pt x="439083" y="984175"/>
                  <a:pt x="877625" y="1311577"/>
                  <a:pt x="1355183" y="1436828"/>
                </a:cubicBezTo>
                <a:cubicBezTo>
                  <a:pt x="1164798" y="1325758"/>
                  <a:pt x="1038190" y="1118898"/>
                  <a:pt x="1038190" y="882467"/>
                </a:cubicBezTo>
                <a:cubicBezTo>
                  <a:pt x="1038190" y="580157"/>
                  <a:pt x="1245184" y="326193"/>
                  <a:pt x="1525754" y="256843"/>
                </a:cubicBezTo>
                <a:close/>
                <a:moveTo>
                  <a:pt x="1682713" y="0"/>
                </a:moveTo>
                <a:cubicBezTo>
                  <a:pt x="2385858" y="36225"/>
                  <a:pt x="3265322" y="653066"/>
                  <a:pt x="3365400" y="875412"/>
                </a:cubicBezTo>
                <a:lnTo>
                  <a:pt x="3372524" y="875397"/>
                </a:lnTo>
                <a:lnTo>
                  <a:pt x="3368881" y="882344"/>
                </a:lnTo>
                <a:lnTo>
                  <a:pt x="3372524" y="889597"/>
                </a:lnTo>
                <a:lnTo>
                  <a:pt x="3365086" y="889581"/>
                </a:lnTo>
                <a:cubicBezTo>
                  <a:pt x="3348713" y="1110249"/>
                  <a:pt x="2385134" y="1692746"/>
                  <a:pt x="1682713" y="1727404"/>
                </a:cubicBezTo>
                <a:cubicBezTo>
                  <a:pt x="901706" y="1708470"/>
                  <a:pt x="21301" y="1064732"/>
                  <a:pt x="0" y="882497"/>
                </a:cubicBezTo>
                <a:lnTo>
                  <a:pt x="0" y="882184"/>
                </a:lnTo>
                <a:cubicBezTo>
                  <a:pt x="0" y="691908"/>
                  <a:pt x="901706" y="19770"/>
                  <a:pt x="1682713" y="0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61" name="Freeform 99">
            <a:extLst>
              <a:ext uri="{FF2B5EF4-FFF2-40B4-BE49-F238E27FC236}">
                <a16:creationId xmlns:a16="http://schemas.microsoft.com/office/drawing/2014/main" id="{6EFBEDF3-F563-421B-9E3D-7024636F370F}"/>
              </a:ext>
            </a:extLst>
          </p:cNvPr>
          <p:cNvSpPr>
            <a:spLocks noChangeAspect="1"/>
          </p:cNvSpPr>
          <p:nvPr/>
        </p:nvSpPr>
        <p:spPr>
          <a:xfrm>
            <a:off x="7902810" y="1432248"/>
            <a:ext cx="388767" cy="486441"/>
          </a:xfrm>
          <a:custGeom>
            <a:avLst/>
            <a:gdLst/>
            <a:ahLst/>
            <a:cxnLst/>
            <a:rect l="l" t="t" r="r" b="b"/>
            <a:pathLst>
              <a:path w="2427821" h="3249943">
                <a:moveTo>
                  <a:pt x="1783445" y="477276"/>
                </a:moveTo>
                <a:cubicBezTo>
                  <a:pt x="1867295" y="479049"/>
                  <a:pt x="1940306" y="495815"/>
                  <a:pt x="1995323" y="528655"/>
                </a:cubicBezTo>
                <a:cubicBezTo>
                  <a:pt x="2375187" y="892595"/>
                  <a:pt x="1478983" y="963108"/>
                  <a:pt x="1620010" y="1047270"/>
                </a:cubicBezTo>
                <a:cubicBezTo>
                  <a:pt x="1920260" y="1267909"/>
                  <a:pt x="2179568" y="1563610"/>
                  <a:pt x="2275102" y="1879783"/>
                </a:cubicBezTo>
                <a:cubicBezTo>
                  <a:pt x="2386559" y="2264195"/>
                  <a:pt x="2620845" y="2969329"/>
                  <a:pt x="2118153" y="3196792"/>
                </a:cubicBezTo>
                <a:cubicBezTo>
                  <a:pt x="862559" y="3474297"/>
                  <a:pt x="146052" y="2612212"/>
                  <a:pt x="9574" y="1838839"/>
                </a:cubicBezTo>
                <a:cubicBezTo>
                  <a:pt x="-38192" y="1613652"/>
                  <a:pt x="98284" y="1313401"/>
                  <a:pt x="296177" y="1170100"/>
                </a:cubicBezTo>
                <a:cubicBezTo>
                  <a:pt x="391711" y="1081390"/>
                  <a:pt x="330296" y="876673"/>
                  <a:pt x="323472" y="671956"/>
                </a:cubicBezTo>
                <a:cubicBezTo>
                  <a:pt x="296177" y="474063"/>
                  <a:pt x="760199" y="351234"/>
                  <a:pt x="664666" y="1211043"/>
                </a:cubicBezTo>
                <a:cubicBezTo>
                  <a:pt x="853176" y="743465"/>
                  <a:pt x="1420091" y="469595"/>
                  <a:pt x="1783445" y="477276"/>
                </a:cubicBezTo>
                <a:close/>
                <a:moveTo>
                  <a:pt x="1024970" y="33"/>
                </a:moveTo>
                <a:cubicBezTo>
                  <a:pt x="1115949" y="3590"/>
                  <a:pt x="1140206" y="286408"/>
                  <a:pt x="1176458" y="269348"/>
                </a:cubicBezTo>
                <a:cubicBezTo>
                  <a:pt x="1251521" y="278446"/>
                  <a:pt x="1265168" y="21414"/>
                  <a:pt x="1401646" y="44160"/>
                </a:cubicBezTo>
                <a:cubicBezTo>
                  <a:pt x="1469884" y="71456"/>
                  <a:pt x="1374351" y="221581"/>
                  <a:pt x="1360703" y="310292"/>
                </a:cubicBezTo>
                <a:lnTo>
                  <a:pt x="1517652" y="453593"/>
                </a:lnTo>
                <a:cubicBezTo>
                  <a:pt x="974016" y="540030"/>
                  <a:pt x="901229" y="790238"/>
                  <a:pt x="753379" y="951737"/>
                </a:cubicBezTo>
                <a:lnTo>
                  <a:pt x="705610" y="644662"/>
                </a:lnTo>
                <a:lnTo>
                  <a:pt x="787497" y="521832"/>
                </a:lnTo>
                <a:cubicBezTo>
                  <a:pt x="712435" y="433122"/>
                  <a:pt x="446303" y="364883"/>
                  <a:pt x="562310" y="255701"/>
                </a:cubicBezTo>
                <a:cubicBezTo>
                  <a:pt x="739730" y="98751"/>
                  <a:pt x="862560" y="337587"/>
                  <a:pt x="1012685" y="378530"/>
                </a:cubicBezTo>
                <a:cubicBezTo>
                  <a:pt x="1010410" y="253426"/>
                  <a:pt x="796596" y="101025"/>
                  <a:pt x="1005861" y="3217"/>
                </a:cubicBezTo>
                <a:cubicBezTo>
                  <a:pt x="1012543" y="800"/>
                  <a:pt x="1018905" y="-204"/>
                  <a:pt x="1024970" y="33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62" name="Oval 10">
            <a:extLst>
              <a:ext uri="{FF2B5EF4-FFF2-40B4-BE49-F238E27FC236}">
                <a16:creationId xmlns:a16="http://schemas.microsoft.com/office/drawing/2014/main" id="{8624E4A5-1602-4F93-B497-F8D7323B39B1}"/>
              </a:ext>
            </a:extLst>
          </p:cNvPr>
          <p:cNvSpPr/>
          <p:nvPr/>
        </p:nvSpPr>
        <p:spPr>
          <a:xfrm>
            <a:off x="9460302" y="1433265"/>
            <a:ext cx="486653" cy="484407"/>
          </a:xfrm>
          <a:custGeom>
            <a:avLst/>
            <a:gdLst/>
            <a:ahLst/>
            <a:cxnLst/>
            <a:rect l="l" t="t" r="r" b="b"/>
            <a:pathLst>
              <a:path w="3229769" h="3214867">
                <a:moveTo>
                  <a:pt x="388922" y="0"/>
                </a:moveTo>
                <a:cubicBezTo>
                  <a:pt x="481031" y="0"/>
                  <a:pt x="564991" y="34887"/>
                  <a:pt x="627459" y="93109"/>
                </a:cubicBezTo>
                <a:cubicBezTo>
                  <a:pt x="689927" y="34887"/>
                  <a:pt x="773888" y="0"/>
                  <a:pt x="865996" y="0"/>
                </a:cubicBezTo>
                <a:cubicBezTo>
                  <a:pt x="958105" y="0"/>
                  <a:pt x="1042065" y="34887"/>
                  <a:pt x="1104533" y="93109"/>
                </a:cubicBezTo>
                <a:cubicBezTo>
                  <a:pt x="1167001" y="34887"/>
                  <a:pt x="1250962" y="0"/>
                  <a:pt x="1343070" y="0"/>
                </a:cubicBezTo>
                <a:cubicBezTo>
                  <a:pt x="1435179" y="0"/>
                  <a:pt x="1519139" y="34887"/>
                  <a:pt x="1581607" y="93109"/>
                </a:cubicBezTo>
                <a:cubicBezTo>
                  <a:pt x="1644075" y="34887"/>
                  <a:pt x="1728036" y="0"/>
                  <a:pt x="1820144" y="0"/>
                </a:cubicBezTo>
                <a:cubicBezTo>
                  <a:pt x="1912253" y="0"/>
                  <a:pt x="1996213" y="34887"/>
                  <a:pt x="2058681" y="93109"/>
                </a:cubicBezTo>
                <a:cubicBezTo>
                  <a:pt x="2121149" y="34887"/>
                  <a:pt x="2205110" y="0"/>
                  <a:pt x="2297218" y="0"/>
                </a:cubicBezTo>
                <a:cubicBezTo>
                  <a:pt x="2389326" y="0"/>
                  <a:pt x="2473286" y="34887"/>
                  <a:pt x="2535755" y="93108"/>
                </a:cubicBezTo>
                <a:cubicBezTo>
                  <a:pt x="2598223" y="34887"/>
                  <a:pt x="2682183" y="0"/>
                  <a:pt x="2774291" y="0"/>
                </a:cubicBezTo>
                <a:cubicBezTo>
                  <a:pt x="2971429" y="0"/>
                  <a:pt x="3131241" y="159812"/>
                  <a:pt x="3131241" y="356950"/>
                </a:cubicBezTo>
                <a:cubicBezTo>
                  <a:pt x="3131241" y="414550"/>
                  <a:pt x="3117598" y="468963"/>
                  <a:pt x="3092026" y="516460"/>
                </a:cubicBezTo>
                <a:cubicBezTo>
                  <a:pt x="3176259" y="580602"/>
                  <a:pt x="3229769" y="682177"/>
                  <a:pt x="3229769" y="796250"/>
                </a:cubicBezTo>
                <a:cubicBezTo>
                  <a:pt x="3229769" y="902465"/>
                  <a:pt x="3183377" y="997845"/>
                  <a:pt x="3108820" y="1062184"/>
                </a:cubicBezTo>
                <a:cubicBezTo>
                  <a:pt x="3183377" y="1126523"/>
                  <a:pt x="3229769" y="1221903"/>
                  <a:pt x="3229769" y="1328118"/>
                </a:cubicBezTo>
                <a:cubicBezTo>
                  <a:pt x="3229769" y="1434333"/>
                  <a:pt x="3183377" y="1529713"/>
                  <a:pt x="3108820" y="1594052"/>
                </a:cubicBezTo>
                <a:cubicBezTo>
                  <a:pt x="3183377" y="1658391"/>
                  <a:pt x="3229769" y="1753771"/>
                  <a:pt x="3229769" y="1859986"/>
                </a:cubicBezTo>
                <a:cubicBezTo>
                  <a:pt x="3229769" y="2057124"/>
                  <a:pt x="3069957" y="2216936"/>
                  <a:pt x="2872819" y="2216936"/>
                </a:cubicBezTo>
                <a:lnTo>
                  <a:pt x="2849067" y="2214542"/>
                </a:lnTo>
                <a:cubicBezTo>
                  <a:pt x="2790894" y="2329236"/>
                  <a:pt x="2671548" y="2406987"/>
                  <a:pt x="2534043" y="2406987"/>
                </a:cubicBezTo>
                <a:cubicBezTo>
                  <a:pt x="2483158" y="2406987"/>
                  <a:pt x="2434760" y="2396340"/>
                  <a:pt x="2391120" y="2376775"/>
                </a:cubicBezTo>
                <a:cubicBezTo>
                  <a:pt x="2326908" y="2456876"/>
                  <a:pt x="2228003" y="2507238"/>
                  <a:pt x="2117336" y="2507238"/>
                </a:cubicBezTo>
                <a:lnTo>
                  <a:pt x="2081608" y="2503636"/>
                </a:lnTo>
                <a:cubicBezTo>
                  <a:pt x="2058765" y="2546355"/>
                  <a:pt x="2027330" y="2583686"/>
                  <a:pt x="1987704" y="2611019"/>
                </a:cubicBezTo>
                <a:cubicBezTo>
                  <a:pt x="2049806" y="2674751"/>
                  <a:pt x="2087711" y="2761907"/>
                  <a:pt x="2087711" y="2857917"/>
                </a:cubicBezTo>
                <a:cubicBezTo>
                  <a:pt x="2087711" y="3055055"/>
                  <a:pt x="1927899" y="3214867"/>
                  <a:pt x="1730761" y="3214867"/>
                </a:cubicBezTo>
                <a:cubicBezTo>
                  <a:pt x="1533623" y="3214867"/>
                  <a:pt x="1373811" y="3055055"/>
                  <a:pt x="1373811" y="2857917"/>
                </a:cubicBezTo>
                <a:cubicBezTo>
                  <a:pt x="1373811" y="2743560"/>
                  <a:pt x="1427588" y="2641764"/>
                  <a:pt x="1512161" y="2577627"/>
                </a:cubicBezTo>
                <a:cubicBezTo>
                  <a:pt x="1450743" y="2514125"/>
                  <a:pt x="1413385" y="2427536"/>
                  <a:pt x="1413385" y="2332221"/>
                </a:cubicBezTo>
                <a:cubicBezTo>
                  <a:pt x="1413385" y="2135083"/>
                  <a:pt x="1573197" y="1975271"/>
                  <a:pt x="1770335" y="1975271"/>
                </a:cubicBezTo>
                <a:lnTo>
                  <a:pt x="1806063" y="1978873"/>
                </a:lnTo>
                <a:cubicBezTo>
                  <a:pt x="1865384" y="1867935"/>
                  <a:pt x="1982649" y="1793338"/>
                  <a:pt x="2117336" y="1793338"/>
                </a:cubicBezTo>
                <a:cubicBezTo>
                  <a:pt x="2168221" y="1793338"/>
                  <a:pt x="2216619" y="1803986"/>
                  <a:pt x="2260259" y="1823550"/>
                </a:cubicBezTo>
                <a:cubicBezTo>
                  <a:pt x="2324471" y="1743450"/>
                  <a:pt x="2423376" y="1693087"/>
                  <a:pt x="2534043" y="1693087"/>
                </a:cubicBezTo>
                <a:lnTo>
                  <a:pt x="2557875" y="1695490"/>
                </a:lnTo>
                <a:cubicBezTo>
                  <a:pt x="2576891" y="1656391"/>
                  <a:pt x="2604151" y="1622242"/>
                  <a:pt x="2636819" y="1594052"/>
                </a:cubicBezTo>
                <a:cubicBezTo>
                  <a:pt x="2562261" y="1529713"/>
                  <a:pt x="2515869" y="1434333"/>
                  <a:pt x="2515869" y="1328118"/>
                </a:cubicBezTo>
                <a:cubicBezTo>
                  <a:pt x="2515869" y="1221903"/>
                  <a:pt x="2562261" y="1126523"/>
                  <a:pt x="2636819" y="1062184"/>
                </a:cubicBezTo>
                <a:cubicBezTo>
                  <a:pt x="2562261" y="997845"/>
                  <a:pt x="2515869" y="902465"/>
                  <a:pt x="2515869" y="796250"/>
                </a:cubicBezTo>
                <a:cubicBezTo>
                  <a:pt x="2515869" y="738650"/>
                  <a:pt x="2529512" y="684237"/>
                  <a:pt x="2555084" y="636740"/>
                </a:cubicBezTo>
                <a:lnTo>
                  <a:pt x="2537209" y="619592"/>
                </a:lnTo>
                <a:cubicBezTo>
                  <a:pt x="2474524" y="678496"/>
                  <a:pt x="2390006" y="713900"/>
                  <a:pt x="2297218" y="713900"/>
                </a:cubicBezTo>
                <a:cubicBezTo>
                  <a:pt x="2205110" y="713900"/>
                  <a:pt x="2121149" y="679013"/>
                  <a:pt x="2058681" y="620791"/>
                </a:cubicBezTo>
                <a:cubicBezTo>
                  <a:pt x="1996213" y="679013"/>
                  <a:pt x="1912253" y="713900"/>
                  <a:pt x="1820144" y="713900"/>
                </a:cubicBezTo>
                <a:cubicBezTo>
                  <a:pt x="1728036" y="713900"/>
                  <a:pt x="1644075" y="679013"/>
                  <a:pt x="1581607" y="620791"/>
                </a:cubicBezTo>
                <a:cubicBezTo>
                  <a:pt x="1519139" y="679013"/>
                  <a:pt x="1435179" y="713900"/>
                  <a:pt x="1343070" y="713900"/>
                </a:cubicBezTo>
                <a:cubicBezTo>
                  <a:pt x="1250962" y="713900"/>
                  <a:pt x="1167001" y="679013"/>
                  <a:pt x="1104533" y="620791"/>
                </a:cubicBezTo>
                <a:cubicBezTo>
                  <a:pt x="1042065" y="679013"/>
                  <a:pt x="958105" y="713900"/>
                  <a:pt x="865996" y="713900"/>
                </a:cubicBezTo>
                <a:cubicBezTo>
                  <a:pt x="773370" y="713900"/>
                  <a:pt x="688985" y="678620"/>
                  <a:pt x="626352" y="619878"/>
                </a:cubicBezTo>
                <a:cubicBezTo>
                  <a:pt x="623659" y="623930"/>
                  <a:pt x="620064" y="626957"/>
                  <a:pt x="616405" y="629911"/>
                </a:cubicBezTo>
                <a:cubicBezTo>
                  <a:pt x="686492" y="694366"/>
                  <a:pt x="729886" y="786957"/>
                  <a:pt x="729886" y="889683"/>
                </a:cubicBezTo>
                <a:cubicBezTo>
                  <a:pt x="729886" y="993972"/>
                  <a:pt x="685162" y="1087815"/>
                  <a:pt x="613058" y="1152216"/>
                </a:cubicBezTo>
                <a:cubicBezTo>
                  <a:pt x="675622" y="1216104"/>
                  <a:pt x="713900" y="1303645"/>
                  <a:pt x="713900" y="1400126"/>
                </a:cubicBezTo>
                <a:cubicBezTo>
                  <a:pt x="713900" y="1487795"/>
                  <a:pt x="682295" y="1568081"/>
                  <a:pt x="628622" y="1629172"/>
                </a:cubicBezTo>
                <a:cubicBezTo>
                  <a:pt x="691419" y="1693140"/>
                  <a:pt x="729886" y="1780874"/>
                  <a:pt x="729886" y="1877593"/>
                </a:cubicBezTo>
                <a:cubicBezTo>
                  <a:pt x="729886" y="2034043"/>
                  <a:pt x="629234" y="2166985"/>
                  <a:pt x="488639" y="2213706"/>
                </a:cubicBezTo>
                <a:lnTo>
                  <a:pt x="488639" y="2375547"/>
                </a:lnTo>
                <a:cubicBezTo>
                  <a:pt x="488639" y="2448277"/>
                  <a:pt x="429679" y="2507237"/>
                  <a:pt x="356949" y="2507237"/>
                </a:cubicBezTo>
                <a:cubicBezTo>
                  <a:pt x="284219" y="2507237"/>
                  <a:pt x="225259" y="2448277"/>
                  <a:pt x="225259" y="2375547"/>
                </a:cubicBezTo>
                <a:lnTo>
                  <a:pt x="225259" y="2201750"/>
                </a:lnTo>
                <a:cubicBezTo>
                  <a:pt x="101654" y="2146256"/>
                  <a:pt x="15986" y="2021929"/>
                  <a:pt x="15986" y="1877593"/>
                </a:cubicBezTo>
                <a:cubicBezTo>
                  <a:pt x="15986" y="1789924"/>
                  <a:pt x="47591" y="1709638"/>
                  <a:pt x="101264" y="1648547"/>
                </a:cubicBezTo>
                <a:cubicBezTo>
                  <a:pt x="38467" y="1584579"/>
                  <a:pt x="0" y="1496845"/>
                  <a:pt x="0" y="1400126"/>
                </a:cubicBezTo>
                <a:cubicBezTo>
                  <a:pt x="0" y="1295837"/>
                  <a:pt x="44724" y="1201994"/>
                  <a:pt x="116828" y="1137593"/>
                </a:cubicBezTo>
                <a:cubicBezTo>
                  <a:pt x="54264" y="1073704"/>
                  <a:pt x="15986" y="986164"/>
                  <a:pt x="15986" y="889683"/>
                </a:cubicBezTo>
                <a:cubicBezTo>
                  <a:pt x="15986" y="779482"/>
                  <a:pt x="65925" y="680945"/>
                  <a:pt x="145453" y="616722"/>
                </a:cubicBezTo>
                <a:cubicBezTo>
                  <a:pt x="75366" y="552267"/>
                  <a:pt x="31972" y="459676"/>
                  <a:pt x="31972" y="356950"/>
                </a:cubicBezTo>
                <a:cubicBezTo>
                  <a:pt x="31972" y="159812"/>
                  <a:pt x="191784" y="0"/>
                  <a:pt x="388922" y="0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63" name="Freeform 101">
            <a:extLst>
              <a:ext uri="{FF2B5EF4-FFF2-40B4-BE49-F238E27FC236}">
                <a16:creationId xmlns:a16="http://schemas.microsoft.com/office/drawing/2014/main" id="{398DE87D-E996-4168-8931-FBF1633FDCD5}"/>
              </a:ext>
            </a:extLst>
          </p:cNvPr>
          <p:cNvSpPr/>
          <p:nvPr/>
        </p:nvSpPr>
        <p:spPr>
          <a:xfrm>
            <a:off x="11180535" y="1485955"/>
            <a:ext cx="284691" cy="379029"/>
          </a:xfrm>
          <a:custGeom>
            <a:avLst/>
            <a:gdLst>
              <a:gd name="connsiteX0" fmla="*/ 143301 w 1910686"/>
              <a:gd name="connsiteY0" fmla="*/ 0 h 3268639"/>
              <a:gd name="connsiteX1" fmla="*/ 0 w 1910686"/>
              <a:gd name="connsiteY1" fmla="*/ 1705970 h 3268639"/>
              <a:gd name="connsiteX2" fmla="*/ 436728 w 1910686"/>
              <a:gd name="connsiteY2" fmla="*/ 3268639 h 3268639"/>
              <a:gd name="connsiteX3" fmla="*/ 928047 w 1910686"/>
              <a:gd name="connsiteY3" fmla="*/ 1944806 h 3268639"/>
              <a:gd name="connsiteX4" fmla="*/ 1364776 w 1910686"/>
              <a:gd name="connsiteY4" fmla="*/ 3268639 h 3268639"/>
              <a:gd name="connsiteX5" fmla="*/ 1910686 w 1910686"/>
              <a:gd name="connsiteY5" fmla="*/ 1726442 h 3268639"/>
              <a:gd name="connsiteX6" fmla="*/ 1603612 w 1910686"/>
              <a:gd name="connsiteY6" fmla="*/ 6824 h 3268639"/>
              <a:gd name="connsiteX7" fmla="*/ 1521725 w 1910686"/>
              <a:gd name="connsiteY7" fmla="*/ 20472 h 3268639"/>
              <a:gd name="connsiteX8" fmla="*/ 907576 w 1910686"/>
              <a:gd name="connsiteY8" fmla="*/ 163773 h 3268639"/>
              <a:gd name="connsiteX9" fmla="*/ 143301 w 1910686"/>
              <a:gd name="connsiteY9" fmla="*/ 0 h 3268639"/>
              <a:gd name="connsiteX0" fmla="*/ 143301 w 1910686"/>
              <a:gd name="connsiteY0" fmla="*/ 27296 h 3261815"/>
              <a:gd name="connsiteX1" fmla="*/ 0 w 1910686"/>
              <a:gd name="connsiteY1" fmla="*/ 1699146 h 3261815"/>
              <a:gd name="connsiteX2" fmla="*/ 436728 w 1910686"/>
              <a:gd name="connsiteY2" fmla="*/ 3261815 h 3261815"/>
              <a:gd name="connsiteX3" fmla="*/ 928047 w 1910686"/>
              <a:gd name="connsiteY3" fmla="*/ 1937982 h 3261815"/>
              <a:gd name="connsiteX4" fmla="*/ 1364776 w 1910686"/>
              <a:gd name="connsiteY4" fmla="*/ 3261815 h 3261815"/>
              <a:gd name="connsiteX5" fmla="*/ 1910686 w 1910686"/>
              <a:gd name="connsiteY5" fmla="*/ 1719618 h 3261815"/>
              <a:gd name="connsiteX6" fmla="*/ 1603612 w 1910686"/>
              <a:gd name="connsiteY6" fmla="*/ 0 h 3261815"/>
              <a:gd name="connsiteX7" fmla="*/ 1521725 w 1910686"/>
              <a:gd name="connsiteY7" fmla="*/ 13648 h 3261815"/>
              <a:gd name="connsiteX8" fmla="*/ 907576 w 1910686"/>
              <a:gd name="connsiteY8" fmla="*/ 156949 h 3261815"/>
              <a:gd name="connsiteX9" fmla="*/ 143301 w 1910686"/>
              <a:gd name="connsiteY9" fmla="*/ 27296 h 3261815"/>
              <a:gd name="connsiteX0" fmla="*/ 143301 w 1910686"/>
              <a:gd name="connsiteY0" fmla="*/ 27296 h 3261815"/>
              <a:gd name="connsiteX1" fmla="*/ 0 w 1910686"/>
              <a:gd name="connsiteY1" fmla="*/ 1699146 h 3261815"/>
              <a:gd name="connsiteX2" fmla="*/ 436728 w 1910686"/>
              <a:gd name="connsiteY2" fmla="*/ 3261815 h 3261815"/>
              <a:gd name="connsiteX3" fmla="*/ 928047 w 1910686"/>
              <a:gd name="connsiteY3" fmla="*/ 1937982 h 3261815"/>
              <a:gd name="connsiteX4" fmla="*/ 1364776 w 1910686"/>
              <a:gd name="connsiteY4" fmla="*/ 3261815 h 3261815"/>
              <a:gd name="connsiteX5" fmla="*/ 1910686 w 1910686"/>
              <a:gd name="connsiteY5" fmla="*/ 1719618 h 3261815"/>
              <a:gd name="connsiteX6" fmla="*/ 1603612 w 1910686"/>
              <a:gd name="connsiteY6" fmla="*/ 0 h 3261815"/>
              <a:gd name="connsiteX7" fmla="*/ 1521725 w 1910686"/>
              <a:gd name="connsiteY7" fmla="*/ 13648 h 3261815"/>
              <a:gd name="connsiteX8" fmla="*/ 907576 w 1910686"/>
              <a:gd name="connsiteY8" fmla="*/ 156949 h 3261815"/>
              <a:gd name="connsiteX9" fmla="*/ 143301 w 1910686"/>
              <a:gd name="connsiteY9" fmla="*/ 27296 h 3261815"/>
              <a:gd name="connsiteX0" fmla="*/ 326627 w 2094012"/>
              <a:gd name="connsiteY0" fmla="*/ 27296 h 3261815"/>
              <a:gd name="connsiteX1" fmla="*/ 183326 w 2094012"/>
              <a:gd name="connsiteY1" fmla="*/ 1699146 h 3261815"/>
              <a:gd name="connsiteX2" fmla="*/ 620054 w 2094012"/>
              <a:gd name="connsiteY2" fmla="*/ 3261815 h 3261815"/>
              <a:gd name="connsiteX3" fmla="*/ 1111373 w 2094012"/>
              <a:gd name="connsiteY3" fmla="*/ 1937982 h 3261815"/>
              <a:gd name="connsiteX4" fmla="*/ 1548102 w 2094012"/>
              <a:gd name="connsiteY4" fmla="*/ 3261815 h 3261815"/>
              <a:gd name="connsiteX5" fmla="*/ 2094012 w 2094012"/>
              <a:gd name="connsiteY5" fmla="*/ 1719618 h 3261815"/>
              <a:gd name="connsiteX6" fmla="*/ 1786938 w 2094012"/>
              <a:gd name="connsiteY6" fmla="*/ 0 h 3261815"/>
              <a:gd name="connsiteX7" fmla="*/ 1705051 w 2094012"/>
              <a:gd name="connsiteY7" fmla="*/ 13648 h 3261815"/>
              <a:gd name="connsiteX8" fmla="*/ 1090902 w 2094012"/>
              <a:gd name="connsiteY8" fmla="*/ 156949 h 3261815"/>
              <a:gd name="connsiteX9" fmla="*/ 326627 w 2094012"/>
              <a:gd name="connsiteY9" fmla="*/ 27296 h 3261815"/>
              <a:gd name="connsiteX0" fmla="*/ 402442 w 2169827"/>
              <a:gd name="connsiteY0" fmla="*/ 27296 h 3261815"/>
              <a:gd name="connsiteX1" fmla="*/ 259141 w 2169827"/>
              <a:gd name="connsiteY1" fmla="*/ 1699146 h 3261815"/>
              <a:gd name="connsiteX2" fmla="*/ 695869 w 2169827"/>
              <a:gd name="connsiteY2" fmla="*/ 3261815 h 3261815"/>
              <a:gd name="connsiteX3" fmla="*/ 1187188 w 2169827"/>
              <a:gd name="connsiteY3" fmla="*/ 1937982 h 3261815"/>
              <a:gd name="connsiteX4" fmla="*/ 1623917 w 2169827"/>
              <a:gd name="connsiteY4" fmla="*/ 3261815 h 3261815"/>
              <a:gd name="connsiteX5" fmla="*/ 2169827 w 2169827"/>
              <a:gd name="connsiteY5" fmla="*/ 1719618 h 3261815"/>
              <a:gd name="connsiteX6" fmla="*/ 1862753 w 2169827"/>
              <a:gd name="connsiteY6" fmla="*/ 0 h 3261815"/>
              <a:gd name="connsiteX7" fmla="*/ 1780866 w 2169827"/>
              <a:gd name="connsiteY7" fmla="*/ 13648 h 3261815"/>
              <a:gd name="connsiteX8" fmla="*/ 1166717 w 2169827"/>
              <a:gd name="connsiteY8" fmla="*/ 156949 h 3261815"/>
              <a:gd name="connsiteX9" fmla="*/ 402442 w 2169827"/>
              <a:gd name="connsiteY9" fmla="*/ 27296 h 3261815"/>
              <a:gd name="connsiteX0" fmla="*/ 402442 w 2169827"/>
              <a:gd name="connsiteY0" fmla="*/ 27296 h 3261815"/>
              <a:gd name="connsiteX1" fmla="*/ 259141 w 2169827"/>
              <a:gd name="connsiteY1" fmla="*/ 1699146 h 3261815"/>
              <a:gd name="connsiteX2" fmla="*/ 695869 w 2169827"/>
              <a:gd name="connsiteY2" fmla="*/ 3261815 h 3261815"/>
              <a:gd name="connsiteX3" fmla="*/ 1187188 w 2169827"/>
              <a:gd name="connsiteY3" fmla="*/ 1937982 h 3261815"/>
              <a:gd name="connsiteX4" fmla="*/ 1623917 w 2169827"/>
              <a:gd name="connsiteY4" fmla="*/ 3261815 h 3261815"/>
              <a:gd name="connsiteX5" fmla="*/ 2169827 w 2169827"/>
              <a:gd name="connsiteY5" fmla="*/ 1719618 h 3261815"/>
              <a:gd name="connsiteX6" fmla="*/ 1862753 w 2169827"/>
              <a:gd name="connsiteY6" fmla="*/ 0 h 3261815"/>
              <a:gd name="connsiteX7" fmla="*/ 1780866 w 2169827"/>
              <a:gd name="connsiteY7" fmla="*/ 13648 h 3261815"/>
              <a:gd name="connsiteX8" fmla="*/ 1166717 w 2169827"/>
              <a:gd name="connsiteY8" fmla="*/ 156949 h 3261815"/>
              <a:gd name="connsiteX9" fmla="*/ 402442 w 2169827"/>
              <a:gd name="connsiteY9" fmla="*/ 27296 h 3261815"/>
              <a:gd name="connsiteX0" fmla="*/ 377501 w 2144886"/>
              <a:gd name="connsiteY0" fmla="*/ 27296 h 3261815"/>
              <a:gd name="connsiteX1" fmla="*/ 295615 w 2144886"/>
              <a:gd name="connsiteY1" fmla="*/ 1774209 h 3261815"/>
              <a:gd name="connsiteX2" fmla="*/ 670928 w 2144886"/>
              <a:gd name="connsiteY2" fmla="*/ 3261815 h 3261815"/>
              <a:gd name="connsiteX3" fmla="*/ 1162247 w 2144886"/>
              <a:gd name="connsiteY3" fmla="*/ 1937982 h 3261815"/>
              <a:gd name="connsiteX4" fmla="*/ 1598976 w 2144886"/>
              <a:gd name="connsiteY4" fmla="*/ 3261815 h 3261815"/>
              <a:gd name="connsiteX5" fmla="*/ 2144886 w 2144886"/>
              <a:gd name="connsiteY5" fmla="*/ 1719618 h 3261815"/>
              <a:gd name="connsiteX6" fmla="*/ 1837812 w 2144886"/>
              <a:gd name="connsiteY6" fmla="*/ 0 h 3261815"/>
              <a:gd name="connsiteX7" fmla="*/ 1755925 w 2144886"/>
              <a:gd name="connsiteY7" fmla="*/ 13648 h 3261815"/>
              <a:gd name="connsiteX8" fmla="*/ 1141776 w 2144886"/>
              <a:gd name="connsiteY8" fmla="*/ 156949 h 3261815"/>
              <a:gd name="connsiteX9" fmla="*/ 377501 w 2144886"/>
              <a:gd name="connsiteY9" fmla="*/ 27296 h 3261815"/>
              <a:gd name="connsiteX0" fmla="*/ 408239 w 2175624"/>
              <a:gd name="connsiteY0" fmla="*/ 27296 h 3261815"/>
              <a:gd name="connsiteX1" fmla="*/ 326353 w 2175624"/>
              <a:gd name="connsiteY1" fmla="*/ 1774209 h 3261815"/>
              <a:gd name="connsiteX2" fmla="*/ 701666 w 2175624"/>
              <a:gd name="connsiteY2" fmla="*/ 3261815 h 3261815"/>
              <a:gd name="connsiteX3" fmla="*/ 1192985 w 2175624"/>
              <a:gd name="connsiteY3" fmla="*/ 1937982 h 3261815"/>
              <a:gd name="connsiteX4" fmla="*/ 1629714 w 2175624"/>
              <a:gd name="connsiteY4" fmla="*/ 3261815 h 3261815"/>
              <a:gd name="connsiteX5" fmla="*/ 2175624 w 2175624"/>
              <a:gd name="connsiteY5" fmla="*/ 1719618 h 3261815"/>
              <a:gd name="connsiteX6" fmla="*/ 1868550 w 2175624"/>
              <a:gd name="connsiteY6" fmla="*/ 0 h 3261815"/>
              <a:gd name="connsiteX7" fmla="*/ 1786663 w 2175624"/>
              <a:gd name="connsiteY7" fmla="*/ 13648 h 3261815"/>
              <a:gd name="connsiteX8" fmla="*/ 1172514 w 2175624"/>
              <a:gd name="connsiteY8" fmla="*/ 156949 h 3261815"/>
              <a:gd name="connsiteX9" fmla="*/ 408239 w 2175624"/>
              <a:gd name="connsiteY9" fmla="*/ 27296 h 3261815"/>
              <a:gd name="connsiteX0" fmla="*/ 408239 w 2175624"/>
              <a:gd name="connsiteY0" fmla="*/ 27296 h 3261815"/>
              <a:gd name="connsiteX1" fmla="*/ 326353 w 2175624"/>
              <a:gd name="connsiteY1" fmla="*/ 1774209 h 3261815"/>
              <a:gd name="connsiteX2" fmla="*/ 701666 w 2175624"/>
              <a:gd name="connsiteY2" fmla="*/ 3261815 h 3261815"/>
              <a:gd name="connsiteX3" fmla="*/ 1192985 w 2175624"/>
              <a:gd name="connsiteY3" fmla="*/ 1937982 h 3261815"/>
              <a:gd name="connsiteX4" fmla="*/ 1629714 w 2175624"/>
              <a:gd name="connsiteY4" fmla="*/ 3261815 h 3261815"/>
              <a:gd name="connsiteX5" fmla="*/ 2175624 w 2175624"/>
              <a:gd name="connsiteY5" fmla="*/ 1719618 h 3261815"/>
              <a:gd name="connsiteX6" fmla="*/ 1868550 w 2175624"/>
              <a:gd name="connsiteY6" fmla="*/ 0 h 3261815"/>
              <a:gd name="connsiteX7" fmla="*/ 1786663 w 2175624"/>
              <a:gd name="connsiteY7" fmla="*/ 13648 h 3261815"/>
              <a:gd name="connsiteX8" fmla="*/ 1172514 w 2175624"/>
              <a:gd name="connsiteY8" fmla="*/ 156949 h 3261815"/>
              <a:gd name="connsiteX9" fmla="*/ 408239 w 2175624"/>
              <a:gd name="connsiteY9" fmla="*/ 27296 h 3261815"/>
              <a:gd name="connsiteX0" fmla="*/ 408239 w 2175624"/>
              <a:gd name="connsiteY0" fmla="*/ 27296 h 3261815"/>
              <a:gd name="connsiteX1" fmla="*/ 326353 w 2175624"/>
              <a:gd name="connsiteY1" fmla="*/ 1774209 h 3261815"/>
              <a:gd name="connsiteX2" fmla="*/ 701666 w 2175624"/>
              <a:gd name="connsiteY2" fmla="*/ 3261815 h 3261815"/>
              <a:gd name="connsiteX3" fmla="*/ 1192985 w 2175624"/>
              <a:gd name="connsiteY3" fmla="*/ 1937982 h 3261815"/>
              <a:gd name="connsiteX4" fmla="*/ 1629714 w 2175624"/>
              <a:gd name="connsiteY4" fmla="*/ 3261815 h 3261815"/>
              <a:gd name="connsiteX5" fmla="*/ 2175624 w 2175624"/>
              <a:gd name="connsiteY5" fmla="*/ 1719618 h 3261815"/>
              <a:gd name="connsiteX6" fmla="*/ 1868550 w 2175624"/>
              <a:gd name="connsiteY6" fmla="*/ 0 h 3261815"/>
              <a:gd name="connsiteX7" fmla="*/ 1786663 w 2175624"/>
              <a:gd name="connsiteY7" fmla="*/ 13648 h 3261815"/>
              <a:gd name="connsiteX8" fmla="*/ 1172514 w 2175624"/>
              <a:gd name="connsiteY8" fmla="*/ 156949 h 3261815"/>
              <a:gd name="connsiteX9" fmla="*/ 408239 w 2175624"/>
              <a:gd name="connsiteY9" fmla="*/ 27296 h 3261815"/>
              <a:gd name="connsiteX0" fmla="*/ 408239 w 2175624"/>
              <a:gd name="connsiteY0" fmla="*/ 27296 h 3261815"/>
              <a:gd name="connsiteX1" fmla="*/ 326353 w 2175624"/>
              <a:gd name="connsiteY1" fmla="*/ 1774209 h 3261815"/>
              <a:gd name="connsiteX2" fmla="*/ 701666 w 2175624"/>
              <a:gd name="connsiteY2" fmla="*/ 3261815 h 3261815"/>
              <a:gd name="connsiteX3" fmla="*/ 1192985 w 2175624"/>
              <a:gd name="connsiteY3" fmla="*/ 1937982 h 3261815"/>
              <a:gd name="connsiteX4" fmla="*/ 1629714 w 2175624"/>
              <a:gd name="connsiteY4" fmla="*/ 3261815 h 3261815"/>
              <a:gd name="connsiteX5" fmla="*/ 2175624 w 2175624"/>
              <a:gd name="connsiteY5" fmla="*/ 1719618 h 3261815"/>
              <a:gd name="connsiteX6" fmla="*/ 1868550 w 2175624"/>
              <a:gd name="connsiteY6" fmla="*/ 0 h 3261815"/>
              <a:gd name="connsiteX7" fmla="*/ 1786663 w 2175624"/>
              <a:gd name="connsiteY7" fmla="*/ 13648 h 3261815"/>
              <a:gd name="connsiteX8" fmla="*/ 1172514 w 2175624"/>
              <a:gd name="connsiteY8" fmla="*/ 156949 h 3261815"/>
              <a:gd name="connsiteX9" fmla="*/ 408239 w 2175624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195900 w 2178539"/>
              <a:gd name="connsiteY3" fmla="*/ 1937982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195900 w 2178539"/>
              <a:gd name="connsiteY3" fmla="*/ 1937982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195900 w 2178539"/>
              <a:gd name="connsiteY3" fmla="*/ 1937982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195900 w 2178539"/>
              <a:gd name="connsiteY3" fmla="*/ 1937982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195900 w 2178539"/>
              <a:gd name="connsiteY3" fmla="*/ 1937982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195900 w 2178539"/>
              <a:gd name="connsiteY3" fmla="*/ 1937982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632629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680396 w 2178539"/>
              <a:gd name="connsiteY4" fmla="*/ 3261815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707692 w 2178539"/>
              <a:gd name="connsiteY4" fmla="*/ 3254991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707692 w 2178539"/>
              <a:gd name="connsiteY4" fmla="*/ 3254991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707692 w 2178539"/>
              <a:gd name="connsiteY4" fmla="*/ 3254991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707692 w 2178539"/>
              <a:gd name="connsiteY4" fmla="*/ 3254991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707692 w 2178539"/>
              <a:gd name="connsiteY4" fmla="*/ 3254991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78539"/>
              <a:gd name="connsiteY0" fmla="*/ 27296 h 3261815"/>
              <a:gd name="connsiteX1" fmla="*/ 322444 w 2178539"/>
              <a:gd name="connsiteY1" fmla="*/ 1801504 h 3261815"/>
              <a:gd name="connsiteX2" fmla="*/ 704581 w 2178539"/>
              <a:gd name="connsiteY2" fmla="*/ 3261815 h 3261815"/>
              <a:gd name="connsiteX3" fmla="*/ 1216372 w 2178539"/>
              <a:gd name="connsiteY3" fmla="*/ 1951629 h 3261815"/>
              <a:gd name="connsiteX4" fmla="*/ 1707692 w 2178539"/>
              <a:gd name="connsiteY4" fmla="*/ 3254991 h 3261815"/>
              <a:gd name="connsiteX5" fmla="*/ 2178539 w 2178539"/>
              <a:gd name="connsiteY5" fmla="*/ 1719618 h 3261815"/>
              <a:gd name="connsiteX6" fmla="*/ 1871465 w 2178539"/>
              <a:gd name="connsiteY6" fmla="*/ 0 h 3261815"/>
              <a:gd name="connsiteX7" fmla="*/ 1789578 w 2178539"/>
              <a:gd name="connsiteY7" fmla="*/ 13648 h 3261815"/>
              <a:gd name="connsiteX8" fmla="*/ 1175429 w 2178539"/>
              <a:gd name="connsiteY8" fmla="*/ 156949 h 3261815"/>
              <a:gd name="connsiteX9" fmla="*/ 411154 w 2178539"/>
              <a:gd name="connsiteY9" fmla="*/ 27296 h 3261815"/>
              <a:gd name="connsiteX0" fmla="*/ 411154 w 2144420"/>
              <a:gd name="connsiteY0" fmla="*/ 27296 h 3261815"/>
              <a:gd name="connsiteX1" fmla="*/ 322444 w 2144420"/>
              <a:gd name="connsiteY1" fmla="*/ 1801504 h 3261815"/>
              <a:gd name="connsiteX2" fmla="*/ 704581 w 2144420"/>
              <a:gd name="connsiteY2" fmla="*/ 3261815 h 3261815"/>
              <a:gd name="connsiteX3" fmla="*/ 1216372 w 2144420"/>
              <a:gd name="connsiteY3" fmla="*/ 1951629 h 3261815"/>
              <a:gd name="connsiteX4" fmla="*/ 1707692 w 2144420"/>
              <a:gd name="connsiteY4" fmla="*/ 3254991 h 3261815"/>
              <a:gd name="connsiteX5" fmla="*/ 2144420 w 2144420"/>
              <a:gd name="connsiteY5" fmla="*/ 1753737 h 3261815"/>
              <a:gd name="connsiteX6" fmla="*/ 1871465 w 2144420"/>
              <a:gd name="connsiteY6" fmla="*/ 0 h 3261815"/>
              <a:gd name="connsiteX7" fmla="*/ 1789578 w 2144420"/>
              <a:gd name="connsiteY7" fmla="*/ 13648 h 3261815"/>
              <a:gd name="connsiteX8" fmla="*/ 1175429 w 2144420"/>
              <a:gd name="connsiteY8" fmla="*/ 156949 h 3261815"/>
              <a:gd name="connsiteX9" fmla="*/ 411154 w 2144420"/>
              <a:gd name="connsiteY9" fmla="*/ 27296 h 3261815"/>
              <a:gd name="connsiteX0" fmla="*/ 411154 w 2144420"/>
              <a:gd name="connsiteY0" fmla="*/ 27296 h 3261815"/>
              <a:gd name="connsiteX1" fmla="*/ 322444 w 2144420"/>
              <a:gd name="connsiteY1" fmla="*/ 1801504 h 3261815"/>
              <a:gd name="connsiteX2" fmla="*/ 704581 w 2144420"/>
              <a:gd name="connsiteY2" fmla="*/ 3261815 h 3261815"/>
              <a:gd name="connsiteX3" fmla="*/ 1216372 w 2144420"/>
              <a:gd name="connsiteY3" fmla="*/ 1951629 h 3261815"/>
              <a:gd name="connsiteX4" fmla="*/ 1707692 w 2144420"/>
              <a:gd name="connsiteY4" fmla="*/ 3254991 h 3261815"/>
              <a:gd name="connsiteX5" fmla="*/ 2144420 w 2144420"/>
              <a:gd name="connsiteY5" fmla="*/ 1753737 h 3261815"/>
              <a:gd name="connsiteX6" fmla="*/ 1871465 w 2144420"/>
              <a:gd name="connsiteY6" fmla="*/ 0 h 3261815"/>
              <a:gd name="connsiteX7" fmla="*/ 1789578 w 2144420"/>
              <a:gd name="connsiteY7" fmla="*/ 13648 h 3261815"/>
              <a:gd name="connsiteX8" fmla="*/ 1175429 w 2144420"/>
              <a:gd name="connsiteY8" fmla="*/ 156949 h 3261815"/>
              <a:gd name="connsiteX9" fmla="*/ 411154 w 2144420"/>
              <a:gd name="connsiteY9" fmla="*/ 27296 h 3261815"/>
              <a:gd name="connsiteX0" fmla="*/ 411154 w 2144420"/>
              <a:gd name="connsiteY0" fmla="*/ 27296 h 3261815"/>
              <a:gd name="connsiteX1" fmla="*/ 322444 w 2144420"/>
              <a:gd name="connsiteY1" fmla="*/ 1801504 h 3261815"/>
              <a:gd name="connsiteX2" fmla="*/ 704581 w 2144420"/>
              <a:gd name="connsiteY2" fmla="*/ 3261815 h 3261815"/>
              <a:gd name="connsiteX3" fmla="*/ 1216372 w 2144420"/>
              <a:gd name="connsiteY3" fmla="*/ 1951629 h 3261815"/>
              <a:gd name="connsiteX4" fmla="*/ 1707692 w 2144420"/>
              <a:gd name="connsiteY4" fmla="*/ 3254991 h 3261815"/>
              <a:gd name="connsiteX5" fmla="*/ 2144420 w 2144420"/>
              <a:gd name="connsiteY5" fmla="*/ 1753737 h 3261815"/>
              <a:gd name="connsiteX6" fmla="*/ 1871465 w 2144420"/>
              <a:gd name="connsiteY6" fmla="*/ 0 h 3261815"/>
              <a:gd name="connsiteX7" fmla="*/ 1789578 w 2144420"/>
              <a:gd name="connsiteY7" fmla="*/ 13648 h 3261815"/>
              <a:gd name="connsiteX8" fmla="*/ 1175429 w 2144420"/>
              <a:gd name="connsiteY8" fmla="*/ 156949 h 3261815"/>
              <a:gd name="connsiteX9" fmla="*/ 411154 w 2144420"/>
              <a:gd name="connsiteY9" fmla="*/ 27296 h 3261815"/>
              <a:gd name="connsiteX0" fmla="*/ 411154 w 2205171"/>
              <a:gd name="connsiteY0" fmla="*/ 27296 h 3261815"/>
              <a:gd name="connsiteX1" fmla="*/ 322444 w 2205171"/>
              <a:gd name="connsiteY1" fmla="*/ 1801504 h 3261815"/>
              <a:gd name="connsiteX2" fmla="*/ 704581 w 2205171"/>
              <a:gd name="connsiteY2" fmla="*/ 3261815 h 3261815"/>
              <a:gd name="connsiteX3" fmla="*/ 1216372 w 2205171"/>
              <a:gd name="connsiteY3" fmla="*/ 1951629 h 3261815"/>
              <a:gd name="connsiteX4" fmla="*/ 1707692 w 2205171"/>
              <a:gd name="connsiteY4" fmla="*/ 3254991 h 3261815"/>
              <a:gd name="connsiteX5" fmla="*/ 2144420 w 2205171"/>
              <a:gd name="connsiteY5" fmla="*/ 1753737 h 3261815"/>
              <a:gd name="connsiteX6" fmla="*/ 1871465 w 2205171"/>
              <a:gd name="connsiteY6" fmla="*/ 0 h 3261815"/>
              <a:gd name="connsiteX7" fmla="*/ 1789578 w 2205171"/>
              <a:gd name="connsiteY7" fmla="*/ 13648 h 3261815"/>
              <a:gd name="connsiteX8" fmla="*/ 1175429 w 2205171"/>
              <a:gd name="connsiteY8" fmla="*/ 156949 h 3261815"/>
              <a:gd name="connsiteX9" fmla="*/ 411154 w 2205171"/>
              <a:gd name="connsiteY9" fmla="*/ 27296 h 3261815"/>
              <a:gd name="connsiteX0" fmla="*/ 411154 w 2145061"/>
              <a:gd name="connsiteY0" fmla="*/ 23869 h 3258388"/>
              <a:gd name="connsiteX1" fmla="*/ 322444 w 2145061"/>
              <a:gd name="connsiteY1" fmla="*/ 1798077 h 3258388"/>
              <a:gd name="connsiteX2" fmla="*/ 704581 w 2145061"/>
              <a:gd name="connsiteY2" fmla="*/ 3258388 h 3258388"/>
              <a:gd name="connsiteX3" fmla="*/ 1216372 w 2145061"/>
              <a:gd name="connsiteY3" fmla="*/ 1948202 h 3258388"/>
              <a:gd name="connsiteX4" fmla="*/ 1707692 w 2145061"/>
              <a:gd name="connsiteY4" fmla="*/ 3251564 h 3258388"/>
              <a:gd name="connsiteX5" fmla="*/ 2144420 w 2145061"/>
              <a:gd name="connsiteY5" fmla="*/ 1750310 h 3258388"/>
              <a:gd name="connsiteX6" fmla="*/ 1789578 w 2145061"/>
              <a:gd name="connsiteY6" fmla="*/ 10221 h 3258388"/>
              <a:gd name="connsiteX7" fmla="*/ 1175429 w 2145061"/>
              <a:gd name="connsiteY7" fmla="*/ 153522 h 3258388"/>
              <a:gd name="connsiteX8" fmla="*/ 411154 w 2145061"/>
              <a:gd name="connsiteY8" fmla="*/ 23869 h 3258388"/>
              <a:gd name="connsiteX0" fmla="*/ 411154 w 2146076"/>
              <a:gd name="connsiteY0" fmla="*/ 23869 h 3258388"/>
              <a:gd name="connsiteX1" fmla="*/ 322444 w 2146076"/>
              <a:gd name="connsiteY1" fmla="*/ 1798077 h 3258388"/>
              <a:gd name="connsiteX2" fmla="*/ 704581 w 2146076"/>
              <a:gd name="connsiteY2" fmla="*/ 3258388 h 3258388"/>
              <a:gd name="connsiteX3" fmla="*/ 1216372 w 2146076"/>
              <a:gd name="connsiteY3" fmla="*/ 1948202 h 3258388"/>
              <a:gd name="connsiteX4" fmla="*/ 1707692 w 2146076"/>
              <a:gd name="connsiteY4" fmla="*/ 3251564 h 3258388"/>
              <a:gd name="connsiteX5" fmla="*/ 2144420 w 2146076"/>
              <a:gd name="connsiteY5" fmla="*/ 1750310 h 3258388"/>
              <a:gd name="connsiteX6" fmla="*/ 1926056 w 2146076"/>
              <a:gd name="connsiteY6" fmla="*/ 17045 h 3258388"/>
              <a:gd name="connsiteX7" fmla="*/ 1175429 w 2146076"/>
              <a:gd name="connsiteY7" fmla="*/ 153522 h 3258388"/>
              <a:gd name="connsiteX8" fmla="*/ 411154 w 2146076"/>
              <a:gd name="connsiteY8" fmla="*/ 23869 h 3258388"/>
              <a:gd name="connsiteX0" fmla="*/ 411154 w 2374416"/>
              <a:gd name="connsiteY0" fmla="*/ 23869 h 3258388"/>
              <a:gd name="connsiteX1" fmla="*/ 322444 w 2374416"/>
              <a:gd name="connsiteY1" fmla="*/ 1798077 h 3258388"/>
              <a:gd name="connsiteX2" fmla="*/ 704581 w 2374416"/>
              <a:gd name="connsiteY2" fmla="*/ 3258388 h 3258388"/>
              <a:gd name="connsiteX3" fmla="*/ 1216372 w 2374416"/>
              <a:gd name="connsiteY3" fmla="*/ 1948202 h 3258388"/>
              <a:gd name="connsiteX4" fmla="*/ 1707692 w 2374416"/>
              <a:gd name="connsiteY4" fmla="*/ 3251564 h 3258388"/>
              <a:gd name="connsiteX5" fmla="*/ 2144420 w 2374416"/>
              <a:gd name="connsiteY5" fmla="*/ 1750310 h 3258388"/>
              <a:gd name="connsiteX6" fmla="*/ 1926056 w 2374416"/>
              <a:gd name="connsiteY6" fmla="*/ 17045 h 3258388"/>
              <a:gd name="connsiteX7" fmla="*/ 1175429 w 2374416"/>
              <a:gd name="connsiteY7" fmla="*/ 153522 h 3258388"/>
              <a:gd name="connsiteX8" fmla="*/ 411154 w 2374416"/>
              <a:gd name="connsiteY8" fmla="*/ 23869 h 3258388"/>
              <a:gd name="connsiteX0" fmla="*/ 411154 w 2441693"/>
              <a:gd name="connsiteY0" fmla="*/ 23869 h 3258388"/>
              <a:gd name="connsiteX1" fmla="*/ 322444 w 2441693"/>
              <a:gd name="connsiteY1" fmla="*/ 1798077 h 3258388"/>
              <a:gd name="connsiteX2" fmla="*/ 704581 w 2441693"/>
              <a:gd name="connsiteY2" fmla="*/ 3258388 h 3258388"/>
              <a:gd name="connsiteX3" fmla="*/ 1216372 w 2441693"/>
              <a:gd name="connsiteY3" fmla="*/ 1948202 h 3258388"/>
              <a:gd name="connsiteX4" fmla="*/ 1707692 w 2441693"/>
              <a:gd name="connsiteY4" fmla="*/ 3251564 h 3258388"/>
              <a:gd name="connsiteX5" fmla="*/ 2144420 w 2441693"/>
              <a:gd name="connsiteY5" fmla="*/ 1750310 h 3258388"/>
              <a:gd name="connsiteX6" fmla="*/ 1926056 w 2441693"/>
              <a:gd name="connsiteY6" fmla="*/ 17045 h 3258388"/>
              <a:gd name="connsiteX7" fmla="*/ 1175429 w 2441693"/>
              <a:gd name="connsiteY7" fmla="*/ 153522 h 3258388"/>
              <a:gd name="connsiteX8" fmla="*/ 411154 w 2441693"/>
              <a:gd name="connsiteY8" fmla="*/ 23869 h 3258388"/>
              <a:gd name="connsiteX0" fmla="*/ 411154 w 2377348"/>
              <a:gd name="connsiteY0" fmla="*/ 23869 h 3258388"/>
              <a:gd name="connsiteX1" fmla="*/ 322444 w 2377348"/>
              <a:gd name="connsiteY1" fmla="*/ 1798077 h 3258388"/>
              <a:gd name="connsiteX2" fmla="*/ 704581 w 2377348"/>
              <a:gd name="connsiteY2" fmla="*/ 3258388 h 3258388"/>
              <a:gd name="connsiteX3" fmla="*/ 1216372 w 2377348"/>
              <a:gd name="connsiteY3" fmla="*/ 1948202 h 3258388"/>
              <a:gd name="connsiteX4" fmla="*/ 1707692 w 2377348"/>
              <a:gd name="connsiteY4" fmla="*/ 3251564 h 3258388"/>
              <a:gd name="connsiteX5" fmla="*/ 2144420 w 2377348"/>
              <a:gd name="connsiteY5" fmla="*/ 1750310 h 3258388"/>
              <a:gd name="connsiteX6" fmla="*/ 1926056 w 2377348"/>
              <a:gd name="connsiteY6" fmla="*/ 17045 h 3258388"/>
              <a:gd name="connsiteX7" fmla="*/ 1175429 w 2377348"/>
              <a:gd name="connsiteY7" fmla="*/ 153522 h 3258388"/>
              <a:gd name="connsiteX8" fmla="*/ 411154 w 2377348"/>
              <a:gd name="connsiteY8" fmla="*/ 23869 h 3258388"/>
              <a:gd name="connsiteX0" fmla="*/ 411154 w 2424220"/>
              <a:gd name="connsiteY0" fmla="*/ 23869 h 3258388"/>
              <a:gd name="connsiteX1" fmla="*/ 322444 w 2424220"/>
              <a:gd name="connsiteY1" fmla="*/ 1798077 h 3258388"/>
              <a:gd name="connsiteX2" fmla="*/ 704581 w 2424220"/>
              <a:gd name="connsiteY2" fmla="*/ 3258388 h 3258388"/>
              <a:gd name="connsiteX3" fmla="*/ 1216372 w 2424220"/>
              <a:gd name="connsiteY3" fmla="*/ 1948202 h 3258388"/>
              <a:gd name="connsiteX4" fmla="*/ 1707692 w 2424220"/>
              <a:gd name="connsiteY4" fmla="*/ 3251564 h 3258388"/>
              <a:gd name="connsiteX5" fmla="*/ 2144420 w 2424220"/>
              <a:gd name="connsiteY5" fmla="*/ 1750310 h 3258388"/>
              <a:gd name="connsiteX6" fmla="*/ 1926056 w 2424220"/>
              <a:gd name="connsiteY6" fmla="*/ 17045 h 3258388"/>
              <a:gd name="connsiteX7" fmla="*/ 1175429 w 2424220"/>
              <a:gd name="connsiteY7" fmla="*/ 153522 h 3258388"/>
              <a:gd name="connsiteX8" fmla="*/ 411154 w 2424220"/>
              <a:gd name="connsiteY8" fmla="*/ 23869 h 3258388"/>
              <a:gd name="connsiteX0" fmla="*/ 411154 w 2449010"/>
              <a:gd name="connsiteY0" fmla="*/ 23869 h 3258388"/>
              <a:gd name="connsiteX1" fmla="*/ 322444 w 2449010"/>
              <a:gd name="connsiteY1" fmla="*/ 1798077 h 3258388"/>
              <a:gd name="connsiteX2" fmla="*/ 704581 w 2449010"/>
              <a:gd name="connsiteY2" fmla="*/ 3258388 h 3258388"/>
              <a:gd name="connsiteX3" fmla="*/ 1216372 w 2449010"/>
              <a:gd name="connsiteY3" fmla="*/ 1948202 h 3258388"/>
              <a:gd name="connsiteX4" fmla="*/ 1707692 w 2449010"/>
              <a:gd name="connsiteY4" fmla="*/ 3251564 h 3258388"/>
              <a:gd name="connsiteX5" fmla="*/ 2144420 w 2449010"/>
              <a:gd name="connsiteY5" fmla="*/ 1750310 h 3258388"/>
              <a:gd name="connsiteX6" fmla="*/ 1926056 w 2449010"/>
              <a:gd name="connsiteY6" fmla="*/ 17045 h 3258388"/>
              <a:gd name="connsiteX7" fmla="*/ 1175429 w 2449010"/>
              <a:gd name="connsiteY7" fmla="*/ 153522 h 3258388"/>
              <a:gd name="connsiteX8" fmla="*/ 411154 w 2449010"/>
              <a:gd name="connsiteY8" fmla="*/ 23869 h 3258388"/>
              <a:gd name="connsiteX0" fmla="*/ 411154 w 2433593"/>
              <a:gd name="connsiteY0" fmla="*/ 23869 h 3258388"/>
              <a:gd name="connsiteX1" fmla="*/ 322444 w 2433593"/>
              <a:gd name="connsiteY1" fmla="*/ 1798077 h 3258388"/>
              <a:gd name="connsiteX2" fmla="*/ 704581 w 2433593"/>
              <a:gd name="connsiteY2" fmla="*/ 3258388 h 3258388"/>
              <a:gd name="connsiteX3" fmla="*/ 1216372 w 2433593"/>
              <a:gd name="connsiteY3" fmla="*/ 1948202 h 3258388"/>
              <a:gd name="connsiteX4" fmla="*/ 1707692 w 2433593"/>
              <a:gd name="connsiteY4" fmla="*/ 3251564 h 3258388"/>
              <a:gd name="connsiteX5" fmla="*/ 2144420 w 2433593"/>
              <a:gd name="connsiteY5" fmla="*/ 1750310 h 3258388"/>
              <a:gd name="connsiteX6" fmla="*/ 1926056 w 2433593"/>
              <a:gd name="connsiteY6" fmla="*/ 17045 h 3258388"/>
              <a:gd name="connsiteX7" fmla="*/ 1175429 w 2433593"/>
              <a:gd name="connsiteY7" fmla="*/ 153522 h 3258388"/>
              <a:gd name="connsiteX8" fmla="*/ 411154 w 2433593"/>
              <a:gd name="connsiteY8" fmla="*/ 23869 h 3258388"/>
              <a:gd name="connsiteX0" fmla="*/ 411154 w 2433593"/>
              <a:gd name="connsiteY0" fmla="*/ 23869 h 3258388"/>
              <a:gd name="connsiteX1" fmla="*/ 322444 w 2433593"/>
              <a:gd name="connsiteY1" fmla="*/ 1798077 h 3258388"/>
              <a:gd name="connsiteX2" fmla="*/ 704581 w 2433593"/>
              <a:gd name="connsiteY2" fmla="*/ 3258388 h 3258388"/>
              <a:gd name="connsiteX3" fmla="*/ 1216372 w 2433593"/>
              <a:gd name="connsiteY3" fmla="*/ 1948202 h 3258388"/>
              <a:gd name="connsiteX4" fmla="*/ 1707692 w 2433593"/>
              <a:gd name="connsiteY4" fmla="*/ 3251564 h 3258388"/>
              <a:gd name="connsiteX5" fmla="*/ 2144420 w 2433593"/>
              <a:gd name="connsiteY5" fmla="*/ 1750310 h 3258388"/>
              <a:gd name="connsiteX6" fmla="*/ 1926056 w 2433593"/>
              <a:gd name="connsiteY6" fmla="*/ 17045 h 3258388"/>
              <a:gd name="connsiteX7" fmla="*/ 1175429 w 2433593"/>
              <a:gd name="connsiteY7" fmla="*/ 153522 h 3258388"/>
              <a:gd name="connsiteX8" fmla="*/ 411154 w 2433593"/>
              <a:gd name="connsiteY8" fmla="*/ 23869 h 3258388"/>
              <a:gd name="connsiteX0" fmla="*/ 411154 w 2433593"/>
              <a:gd name="connsiteY0" fmla="*/ 23869 h 3258388"/>
              <a:gd name="connsiteX1" fmla="*/ 322444 w 2433593"/>
              <a:gd name="connsiteY1" fmla="*/ 1798077 h 3258388"/>
              <a:gd name="connsiteX2" fmla="*/ 704581 w 2433593"/>
              <a:gd name="connsiteY2" fmla="*/ 3258388 h 3258388"/>
              <a:gd name="connsiteX3" fmla="*/ 1216372 w 2433593"/>
              <a:gd name="connsiteY3" fmla="*/ 1948202 h 3258388"/>
              <a:gd name="connsiteX4" fmla="*/ 1707692 w 2433593"/>
              <a:gd name="connsiteY4" fmla="*/ 3251564 h 3258388"/>
              <a:gd name="connsiteX5" fmla="*/ 2144420 w 2433593"/>
              <a:gd name="connsiteY5" fmla="*/ 1750310 h 3258388"/>
              <a:gd name="connsiteX6" fmla="*/ 1926056 w 2433593"/>
              <a:gd name="connsiteY6" fmla="*/ 17045 h 3258388"/>
              <a:gd name="connsiteX7" fmla="*/ 1175429 w 2433593"/>
              <a:gd name="connsiteY7" fmla="*/ 153522 h 3258388"/>
              <a:gd name="connsiteX8" fmla="*/ 411154 w 2433593"/>
              <a:gd name="connsiteY8" fmla="*/ 23869 h 3258388"/>
              <a:gd name="connsiteX0" fmla="*/ 411154 w 2433593"/>
              <a:gd name="connsiteY0" fmla="*/ 23869 h 3258388"/>
              <a:gd name="connsiteX1" fmla="*/ 322444 w 2433593"/>
              <a:gd name="connsiteY1" fmla="*/ 1798077 h 3258388"/>
              <a:gd name="connsiteX2" fmla="*/ 704581 w 2433593"/>
              <a:gd name="connsiteY2" fmla="*/ 3258388 h 3258388"/>
              <a:gd name="connsiteX3" fmla="*/ 1216372 w 2433593"/>
              <a:gd name="connsiteY3" fmla="*/ 1948202 h 3258388"/>
              <a:gd name="connsiteX4" fmla="*/ 1707692 w 2433593"/>
              <a:gd name="connsiteY4" fmla="*/ 3251564 h 3258388"/>
              <a:gd name="connsiteX5" fmla="*/ 2144420 w 2433593"/>
              <a:gd name="connsiteY5" fmla="*/ 1750310 h 3258388"/>
              <a:gd name="connsiteX6" fmla="*/ 1926056 w 2433593"/>
              <a:gd name="connsiteY6" fmla="*/ 17045 h 3258388"/>
              <a:gd name="connsiteX7" fmla="*/ 1175429 w 2433593"/>
              <a:gd name="connsiteY7" fmla="*/ 153522 h 3258388"/>
              <a:gd name="connsiteX8" fmla="*/ 411154 w 2433593"/>
              <a:gd name="connsiteY8" fmla="*/ 23869 h 325838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2433593" h="3258388">
                <a:moveTo>
                  <a:pt x="411154" y="23869"/>
                </a:moveTo>
                <a:cubicBezTo>
                  <a:pt x="-257586" y="355964"/>
                  <a:pt x="22194" y="1036078"/>
                  <a:pt x="322444" y="1798077"/>
                </a:cubicBezTo>
                <a:cubicBezTo>
                  <a:pt x="338366" y="2660163"/>
                  <a:pt x="545357" y="3249289"/>
                  <a:pt x="704581" y="3258388"/>
                </a:cubicBezTo>
                <a:cubicBezTo>
                  <a:pt x="1018479" y="3247015"/>
                  <a:pt x="779644" y="1925457"/>
                  <a:pt x="1216372" y="1948202"/>
                </a:cubicBezTo>
                <a:cubicBezTo>
                  <a:pt x="1580313" y="1945929"/>
                  <a:pt x="1473406" y="3281133"/>
                  <a:pt x="1707692" y="3251564"/>
                </a:cubicBezTo>
                <a:cubicBezTo>
                  <a:pt x="2048886" y="3121910"/>
                  <a:pt x="2001118" y="2180214"/>
                  <a:pt x="2144420" y="1750310"/>
                </a:cubicBezTo>
                <a:cubicBezTo>
                  <a:pt x="2451495" y="1080432"/>
                  <a:pt x="2681232" y="64812"/>
                  <a:pt x="1926056" y="17045"/>
                </a:cubicBezTo>
                <a:lnTo>
                  <a:pt x="1175429" y="153522"/>
                </a:lnTo>
                <a:cubicBezTo>
                  <a:pt x="920671" y="110304"/>
                  <a:pt x="679560" y="-62566"/>
                  <a:pt x="411154" y="23869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grpSp>
        <p:nvGrpSpPr>
          <p:cNvPr id="64" name="Group 102">
            <a:extLst>
              <a:ext uri="{FF2B5EF4-FFF2-40B4-BE49-F238E27FC236}">
                <a16:creationId xmlns:a16="http://schemas.microsoft.com/office/drawing/2014/main" id="{3B22177F-3D45-4A9B-976C-0E5FC31B92C4}"/>
              </a:ext>
            </a:extLst>
          </p:cNvPr>
          <p:cNvGrpSpPr>
            <a:grpSpLocks noChangeAspect="1"/>
          </p:cNvGrpSpPr>
          <p:nvPr/>
        </p:nvGrpSpPr>
        <p:grpSpPr>
          <a:xfrm>
            <a:off x="8707494" y="2429101"/>
            <a:ext cx="325734" cy="529812"/>
            <a:chOff x="2071598" y="2060848"/>
            <a:chExt cx="1917605" cy="3137144"/>
          </a:xfrm>
          <a:solidFill>
            <a:schemeClr val="accent4"/>
          </a:solidFill>
        </p:grpSpPr>
        <p:sp>
          <p:nvSpPr>
            <p:cNvPr id="65" name="Freeform 103">
              <a:extLst>
                <a:ext uri="{FF2B5EF4-FFF2-40B4-BE49-F238E27FC236}">
                  <a16:creationId xmlns:a16="http://schemas.microsoft.com/office/drawing/2014/main" id="{45551A25-8F0E-4347-975E-A924A7130E47}"/>
                </a:ext>
              </a:extLst>
            </p:cNvPr>
            <p:cNvSpPr/>
            <p:nvPr/>
          </p:nvSpPr>
          <p:spPr>
            <a:xfrm>
              <a:off x="2483768" y="2060848"/>
              <a:ext cx="1505435" cy="1015754"/>
            </a:xfrm>
            <a:custGeom>
              <a:avLst/>
              <a:gdLst>
                <a:gd name="connsiteX0" fmla="*/ 812042 w 1535373"/>
                <a:gd name="connsiteY0" fmla="*/ 211541 h 921224"/>
                <a:gd name="connsiteX1" fmla="*/ 184245 w 1535373"/>
                <a:gd name="connsiteY1" fmla="*/ 0 h 921224"/>
                <a:gd name="connsiteX2" fmla="*/ 143301 w 1535373"/>
                <a:gd name="connsiteY2" fmla="*/ 293427 h 921224"/>
                <a:gd name="connsiteX3" fmla="*/ 0 w 1535373"/>
                <a:gd name="connsiteY3" fmla="*/ 477672 h 921224"/>
                <a:gd name="connsiteX4" fmla="*/ 600501 w 1535373"/>
                <a:gd name="connsiteY4" fmla="*/ 764275 h 921224"/>
                <a:gd name="connsiteX5" fmla="*/ 709684 w 1535373"/>
                <a:gd name="connsiteY5" fmla="*/ 655093 h 921224"/>
                <a:gd name="connsiteX6" fmla="*/ 887104 w 1535373"/>
                <a:gd name="connsiteY6" fmla="*/ 702860 h 921224"/>
                <a:gd name="connsiteX7" fmla="*/ 1201003 w 1535373"/>
                <a:gd name="connsiteY7" fmla="*/ 921224 h 921224"/>
                <a:gd name="connsiteX8" fmla="*/ 1535373 w 1535373"/>
                <a:gd name="connsiteY8" fmla="*/ 825690 h 921224"/>
                <a:gd name="connsiteX9" fmla="*/ 1201003 w 1535373"/>
                <a:gd name="connsiteY9" fmla="*/ 689212 h 921224"/>
                <a:gd name="connsiteX10" fmla="*/ 1262418 w 1535373"/>
                <a:gd name="connsiteY10" fmla="*/ 457200 h 921224"/>
                <a:gd name="connsiteX11" fmla="*/ 996287 w 1535373"/>
                <a:gd name="connsiteY11" fmla="*/ 348018 h 921224"/>
                <a:gd name="connsiteX12" fmla="*/ 921224 w 1535373"/>
                <a:gd name="connsiteY12" fmla="*/ 457200 h 921224"/>
                <a:gd name="connsiteX13" fmla="*/ 777922 w 1535373"/>
                <a:gd name="connsiteY13" fmla="*/ 395785 h 921224"/>
                <a:gd name="connsiteX14" fmla="*/ 812042 w 1535373"/>
                <a:gd name="connsiteY14" fmla="*/ 211541 h 921224"/>
                <a:gd name="connsiteX0" fmla="*/ 812042 w 1535373"/>
                <a:gd name="connsiteY0" fmla="*/ 191663 h 901346"/>
                <a:gd name="connsiteX1" fmla="*/ 208099 w 1535373"/>
                <a:gd name="connsiteY1" fmla="*/ 0 h 901346"/>
                <a:gd name="connsiteX2" fmla="*/ 143301 w 1535373"/>
                <a:gd name="connsiteY2" fmla="*/ 273549 h 901346"/>
                <a:gd name="connsiteX3" fmla="*/ 0 w 1535373"/>
                <a:gd name="connsiteY3" fmla="*/ 457794 h 901346"/>
                <a:gd name="connsiteX4" fmla="*/ 600501 w 1535373"/>
                <a:gd name="connsiteY4" fmla="*/ 744397 h 901346"/>
                <a:gd name="connsiteX5" fmla="*/ 709684 w 1535373"/>
                <a:gd name="connsiteY5" fmla="*/ 635215 h 901346"/>
                <a:gd name="connsiteX6" fmla="*/ 887104 w 1535373"/>
                <a:gd name="connsiteY6" fmla="*/ 682982 h 901346"/>
                <a:gd name="connsiteX7" fmla="*/ 1201003 w 1535373"/>
                <a:gd name="connsiteY7" fmla="*/ 901346 h 901346"/>
                <a:gd name="connsiteX8" fmla="*/ 1535373 w 1535373"/>
                <a:gd name="connsiteY8" fmla="*/ 805812 h 901346"/>
                <a:gd name="connsiteX9" fmla="*/ 1201003 w 1535373"/>
                <a:gd name="connsiteY9" fmla="*/ 669334 h 901346"/>
                <a:gd name="connsiteX10" fmla="*/ 1262418 w 1535373"/>
                <a:gd name="connsiteY10" fmla="*/ 437322 h 901346"/>
                <a:gd name="connsiteX11" fmla="*/ 996287 w 1535373"/>
                <a:gd name="connsiteY11" fmla="*/ 328140 h 901346"/>
                <a:gd name="connsiteX12" fmla="*/ 921224 w 1535373"/>
                <a:gd name="connsiteY12" fmla="*/ 437322 h 901346"/>
                <a:gd name="connsiteX13" fmla="*/ 777922 w 1535373"/>
                <a:gd name="connsiteY13" fmla="*/ 375907 h 901346"/>
                <a:gd name="connsiteX14" fmla="*/ 812042 w 1535373"/>
                <a:gd name="connsiteY14" fmla="*/ 191663 h 901346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43301 w 1535373"/>
                <a:gd name="connsiteY2" fmla="*/ 286235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43301 w 1535373"/>
                <a:gd name="connsiteY2" fmla="*/ 286235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59203 w 1535373"/>
                <a:gd name="connsiteY2" fmla="*/ 306113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788188 w 1511519"/>
                <a:gd name="connsiteY0" fmla="*/ 204349 h 914032"/>
                <a:gd name="connsiteX1" fmla="*/ 184245 w 1511519"/>
                <a:gd name="connsiteY1" fmla="*/ 12686 h 914032"/>
                <a:gd name="connsiteX2" fmla="*/ 135349 w 1511519"/>
                <a:gd name="connsiteY2" fmla="*/ 306113 h 914032"/>
                <a:gd name="connsiteX3" fmla="*/ 0 w 1511519"/>
                <a:gd name="connsiteY3" fmla="*/ 518188 h 914032"/>
                <a:gd name="connsiteX4" fmla="*/ 576647 w 1511519"/>
                <a:gd name="connsiteY4" fmla="*/ 757083 h 914032"/>
                <a:gd name="connsiteX5" fmla="*/ 685830 w 1511519"/>
                <a:gd name="connsiteY5" fmla="*/ 647901 h 914032"/>
                <a:gd name="connsiteX6" fmla="*/ 863250 w 1511519"/>
                <a:gd name="connsiteY6" fmla="*/ 695668 h 914032"/>
                <a:gd name="connsiteX7" fmla="*/ 1177149 w 1511519"/>
                <a:gd name="connsiteY7" fmla="*/ 914032 h 914032"/>
                <a:gd name="connsiteX8" fmla="*/ 1511519 w 1511519"/>
                <a:gd name="connsiteY8" fmla="*/ 818498 h 914032"/>
                <a:gd name="connsiteX9" fmla="*/ 1177149 w 1511519"/>
                <a:gd name="connsiteY9" fmla="*/ 682020 h 914032"/>
                <a:gd name="connsiteX10" fmla="*/ 1238564 w 1511519"/>
                <a:gd name="connsiteY10" fmla="*/ 450008 h 914032"/>
                <a:gd name="connsiteX11" fmla="*/ 972433 w 1511519"/>
                <a:gd name="connsiteY11" fmla="*/ 340826 h 914032"/>
                <a:gd name="connsiteX12" fmla="*/ 897370 w 1511519"/>
                <a:gd name="connsiteY12" fmla="*/ 450008 h 914032"/>
                <a:gd name="connsiteX13" fmla="*/ 754068 w 1511519"/>
                <a:gd name="connsiteY13" fmla="*/ 388593 h 914032"/>
                <a:gd name="connsiteX14" fmla="*/ 788188 w 1511519"/>
                <a:gd name="connsiteY14" fmla="*/ 204349 h 914032"/>
                <a:gd name="connsiteX0" fmla="*/ 802902 w 1526233"/>
                <a:gd name="connsiteY0" fmla="*/ 204349 h 914032"/>
                <a:gd name="connsiteX1" fmla="*/ 198959 w 1526233"/>
                <a:gd name="connsiteY1" fmla="*/ 12686 h 914032"/>
                <a:gd name="connsiteX2" fmla="*/ 150063 w 1526233"/>
                <a:gd name="connsiteY2" fmla="*/ 306113 h 914032"/>
                <a:gd name="connsiteX3" fmla="*/ 14714 w 1526233"/>
                <a:gd name="connsiteY3" fmla="*/ 518188 h 914032"/>
                <a:gd name="connsiteX4" fmla="*/ 591361 w 1526233"/>
                <a:gd name="connsiteY4" fmla="*/ 757083 h 914032"/>
                <a:gd name="connsiteX5" fmla="*/ 700544 w 1526233"/>
                <a:gd name="connsiteY5" fmla="*/ 647901 h 914032"/>
                <a:gd name="connsiteX6" fmla="*/ 877964 w 1526233"/>
                <a:gd name="connsiteY6" fmla="*/ 695668 h 914032"/>
                <a:gd name="connsiteX7" fmla="*/ 1191863 w 1526233"/>
                <a:gd name="connsiteY7" fmla="*/ 914032 h 914032"/>
                <a:gd name="connsiteX8" fmla="*/ 1526233 w 1526233"/>
                <a:gd name="connsiteY8" fmla="*/ 818498 h 914032"/>
                <a:gd name="connsiteX9" fmla="*/ 1191863 w 1526233"/>
                <a:gd name="connsiteY9" fmla="*/ 682020 h 914032"/>
                <a:gd name="connsiteX10" fmla="*/ 1253278 w 1526233"/>
                <a:gd name="connsiteY10" fmla="*/ 450008 h 914032"/>
                <a:gd name="connsiteX11" fmla="*/ 987147 w 1526233"/>
                <a:gd name="connsiteY11" fmla="*/ 340826 h 914032"/>
                <a:gd name="connsiteX12" fmla="*/ 912084 w 1526233"/>
                <a:gd name="connsiteY12" fmla="*/ 450008 h 914032"/>
                <a:gd name="connsiteX13" fmla="*/ 768782 w 1526233"/>
                <a:gd name="connsiteY13" fmla="*/ 388593 h 914032"/>
                <a:gd name="connsiteX14" fmla="*/ 802902 w 1526233"/>
                <a:gd name="connsiteY14" fmla="*/ 204349 h 914032"/>
                <a:gd name="connsiteX0" fmla="*/ 802902 w 1526233"/>
                <a:gd name="connsiteY0" fmla="*/ 204349 h 914032"/>
                <a:gd name="connsiteX1" fmla="*/ 198959 w 1526233"/>
                <a:gd name="connsiteY1" fmla="*/ 12686 h 914032"/>
                <a:gd name="connsiteX2" fmla="*/ 150063 w 1526233"/>
                <a:gd name="connsiteY2" fmla="*/ 306113 h 914032"/>
                <a:gd name="connsiteX3" fmla="*/ 14714 w 1526233"/>
                <a:gd name="connsiteY3" fmla="*/ 518188 h 914032"/>
                <a:gd name="connsiteX4" fmla="*/ 591361 w 1526233"/>
                <a:gd name="connsiteY4" fmla="*/ 757083 h 914032"/>
                <a:gd name="connsiteX5" fmla="*/ 700544 w 1526233"/>
                <a:gd name="connsiteY5" fmla="*/ 647901 h 914032"/>
                <a:gd name="connsiteX6" fmla="*/ 877964 w 1526233"/>
                <a:gd name="connsiteY6" fmla="*/ 695668 h 914032"/>
                <a:gd name="connsiteX7" fmla="*/ 1191863 w 1526233"/>
                <a:gd name="connsiteY7" fmla="*/ 914032 h 914032"/>
                <a:gd name="connsiteX8" fmla="*/ 1526233 w 1526233"/>
                <a:gd name="connsiteY8" fmla="*/ 818498 h 914032"/>
                <a:gd name="connsiteX9" fmla="*/ 1191863 w 1526233"/>
                <a:gd name="connsiteY9" fmla="*/ 682020 h 914032"/>
                <a:gd name="connsiteX10" fmla="*/ 1253278 w 1526233"/>
                <a:gd name="connsiteY10" fmla="*/ 450008 h 914032"/>
                <a:gd name="connsiteX11" fmla="*/ 987147 w 1526233"/>
                <a:gd name="connsiteY11" fmla="*/ 340826 h 914032"/>
                <a:gd name="connsiteX12" fmla="*/ 912084 w 1526233"/>
                <a:gd name="connsiteY12" fmla="*/ 450008 h 914032"/>
                <a:gd name="connsiteX13" fmla="*/ 768782 w 1526233"/>
                <a:gd name="connsiteY13" fmla="*/ 388593 h 914032"/>
                <a:gd name="connsiteX14" fmla="*/ 802902 w 1526233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588668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82628"/>
                <a:gd name="connsiteX1" fmla="*/ 196266 w 1523540"/>
                <a:gd name="connsiteY1" fmla="*/ 12686 h 982628"/>
                <a:gd name="connsiteX2" fmla="*/ 147370 w 1523540"/>
                <a:gd name="connsiteY2" fmla="*/ 306113 h 982628"/>
                <a:gd name="connsiteX3" fmla="*/ 12021 w 1523540"/>
                <a:gd name="connsiteY3" fmla="*/ 518188 h 982628"/>
                <a:gd name="connsiteX4" fmla="*/ 636377 w 1523540"/>
                <a:gd name="connsiteY4" fmla="*/ 741181 h 982628"/>
                <a:gd name="connsiteX5" fmla="*/ 705803 w 1523540"/>
                <a:gd name="connsiteY5" fmla="*/ 624047 h 982628"/>
                <a:gd name="connsiteX6" fmla="*/ 859369 w 1523540"/>
                <a:gd name="connsiteY6" fmla="*/ 679765 h 982628"/>
                <a:gd name="connsiteX7" fmla="*/ 1189170 w 1523540"/>
                <a:gd name="connsiteY7" fmla="*/ 914032 h 982628"/>
                <a:gd name="connsiteX8" fmla="*/ 1523540 w 1523540"/>
                <a:gd name="connsiteY8" fmla="*/ 818498 h 982628"/>
                <a:gd name="connsiteX9" fmla="*/ 1189170 w 1523540"/>
                <a:gd name="connsiteY9" fmla="*/ 682020 h 982628"/>
                <a:gd name="connsiteX10" fmla="*/ 1250585 w 1523540"/>
                <a:gd name="connsiteY10" fmla="*/ 450008 h 982628"/>
                <a:gd name="connsiteX11" fmla="*/ 984454 w 1523540"/>
                <a:gd name="connsiteY11" fmla="*/ 340826 h 982628"/>
                <a:gd name="connsiteX12" fmla="*/ 909391 w 1523540"/>
                <a:gd name="connsiteY12" fmla="*/ 450008 h 982628"/>
                <a:gd name="connsiteX13" fmla="*/ 766089 w 1523540"/>
                <a:gd name="connsiteY13" fmla="*/ 388593 h 982628"/>
                <a:gd name="connsiteX14" fmla="*/ 800209 w 1523540"/>
                <a:gd name="connsiteY14" fmla="*/ 204349 h 982628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89170 w 1554538"/>
                <a:gd name="connsiteY9" fmla="*/ 682020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89170 w 1554538"/>
                <a:gd name="connsiteY9" fmla="*/ 682020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73267 w 1554538"/>
                <a:gd name="connsiteY9" fmla="*/ 634312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73267 w 1554538"/>
                <a:gd name="connsiteY9" fmla="*/ 634312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42543"/>
                <a:gd name="connsiteY0" fmla="*/ 204349 h 976908"/>
                <a:gd name="connsiteX1" fmla="*/ 196266 w 1542543"/>
                <a:gd name="connsiteY1" fmla="*/ 12686 h 976908"/>
                <a:gd name="connsiteX2" fmla="*/ 147370 w 1542543"/>
                <a:gd name="connsiteY2" fmla="*/ 306113 h 976908"/>
                <a:gd name="connsiteX3" fmla="*/ 12021 w 1542543"/>
                <a:gd name="connsiteY3" fmla="*/ 518188 h 976908"/>
                <a:gd name="connsiteX4" fmla="*/ 636377 w 1542543"/>
                <a:gd name="connsiteY4" fmla="*/ 741181 h 976908"/>
                <a:gd name="connsiteX5" fmla="*/ 705803 w 1542543"/>
                <a:gd name="connsiteY5" fmla="*/ 624047 h 976908"/>
                <a:gd name="connsiteX6" fmla="*/ 859369 w 1542543"/>
                <a:gd name="connsiteY6" fmla="*/ 679765 h 976908"/>
                <a:gd name="connsiteX7" fmla="*/ 1189170 w 1542543"/>
                <a:gd name="connsiteY7" fmla="*/ 914032 h 976908"/>
                <a:gd name="connsiteX8" fmla="*/ 1507637 w 1542543"/>
                <a:gd name="connsiteY8" fmla="*/ 786693 h 976908"/>
                <a:gd name="connsiteX9" fmla="*/ 1173267 w 1542543"/>
                <a:gd name="connsiteY9" fmla="*/ 634312 h 976908"/>
                <a:gd name="connsiteX10" fmla="*/ 1250585 w 1542543"/>
                <a:gd name="connsiteY10" fmla="*/ 450008 h 976908"/>
                <a:gd name="connsiteX11" fmla="*/ 984454 w 1542543"/>
                <a:gd name="connsiteY11" fmla="*/ 340826 h 976908"/>
                <a:gd name="connsiteX12" fmla="*/ 909391 w 1542543"/>
                <a:gd name="connsiteY12" fmla="*/ 450008 h 976908"/>
                <a:gd name="connsiteX13" fmla="*/ 766089 w 1542543"/>
                <a:gd name="connsiteY13" fmla="*/ 388593 h 976908"/>
                <a:gd name="connsiteX14" fmla="*/ 800209 w 1542543"/>
                <a:gd name="connsiteY14" fmla="*/ 204349 h 976908"/>
                <a:gd name="connsiteX0" fmla="*/ 800209 w 1542543"/>
                <a:gd name="connsiteY0" fmla="*/ 204349 h 976908"/>
                <a:gd name="connsiteX1" fmla="*/ 196266 w 1542543"/>
                <a:gd name="connsiteY1" fmla="*/ 12686 h 976908"/>
                <a:gd name="connsiteX2" fmla="*/ 147370 w 1542543"/>
                <a:gd name="connsiteY2" fmla="*/ 306113 h 976908"/>
                <a:gd name="connsiteX3" fmla="*/ 12021 w 1542543"/>
                <a:gd name="connsiteY3" fmla="*/ 518188 h 976908"/>
                <a:gd name="connsiteX4" fmla="*/ 636377 w 1542543"/>
                <a:gd name="connsiteY4" fmla="*/ 741181 h 976908"/>
                <a:gd name="connsiteX5" fmla="*/ 705803 w 1542543"/>
                <a:gd name="connsiteY5" fmla="*/ 624047 h 976908"/>
                <a:gd name="connsiteX6" fmla="*/ 859369 w 1542543"/>
                <a:gd name="connsiteY6" fmla="*/ 679765 h 976908"/>
                <a:gd name="connsiteX7" fmla="*/ 1189170 w 1542543"/>
                <a:gd name="connsiteY7" fmla="*/ 914032 h 976908"/>
                <a:gd name="connsiteX8" fmla="*/ 1507637 w 1542543"/>
                <a:gd name="connsiteY8" fmla="*/ 786693 h 976908"/>
                <a:gd name="connsiteX9" fmla="*/ 1173267 w 1542543"/>
                <a:gd name="connsiteY9" fmla="*/ 634312 h 976908"/>
                <a:gd name="connsiteX10" fmla="*/ 1250585 w 1542543"/>
                <a:gd name="connsiteY10" fmla="*/ 450008 h 976908"/>
                <a:gd name="connsiteX11" fmla="*/ 984454 w 1542543"/>
                <a:gd name="connsiteY11" fmla="*/ 340826 h 976908"/>
                <a:gd name="connsiteX12" fmla="*/ 909391 w 1542543"/>
                <a:gd name="connsiteY12" fmla="*/ 450008 h 976908"/>
                <a:gd name="connsiteX13" fmla="*/ 766089 w 1542543"/>
                <a:gd name="connsiteY13" fmla="*/ 388593 h 976908"/>
                <a:gd name="connsiteX14" fmla="*/ 800209 w 1542543"/>
                <a:gd name="connsiteY14" fmla="*/ 204349 h 976908"/>
                <a:gd name="connsiteX0" fmla="*/ 800209 w 1522966"/>
                <a:gd name="connsiteY0" fmla="*/ 204349 h 975249"/>
                <a:gd name="connsiteX1" fmla="*/ 196266 w 1522966"/>
                <a:gd name="connsiteY1" fmla="*/ 12686 h 975249"/>
                <a:gd name="connsiteX2" fmla="*/ 147370 w 1522966"/>
                <a:gd name="connsiteY2" fmla="*/ 306113 h 975249"/>
                <a:gd name="connsiteX3" fmla="*/ 12021 w 1522966"/>
                <a:gd name="connsiteY3" fmla="*/ 518188 h 975249"/>
                <a:gd name="connsiteX4" fmla="*/ 636377 w 1522966"/>
                <a:gd name="connsiteY4" fmla="*/ 741181 h 975249"/>
                <a:gd name="connsiteX5" fmla="*/ 705803 w 1522966"/>
                <a:gd name="connsiteY5" fmla="*/ 624047 h 975249"/>
                <a:gd name="connsiteX6" fmla="*/ 859369 w 1522966"/>
                <a:gd name="connsiteY6" fmla="*/ 679765 h 975249"/>
                <a:gd name="connsiteX7" fmla="*/ 1189170 w 1522966"/>
                <a:gd name="connsiteY7" fmla="*/ 914032 h 975249"/>
                <a:gd name="connsiteX8" fmla="*/ 1507637 w 1522966"/>
                <a:gd name="connsiteY8" fmla="*/ 786693 h 975249"/>
                <a:gd name="connsiteX9" fmla="*/ 1173267 w 1522966"/>
                <a:gd name="connsiteY9" fmla="*/ 634312 h 975249"/>
                <a:gd name="connsiteX10" fmla="*/ 1250585 w 1522966"/>
                <a:gd name="connsiteY10" fmla="*/ 450008 h 975249"/>
                <a:gd name="connsiteX11" fmla="*/ 984454 w 1522966"/>
                <a:gd name="connsiteY11" fmla="*/ 340826 h 975249"/>
                <a:gd name="connsiteX12" fmla="*/ 909391 w 1522966"/>
                <a:gd name="connsiteY12" fmla="*/ 450008 h 975249"/>
                <a:gd name="connsiteX13" fmla="*/ 766089 w 1522966"/>
                <a:gd name="connsiteY13" fmla="*/ 388593 h 975249"/>
                <a:gd name="connsiteX14" fmla="*/ 800209 w 1522966"/>
                <a:gd name="connsiteY14" fmla="*/ 204349 h 975249"/>
                <a:gd name="connsiteX0" fmla="*/ 800209 w 1538655"/>
                <a:gd name="connsiteY0" fmla="*/ 204349 h 976321"/>
                <a:gd name="connsiteX1" fmla="*/ 196266 w 1538655"/>
                <a:gd name="connsiteY1" fmla="*/ 12686 h 976321"/>
                <a:gd name="connsiteX2" fmla="*/ 147370 w 1538655"/>
                <a:gd name="connsiteY2" fmla="*/ 306113 h 976321"/>
                <a:gd name="connsiteX3" fmla="*/ 12021 w 1538655"/>
                <a:gd name="connsiteY3" fmla="*/ 518188 h 976321"/>
                <a:gd name="connsiteX4" fmla="*/ 636377 w 1538655"/>
                <a:gd name="connsiteY4" fmla="*/ 741181 h 976321"/>
                <a:gd name="connsiteX5" fmla="*/ 705803 w 1538655"/>
                <a:gd name="connsiteY5" fmla="*/ 624047 h 976321"/>
                <a:gd name="connsiteX6" fmla="*/ 859369 w 1538655"/>
                <a:gd name="connsiteY6" fmla="*/ 679765 h 976321"/>
                <a:gd name="connsiteX7" fmla="*/ 1189170 w 1538655"/>
                <a:gd name="connsiteY7" fmla="*/ 914032 h 976321"/>
                <a:gd name="connsiteX8" fmla="*/ 1507637 w 1538655"/>
                <a:gd name="connsiteY8" fmla="*/ 786693 h 976321"/>
                <a:gd name="connsiteX9" fmla="*/ 1173267 w 1538655"/>
                <a:gd name="connsiteY9" fmla="*/ 634312 h 976321"/>
                <a:gd name="connsiteX10" fmla="*/ 1250585 w 1538655"/>
                <a:gd name="connsiteY10" fmla="*/ 450008 h 976321"/>
                <a:gd name="connsiteX11" fmla="*/ 984454 w 1538655"/>
                <a:gd name="connsiteY11" fmla="*/ 340826 h 976321"/>
                <a:gd name="connsiteX12" fmla="*/ 909391 w 1538655"/>
                <a:gd name="connsiteY12" fmla="*/ 450008 h 976321"/>
                <a:gd name="connsiteX13" fmla="*/ 766089 w 1538655"/>
                <a:gd name="connsiteY13" fmla="*/ 388593 h 976321"/>
                <a:gd name="connsiteX14" fmla="*/ 800209 w 1538655"/>
                <a:gd name="connsiteY14" fmla="*/ 204349 h 976321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27868"/>
                <a:gd name="connsiteY0" fmla="*/ 204349 h 975126"/>
                <a:gd name="connsiteX1" fmla="*/ 196266 w 1527868"/>
                <a:gd name="connsiteY1" fmla="*/ 12686 h 975126"/>
                <a:gd name="connsiteX2" fmla="*/ 147370 w 1527868"/>
                <a:gd name="connsiteY2" fmla="*/ 306113 h 975126"/>
                <a:gd name="connsiteX3" fmla="*/ 12021 w 1527868"/>
                <a:gd name="connsiteY3" fmla="*/ 518188 h 975126"/>
                <a:gd name="connsiteX4" fmla="*/ 636377 w 1527868"/>
                <a:gd name="connsiteY4" fmla="*/ 741181 h 975126"/>
                <a:gd name="connsiteX5" fmla="*/ 705803 w 1527868"/>
                <a:gd name="connsiteY5" fmla="*/ 624047 h 975126"/>
                <a:gd name="connsiteX6" fmla="*/ 859369 w 1527868"/>
                <a:gd name="connsiteY6" fmla="*/ 679765 h 975126"/>
                <a:gd name="connsiteX7" fmla="*/ 1189170 w 1527868"/>
                <a:gd name="connsiteY7" fmla="*/ 914032 h 975126"/>
                <a:gd name="connsiteX8" fmla="*/ 1467881 w 1527868"/>
                <a:gd name="connsiteY8" fmla="*/ 742961 h 975126"/>
                <a:gd name="connsiteX9" fmla="*/ 1173267 w 1527868"/>
                <a:gd name="connsiteY9" fmla="*/ 634312 h 975126"/>
                <a:gd name="connsiteX10" fmla="*/ 1250585 w 1527868"/>
                <a:gd name="connsiteY10" fmla="*/ 438081 h 975126"/>
                <a:gd name="connsiteX11" fmla="*/ 964576 w 1527868"/>
                <a:gd name="connsiteY11" fmla="*/ 344802 h 975126"/>
                <a:gd name="connsiteX12" fmla="*/ 909391 w 1527868"/>
                <a:gd name="connsiteY12" fmla="*/ 450008 h 975126"/>
                <a:gd name="connsiteX13" fmla="*/ 766089 w 1527868"/>
                <a:gd name="connsiteY13" fmla="*/ 388593 h 975126"/>
                <a:gd name="connsiteX14" fmla="*/ 800209 w 1527868"/>
                <a:gd name="connsiteY14" fmla="*/ 204349 h 975126"/>
                <a:gd name="connsiteX0" fmla="*/ 800209 w 1527868"/>
                <a:gd name="connsiteY0" fmla="*/ 204349 h 975126"/>
                <a:gd name="connsiteX1" fmla="*/ 196266 w 1527868"/>
                <a:gd name="connsiteY1" fmla="*/ 12686 h 975126"/>
                <a:gd name="connsiteX2" fmla="*/ 147370 w 1527868"/>
                <a:gd name="connsiteY2" fmla="*/ 306113 h 975126"/>
                <a:gd name="connsiteX3" fmla="*/ 12021 w 1527868"/>
                <a:gd name="connsiteY3" fmla="*/ 518188 h 975126"/>
                <a:gd name="connsiteX4" fmla="*/ 636377 w 1527868"/>
                <a:gd name="connsiteY4" fmla="*/ 741181 h 975126"/>
                <a:gd name="connsiteX5" fmla="*/ 705803 w 1527868"/>
                <a:gd name="connsiteY5" fmla="*/ 624047 h 975126"/>
                <a:gd name="connsiteX6" fmla="*/ 859369 w 1527868"/>
                <a:gd name="connsiteY6" fmla="*/ 679765 h 975126"/>
                <a:gd name="connsiteX7" fmla="*/ 1189170 w 1527868"/>
                <a:gd name="connsiteY7" fmla="*/ 914032 h 975126"/>
                <a:gd name="connsiteX8" fmla="*/ 1467881 w 1527868"/>
                <a:gd name="connsiteY8" fmla="*/ 742961 h 975126"/>
                <a:gd name="connsiteX9" fmla="*/ 1173267 w 1527868"/>
                <a:gd name="connsiteY9" fmla="*/ 634312 h 975126"/>
                <a:gd name="connsiteX10" fmla="*/ 1250585 w 1527868"/>
                <a:gd name="connsiteY10" fmla="*/ 438081 h 975126"/>
                <a:gd name="connsiteX11" fmla="*/ 964576 w 1527868"/>
                <a:gd name="connsiteY11" fmla="*/ 344802 h 975126"/>
                <a:gd name="connsiteX12" fmla="*/ 909391 w 1527868"/>
                <a:gd name="connsiteY12" fmla="*/ 450008 h 975126"/>
                <a:gd name="connsiteX13" fmla="*/ 766089 w 1527868"/>
                <a:gd name="connsiteY13" fmla="*/ 388593 h 975126"/>
                <a:gd name="connsiteX14" fmla="*/ 800209 w 1527868"/>
                <a:gd name="connsiteY14" fmla="*/ 204349 h 975126"/>
                <a:gd name="connsiteX0" fmla="*/ 800209 w 1499884"/>
                <a:gd name="connsiteY0" fmla="*/ 204349 h 986483"/>
                <a:gd name="connsiteX1" fmla="*/ 196266 w 1499884"/>
                <a:gd name="connsiteY1" fmla="*/ 12686 h 986483"/>
                <a:gd name="connsiteX2" fmla="*/ 147370 w 1499884"/>
                <a:gd name="connsiteY2" fmla="*/ 306113 h 986483"/>
                <a:gd name="connsiteX3" fmla="*/ 12021 w 1499884"/>
                <a:gd name="connsiteY3" fmla="*/ 518188 h 986483"/>
                <a:gd name="connsiteX4" fmla="*/ 636377 w 1499884"/>
                <a:gd name="connsiteY4" fmla="*/ 741181 h 986483"/>
                <a:gd name="connsiteX5" fmla="*/ 705803 w 1499884"/>
                <a:gd name="connsiteY5" fmla="*/ 624047 h 986483"/>
                <a:gd name="connsiteX6" fmla="*/ 859369 w 1499884"/>
                <a:gd name="connsiteY6" fmla="*/ 679765 h 986483"/>
                <a:gd name="connsiteX7" fmla="*/ 1189170 w 1499884"/>
                <a:gd name="connsiteY7" fmla="*/ 914032 h 986483"/>
                <a:gd name="connsiteX8" fmla="*/ 1467881 w 1499884"/>
                <a:gd name="connsiteY8" fmla="*/ 742961 h 986483"/>
                <a:gd name="connsiteX9" fmla="*/ 1173267 w 1499884"/>
                <a:gd name="connsiteY9" fmla="*/ 634312 h 986483"/>
                <a:gd name="connsiteX10" fmla="*/ 1250585 w 1499884"/>
                <a:gd name="connsiteY10" fmla="*/ 438081 h 986483"/>
                <a:gd name="connsiteX11" fmla="*/ 964576 w 1499884"/>
                <a:gd name="connsiteY11" fmla="*/ 344802 h 986483"/>
                <a:gd name="connsiteX12" fmla="*/ 909391 w 1499884"/>
                <a:gd name="connsiteY12" fmla="*/ 450008 h 986483"/>
                <a:gd name="connsiteX13" fmla="*/ 766089 w 1499884"/>
                <a:gd name="connsiteY13" fmla="*/ 388593 h 986483"/>
                <a:gd name="connsiteX14" fmla="*/ 800209 w 1499884"/>
                <a:gd name="connsiteY14" fmla="*/ 204349 h 986483"/>
                <a:gd name="connsiteX0" fmla="*/ 800209 w 1505435"/>
                <a:gd name="connsiteY0" fmla="*/ 204349 h 1015754"/>
                <a:gd name="connsiteX1" fmla="*/ 196266 w 1505435"/>
                <a:gd name="connsiteY1" fmla="*/ 12686 h 1015754"/>
                <a:gd name="connsiteX2" fmla="*/ 147370 w 1505435"/>
                <a:gd name="connsiteY2" fmla="*/ 306113 h 1015754"/>
                <a:gd name="connsiteX3" fmla="*/ 12021 w 1505435"/>
                <a:gd name="connsiteY3" fmla="*/ 518188 h 1015754"/>
                <a:gd name="connsiteX4" fmla="*/ 636377 w 1505435"/>
                <a:gd name="connsiteY4" fmla="*/ 741181 h 1015754"/>
                <a:gd name="connsiteX5" fmla="*/ 705803 w 1505435"/>
                <a:gd name="connsiteY5" fmla="*/ 624047 h 1015754"/>
                <a:gd name="connsiteX6" fmla="*/ 859369 w 1505435"/>
                <a:gd name="connsiteY6" fmla="*/ 679765 h 1015754"/>
                <a:gd name="connsiteX7" fmla="*/ 1189170 w 1505435"/>
                <a:gd name="connsiteY7" fmla="*/ 914032 h 1015754"/>
                <a:gd name="connsiteX8" fmla="*/ 1467881 w 1505435"/>
                <a:gd name="connsiteY8" fmla="*/ 742961 h 1015754"/>
                <a:gd name="connsiteX9" fmla="*/ 1173267 w 1505435"/>
                <a:gd name="connsiteY9" fmla="*/ 634312 h 1015754"/>
                <a:gd name="connsiteX10" fmla="*/ 1250585 w 1505435"/>
                <a:gd name="connsiteY10" fmla="*/ 438081 h 1015754"/>
                <a:gd name="connsiteX11" fmla="*/ 964576 w 1505435"/>
                <a:gd name="connsiteY11" fmla="*/ 344802 h 1015754"/>
                <a:gd name="connsiteX12" fmla="*/ 909391 w 1505435"/>
                <a:gd name="connsiteY12" fmla="*/ 450008 h 1015754"/>
                <a:gd name="connsiteX13" fmla="*/ 766089 w 1505435"/>
                <a:gd name="connsiteY13" fmla="*/ 388593 h 1015754"/>
                <a:gd name="connsiteX14" fmla="*/ 800209 w 1505435"/>
                <a:gd name="connsiteY14" fmla="*/ 204349 h 101575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505435" h="1015754">
                  <a:moveTo>
                    <a:pt x="800209" y="204349"/>
                  </a:moveTo>
                  <a:cubicBezTo>
                    <a:pt x="598895" y="140461"/>
                    <a:pt x="302164" y="-50647"/>
                    <a:pt x="196266" y="12686"/>
                  </a:cubicBezTo>
                  <a:cubicBezTo>
                    <a:pt x="103106" y="72064"/>
                    <a:pt x="168969" y="214930"/>
                    <a:pt x="147370" y="306113"/>
                  </a:cubicBezTo>
                  <a:cubicBezTo>
                    <a:pt x="102254" y="376805"/>
                    <a:pt x="-42253" y="455447"/>
                    <a:pt x="12021" y="518188"/>
                  </a:cubicBezTo>
                  <a:cubicBezTo>
                    <a:pt x="164480" y="669383"/>
                    <a:pt x="559454" y="713233"/>
                    <a:pt x="636377" y="741181"/>
                  </a:cubicBezTo>
                  <a:cubicBezTo>
                    <a:pt x="696624" y="733941"/>
                    <a:pt x="677361" y="671042"/>
                    <a:pt x="705803" y="624047"/>
                  </a:cubicBezTo>
                  <a:lnTo>
                    <a:pt x="859369" y="679765"/>
                  </a:lnTo>
                  <a:cubicBezTo>
                    <a:pt x="850034" y="889051"/>
                    <a:pt x="1063333" y="847870"/>
                    <a:pt x="1189170" y="914032"/>
                  </a:cubicBezTo>
                  <a:cubicBezTo>
                    <a:pt x="1618678" y="1176386"/>
                    <a:pt x="1495571" y="862271"/>
                    <a:pt x="1467881" y="742961"/>
                  </a:cubicBezTo>
                  <a:cubicBezTo>
                    <a:pt x="1356424" y="685542"/>
                    <a:pt x="1304603" y="671853"/>
                    <a:pt x="1173267" y="634312"/>
                  </a:cubicBezTo>
                  <a:cubicBezTo>
                    <a:pt x="1199040" y="568902"/>
                    <a:pt x="1292398" y="479637"/>
                    <a:pt x="1250585" y="438081"/>
                  </a:cubicBezTo>
                  <a:cubicBezTo>
                    <a:pt x="1165850" y="405662"/>
                    <a:pt x="1045335" y="381196"/>
                    <a:pt x="964576" y="344802"/>
                  </a:cubicBezTo>
                  <a:cubicBezTo>
                    <a:pt x="930279" y="379871"/>
                    <a:pt x="927786" y="414939"/>
                    <a:pt x="909391" y="450008"/>
                  </a:cubicBezTo>
                  <a:lnTo>
                    <a:pt x="766089" y="388593"/>
                  </a:lnTo>
                  <a:lnTo>
                    <a:pt x="800209" y="204349"/>
                  </a:lnTo>
                  <a:close/>
                </a:path>
              </a:pathLst>
            </a:cu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 sz="2700"/>
            </a:p>
          </p:txBody>
        </p:sp>
        <p:sp>
          <p:nvSpPr>
            <p:cNvPr id="66" name="Freeform 104">
              <a:extLst>
                <a:ext uri="{FF2B5EF4-FFF2-40B4-BE49-F238E27FC236}">
                  <a16:creationId xmlns:a16="http://schemas.microsoft.com/office/drawing/2014/main" id="{1D56ED84-718A-4F64-9201-3371A122B353}"/>
                </a:ext>
              </a:extLst>
            </p:cNvPr>
            <p:cNvSpPr/>
            <p:nvPr/>
          </p:nvSpPr>
          <p:spPr>
            <a:xfrm rot="21253755">
              <a:off x="2170737" y="2710023"/>
              <a:ext cx="1505435" cy="1015754"/>
            </a:xfrm>
            <a:custGeom>
              <a:avLst/>
              <a:gdLst>
                <a:gd name="connsiteX0" fmla="*/ 812042 w 1535373"/>
                <a:gd name="connsiteY0" fmla="*/ 211541 h 921224"/>
                <a:gd name="connsiteX1" fmla="*/ 184245 w 1535373"/>
                <a:gd name="connsiteY1" fmla="*/ 0 h 921224"/>
                <a:gd name="connsiteX2" fmla="*/ 143301 w 1535373"/>
                <a:gd name="connsiteY2" fmla="*/ 293427 h 921224"/>
                <a:gd name="connsiteX3" fmla="*/ 0 w 1535373"/>
                <a:gd name="connsiteY3" fmla="*/ 477672 h 921224"/>
                <a:gd name="connsiteX4" fmla="*/ 600501 w 1535373"/>
                <a:gd name="connsiteY4" fmla="*/ 764275 h 921224"/>
                <a:gd name="connsiteX5" fmla="*/ 709684 w 1535373"/>
                <a:gd name="connsiteY5" fmla="*/ 655093 h 921224"/>
                <a:gd name="connsiteX6" fmla="*/ 887104 w 1535373"/>
                <a:gd name="connsiteY6" fmla="*/ 702860 h 921224"/>
                <a:gd name="connsiteX7" fmla="*/ 1201003 w 1535373"/>
                <a:gd name="connsiteY7" fmla="*/ 921224 h 921224"/>
                <a:gd name="connsiteX8" fmla="*/ 1535373 w 1535373"/>
                <a:gd name="connsiteY8" fmla="*/ 825690 h 921224"/>
                <a:gd name="connsiteX9" fmla="*/ 1201003 w 1535373"/>
                <a:gd name="connsiteY9" fmla="*/ 689212 h 921224"/>
                <a:gd name="connsiteX10" fmla="*/ 1262418 w 1535373"/>
                <a:gd name="connsiteY10" fmla="*/ 457200 h 921224"/>
                <a:gd name="connsiteX11" fmla="*/ 996287 w 1535373"/>
                <a:gd name="connsiteY11" fmla="*/ 348018 h 921224"/>
                <a:gd name="connsiteX12" fmla="*/ 921224 w 1535373"/>
                <a:gd name="connsiteY12" fmla="*/ 457200 h 921224"/>
                <a:gd name="connsiteX13" fmla="*/ 777922 w 1535373"/>
                <a:gd name="connsiteY13" fmla="*/ 395785 h 921224"/>
                <a:gd name="connsiteX14" fmla="*/ 812042 w 1535373"/>
                <a:gd name="connsiteY14" fmla="*/ 211541 h 921224"/>
                <a:gd name="connsiteX0" fmla="*/ 812042 w 1535373"/>
                <a:gd name="connsiteY0" fmla="*/ 191663 h 901346"/>
                <a:gd name="connsiteX1" fmla="*/ 208099 w 1535373"/>
                <a:gd name="connsiteY1" fmla="*/ 0 h 901346"/>
                <a:gd name="connsiteX2" fmla="*/ 143301 w 1535373"/>
                <a:gd name="connsiteY2" fmla="*/ 273549 h 901346"/>
                <a:gd name="connsiteX3" fmla="*/ 0 w 1535373"/>
                <a:gd name="connsiteY3" fmla="*/ 457794 h 901346"/>
                <a:gd name="connsiteX4" fmla="*/ 600501 w 1535373"/>
                <a:gd name="connsiteY4" fmla="*/ 744397 h 901346"/>
                <a:gd name="connsiteX5" fmla="*/ 709684 w 1535373"/>
                <a:gd name="connsiteY5" fmla="*/ 635215 h 901346"/>
                <a:gd name="connsiteX6" fmla="*/ 887104 w 1535373"/>
                <a:gd name="connsiteY6" fmla="*/ 682982 h 901346"/>
                <a:gd name="connsiteX7" fmla="*/ 1201003 w 1535373"/>
                <a:gd name="connsiteY7" fmla="*/ 901346 h 901346"/>
                <a:gd name="connsiteX8" fmla="*/ 1535373 w 1535373"/>
                <a:gd name="connsiteY8" fmla="*/ 805812 h 901346"/>
                <a:gd name="connsiteX9" fmla="*/ 1201003 w 1535373"/>
                <a:gd name="connsiteY9" fmla="*/ 669334 h 901346"/>
                <a:gd name="connsiteX10" fmla="*/ 1262418 w 1535373"/>
                <a:gd name="connsiteY10" fmla="*/ 437322 h 901346"/>
                <a:gd name="connsiteX11" fmla="*/ 996287 w 1535373"/>
                <a:gd name="connsiteY11" fmla="*/ 328140 h 901346"/>
                <a:gd name="connsiteX12" fmla="*/ 921224 w 1535373"/>
                <a:gd name="connsiteY12" fmla="*/ 437322 h 901346"/>
                <a:gd name="connsiteX13" fmla="*/ 777922 w 1535373"/>
                <a:gd name="connsiteY13" fmla="*/ 375907 h 901346"/>
                <a:gd name="connsiteX14" fmla="*/ 812042 w 1535373"/>
                <a:gd name="connsiteY14" fmla="*/ 191663 h 901346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43301 w 1535373"/>
                <a:gd name="connsiteY2" fmla="*/ 286235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43301 w 1535373"/>
                <a:gd name="connsiteY2" fmla="*/ 286235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59203 w 1535373"/>
                <a:gd name="connsiteY2" fmla="*/ 306113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788188 w 1511519"/>
                <a:gd name="connsiteY0" fmla="*/ 204349 h 914032"/>
                <a:gd name="connsiteX1" fmla="*/ 184245 w 1511519"/>
                <a:gd name="connsiteY1" fmla="*/ 12686 h 914032"/>
                <a:gd name="connsiteX2" fmla="*/ 135349 w 1511519"/>
                <a:gd name="connsiteY2" fmla="*/ 306113 h 914032"/>
                <a:gd name="connsiteX3" fmla="*/ 0 w 1511519"/>
                <a:gd name="connsiteY3" fmla="*/ 518188 h 914032"/>
                <a:gd name="connsiteX4" fmla="*/ 576647 w 1511519"/>
                <a:gd name="connsiteY4" fmla="*/ 757083 h 914032"/>
                <a:gd name="connsiteX5" fmla="*/ 685830 w 1511519"/>
                <a:gd name="connsiteY5" fmla="*/ 647901 h 914032"/>
                <a:gd name="connsiteX6" fmla="*/ 863250 w 1511519"/>
                <a:gd name="connsiteY6" fmla="*/ 695668 h 914032"/>
                <a:gd name="connsiteX7" fmla="*/ 1177149 w 1511519"/>
                <a:gd name="connsiteY7" fmla="*/ 914032 h 914032"/>
                <a:gd name="connsiteX8" fmla="*/ 1511519 w 1511519"/>
                <a:gd name="connsiteY8" fmla="*/ 818498 h 914032"/>
                <a:gd name="connsiteX9" fmla="*/ 1177149 w 1511519"/>
                <a:gd name="connsiteY9" fmla="*/ 682020 h 914032"/>
                <a:gd name="connsiteX10" fmla="*/ 1238564 w 1511519"/>
                <a:gd name="connsiteY10" fmla="*/ 450008 h 914032"/>
                <a:gd name="connsiteX11" fmla="*/ 972433 w 1511519"/>
                <a:gd name="connsiteY11" fmla="*/ 340826 h 914032"/>
                <a:gd name="connsiteX12" fmla="*/ 897370 w 1511519"/>
                <a:gd name="connsiteY12" fmla="*/ 450008 h 914032"/>
                <a:gd name="connsiteX13" fmla="*/ 754068 w 1511519"/>
                <a:gd name="connsiteY13" fmla="*/ 388593 h 914032"/>
                <a:gd name="connsiteX14" fmla="*/ 788188 w 1511519"/>
                <a:gd name="connsiteY14" fmla="*/ 204349 h 914032"/>
                <a:gd name="connsiteX0" fmla="*/ 802902 w 1526233"/>
                <a:gd name="connsiteY0" fmla="*/ 204349 h 914032"/>
                <a:gd name="connsiteX1" fmla="*/ 198959 w 1526233"/>
                <a:gd name="connsiteY1" fmla="*/ 12686 h 914032"/>
                <a:gd name="connsiteX2" fmla="*/ 150063 w 1526233"/>
                <a:gd name="connsiteY2" fmla="*/ 306113 h 914032"/>
                <a:gd name="connsiteX3" fmla="*/ 14714 w 1526233"/>
                <a:gd name="connsiteY3" fmla="*/ 518188 h 914032"/>
                <a:gd name="connsiteX4" fmla="*/ 591361 w 1526233"/>
                <a:gd name="connsiteY4" fmla="*/ 757083 h 914032"/>
                <a:gd name="connsiteX5" fmla="*/ 700544 w 1526233"/>
                <a:gd name="connsiteY5" fmla="*/ 647901 h 914032"/>
                <a:gd name="connsiteX6" fmla="*/ 877964 w 1526233"/>
                <a:gd name="connsiteY6" fmla="*/ 695668 h 914032"/>
                <a:gd name="connsiteX7" fmla="*/ 1191863 w 1526233"/>
                <a:gd name="connsiteY7" fmla="*/ 914032 h 914032"/>
                <a:gd name="connsiteX8" fmla="*/ 1526233 w 1526233"/>
                <a:gd name="connsiteY8" fmla="*/ 818498 h 914032"/>
                <a:gd name="connsiteX9" fmla="*/ 1191863 w 1526233"/>
                <a:gd name="connsiteY9" fmla="*/ 682020 h 914032"/>
                <a:gd name="connsiteX10" fmla="*/ 1253278 w 1526233"/>
                <a:gd name="connsiteY10" fmla="*/ 450008 h 914032"/>
                <a:gd name="connsiteX11" fmla="*/ 987147 w 1526233"/>
                <a:gd name="connsiteY11" fmla="*/ 340826 h 914032"/>
                <a:gd name="connsiteX12" fmla="*/ 912084 w 1526233"/>
                <a:gd name="connsiteY12" fmla="*/ 450008 h 914032"/>
                <a:gd name="connsiteX13" fmla="*/ 768782 w 1526233"/>
                <a:gd name="connsiteY13" fmla="*/ 388593 h 914032"/>
                <a:gd name="connsiteX14" fmla="*/ 802902 w 1526233"/>
                <a:gd name="connsiteY14" fmla="*/ 204349 h 914032"/>
                <a:gd name="connsiteX0" fmla="*/ 802902 w 1526233"/>
                <a:gd name="connsiteY0" fmla="*/ 204349 h 914032"/>
                <a:gd name="connsiteX1" fmla="*/ 198959 w 1526233"/>
                <a:gd name="connsiteY1" fmla="*/ 12686 h 914032"/>
                <a:gd name="connsiteX2" fmla="*/ 150063 w 1526233"/>
                <a:gd name="connsiteY2" fmla="*/ 306113 h 914032"/>
                <a:gd name="connsiteX3" fmla="*/ 14714 w 1526233"/>
                <a:gd name="connsiteY3" fmla="*/ 518188 h 914032"/>
                <a:gd name="connsiteX4" fmla="*/ 591361 w 1526233"/>
                <a:gd name="connsiteY4" fmla="*/ 757083 h 914032"/>
                <a:gd name="connsiteX5" fmla="*/ 700544 w 1526233"/>
                <a:gd name="connsiteY5" fmla="*/ 647901 h 914032"/>
                <a:gd name="connsiteX6" fmla="*/ 877964 w 1526233"/>
                <a:gd name="connsiteY6" fmla="*/ 695668 h 914032"/>
                <a:gd name="connsiteX7" fmla="*/ 1191863 w 1526233"/>
                <a:gd name="connsiteY7" fmla="*/ 914032 h 914032"/>
                <a:gd name="connsiteX8" fmla="*/ 1526233 w 1526233"/>
                <a:gd name="connsiteY8" fmla="*/ 818498 h 914032"/>
                <a:gd name="connsiteX9" fmla="*/ 1191863 w 1526233"/>
                <a:gd name="connsiteY9" fmla="*/ 682020 h 914032"/>
                <a:gd name="connsiteX10" fmla="*/ 1253278 w 1526233"/>
                <a:gd name="connsiteY10" fmla="*/ 450008 h 914032"/>
                <a:gd name="connsiteX11" fmla="*/ 987147 w 1526233"/>
                <a:gd name="connsiteY11" fmla="*/ 340826 h 914032"/>
                <a:gd name="connsiteX12" fmla="*/ 912084 w 1526233"/>
                <a:gd name="connsiteY12" fmla="*/ 450008 h 914032"/>
                <a:gd name="connsiteX13" fmla="*/ 768782 w 1526233"/>
                <a:gd name="connsiteY13" fmla="*/ 388593 h 914032"/>
                <a:gd name="connsiteX14" fmla="*/ 802902 w 1526233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588668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82628"/>
                <a:gd name="connsiteX1" fmla="*/ 196266 w 1523540"/>
                <a:gd name="connsiteY1" fmla="*/ 12686 h 982628"/>
                <a:gd name="connsiteX2" fmla="*/ 147370 w 1523540"/>
                <a:gd name="connsiteY2" fmla="*/ 306113 h 982628"/>
                <a:gd name="connsiteX3" fmla="*/ 12021 w 1523540"/>
                <a:gd name="connsiteY3" fmla="*/ 518188 h 982628"/>
                <a:gd name="connsiteX4" fmla="*/ 636377 w 1523540"/>
                <a:gd name="connsiteY4" fmla="*/ 741181 h 982628"/>
                <a:gd name="connsiteX5" fmla="*/ 705803 w 1523540"/>
                <a:gd name="connsiteY5" fmla="*/ 624047 h 982628"/>
                <a:gd name="connsiteX6" fmla="*/ 859369 w 1523540"/>
                <a:gd name="connsiteY6" fmla="*/ 679765 h 982628"/>
                <a:gd name="connsiteX7" fmla="*/ 1189170 w 1523540"/>
                <a:gd name="connsiteY7" fmla="*/ 914032 h 982628"/>
                <a:gd name="connsiteX8" fmla="*/ 1523540 w 1523540"/>
                <a:gd name="connsiteY8" fmla="*/ 818498 h 982628"/>
                <a:gd name="connsiteX9" fmla="*/ 1189170 w 1523540"/>
                <a:gd name="connsiteY9" fmla="*/ 682020 h 982628"/>
                <a:gd name="connsiteX10" fmla="*/ 1250585 w 1523540"/>
                <a:gd name="connsiteY10" fmla="*/ 450008 h 982628"/>
                <a:gd name="connsiteX11" fmla="*/ 984454 w 1523540"/>
                <a:gd name="connsiteY11" fmla="*/ 340826 h 982628"/>
                <a:gd name="connsiteX12" fmla="*/ 909391 w 1523540"/>
                <a:gd name="connsiteY12" fmla="*/ 450008 h 982628"/>
                <a:gd name="connsiteX13" fmla="*/ 766089 w 1523540"/>
                <a:gd name="connsiteY13" fmla="*/ 388593 h 982628"/>
                <a:gd name="connsiteX14" fmla="*/ 800209 w 1523540"/>
                <a:gd name="connsiteY14" fmla="*/ 204349 h 982628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89170 w 1554538"/>
                <a:gd name="connsiteY9" fmla="*/ 682020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89170 w 1554538"/>
                <a:gd name="connsiteY9" fmla="*/ 682020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73267 w 1554538"/>
                <a:gd name="connsiteY9" fmla="*/ 634312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73267 w 1554538"/>
                <a:gd name="connsiteY9" fmla="*/ 634312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42543"/>
                <a:gd name="connsiteY0" fmla="*/ 204349 h 976908"/>
                <a:gd name="connsiteX1" fmla="*/ 196266 w 1542543"/>
                <a:gd name="connsiteY1" fmla="*/ 12686 h 976908"/>
                <a:gd name="connsiteX2" fmla="*/ 147370 w 1542543"/>
                <a:gd name="connsiteY2" fmla="*/ 306113 h 976908"/>
                <a:gd name="connsiteX3" fmla="*/ 12021 w 1542543"/>
                <a:gd name="connsiteY3" fmla="*/ 518188 h 976908"/>
                <a:gd name="connsiteX4" fmla="*/ 636377 w 1542543"/>
                <a:gd name="connsiteY4" fmla="*/ 741181 h 976908"/>
                <a:gd name="connsiteX5" fmla="*/ 705803 w 1542543"/>
                <a:gd name="connsiteY5" fmla="*/ 624047 h 976908"/>
                <a:gd name="connsiteX6" fmla="*/ 859369 w 1542543"/>
                <a:gd name="connsiteY6" fmla="*/ 679765 h 976908"/>
                <a:gd name="connsiteX7" fmla="*/ 1189170 w 1542543"/>
                <a:gd name="connsiteY7" fmla="*/ 914032 h 976908"/>
                <a:gd name="connsiteX8" fmla="*/ 1507637 w 1542543"/>
                <a:gd name="connsiteY8" fmla="*/ 786693 h 976908"/>
                <a:gd name="connsiteX9" fmla="*/ 1173267 w 1542543"/>
                <a:gd name="connsiteY9" fmla="*/ 634312 h 976908"/>
                <a:gd name="connsiteX10" fmla="*/ 1250585 w 1542543"/>
                <a:gd name="connsiteY10" fmla="*/ 450008 h 976908"/>
                <a:gd name="connsiteX11" fmla="*/ 984454 w 1542543"/>
                <a:gd name="connsiteY11" fmla="*/ 340826 h 976908"/>
                <a:gd name="connsiteX12" fmla="*/ 909391 w 1542543"/>
                <a:gd name="connsiteY12" fmla="*/ 450008 h 976908"/>
                <a:gd name="connsiteX13" fmla="*/ 766089 w 1542543"/>
                <a:gd name="connsiteY13" fmla="*/ 388593 h 976908"/>
                <a:gd name="connsiteX14" fmla="*/ 800209 w 1542543"/>
                <a:gd name="connsiteY14" fmla="*/ 204349 h 976908"/>
                <a:gd name="connsiteX0" fmla="*/ 800209 w 1542543"/>
                <a:gd name="connsiteY0" fmla="*/ 204349 h 976908"/>
                <a:gd name="connsiteX1" fmla="*/ 196266 w 1542543"/>
                <a:gd name="connsiteY1" fmla="*/ 12686 h 976908"/>
                <a:gd name="connsiteX2" fmla="*/ 147370 w 1542543"/>
                <a:gd name="connsiteY2" fmla="*/ 306113 h 976908"/>
                <a:gd name="connsiteX3" fmla="*/ 12021 w 1542543"/>
                <a:gd name="connsiteY3" fmla="*/ 518188 h 976908"/>
                <a:gd name="connsiteX4" fmla="*/ 636377 w 1542543"/>
                <a:gd name="connsiteY4" fmla="*/ 741181 h 976908"/>
                <a:gd name="connsiteX5" fmla="*/ 705803 w 1542543"/>
                <a:gd name="connsiteY5" fmla="*/ 624047 h 976908"/>
                <a:gd name="connsiteX6" fmla="*/ 859369 w 1542543"/>
                <a:gd name="connsiteY6" fmla="*/ 679765 h 976908"/>
                <a:gd name="connsiteX7" fmla="*/ 1189170 w 1542543"/>
                <a:gd name="connsiteY7" fmla="*/ 914032 h 976908"/>
                <a:gd name="connsiteX8" fmla="*/ 1507637 w 1542543"/>
                <a:gd name="connsiteY8" fmla="*/ 786693 h 976908"/>
                <a:gd name="connsiteX9" fmla="*/ 1173267 w 1542543"/>
                <a:gd name="connsiteY9" fmla="*/ 634312 h 976908"/>
                <a:gd name="connsiteX10" fmla="*/ 1250585 w 1542543"/>
                <a:gd name="connsiteY10" fmla="*/ 450008 h 976908"/>
                <a:gd name="connsiteX11" fmla="*/ 984454 w 1542543"/>
                <a:gd name="connsiteY11" fmla="*/ 340826 h 976908"/>
                <a:gd name="connsiteX12" fmla="*/ 909391 w 1542543"/>
                <a:gd name="connsiteY12" fmla="*/ 450008 h 976908"/>
                <a:gd name="connsiteX13" fmla="*/ 766089 w 1542543"/>
                <a:gd name="connsiteY13" fmla="*/ 388593 h 976908"/>
                <a:gd name="connsiteX14" fmla="*/ 800209 w 1542543"/>
                <a:gd name="connsiteY14" fmla="*/ 204349 h 976908"/>
                <a:gd name="connsiteX0" fmla="*/ 800209 w 1522966"/>
                <a:gd name="connsiteY0" fmla="*/ 204349 h 975249"/>
                <a:gd name="connsiteX1" fmla="*/ 196266 w 1522966"/>
                <a:gd name="connsiteY1" fmla="*/ 12686 h 975249"/>
                <a:gd name="connsiteX2" fmla="*/ 147370 w 1522966"/>
                <a:gd name="connsiteY2" fmla="*/ 306113 h 975249"/>
                <a:gd name="connsiteX3" fmla="*/ 12021 w 1522966"/>
                <a:gd name="connsiteY3" fmla="*/ 518188 h 975249"/>
                <a:gd name="connsiteX4" fmla="*/ 636377 w 1522966"/>
                <a:gd name="connsiteY4" fmla="*/ 741181 h 975249"/>
                <a:gd name="connsiteX5" fmla="*/ 705803 w 1522966"/>
                <a:gd name="connsiteY5" fmla="*/ 624047 h 975249"/>
                <a:gd name="connsiteX6" fmla="*/ 859369 w 1522966"/>
                <a:gd name="connsiteY6" fmla="*/ 679765 h 975249"/>
                <a:gd name="connsiteX7" fmla="*/ 1189170 w 1522966"/>
                <a:gd name="connsiteY7" fmla="*/ 914032 h 975249"/>
                <a:gd name="connsiteX8" fmla="*/ 1507637 w 1522966"/>
                <a:gd name="connsiteY8" fmla="*/ 786693 h 975249"/>
                <a:gd name="connsiteX9" fmla="*/ 1173267 w 1522966"/>
                <a:gd name="connsiteY9" fmla="*/ 634312 h 975249"/>
                <a:gd name="connsiteX10" fmla="*/ 1250585 w 1522966"/>
                <a:gd name="connsiteY10" fmla="*/ 450008 h 975249"/>
                <a:gd name="connsiteX11" fmla="*/ 984454 w 1522966"/>
                <a:gd name="connsiteY11" fmla="*/ 340826 h 975249"/>
                <a:gd name="connsiteX12" fmla="*/ 909391 w 1522966"/>
                <a:gd name="connsiteY12" fmla="*/ 450008 h 975249"/>
                <a:gd name="connsiteX13" fmla="*/ 766089 w 1522966"/>
                <a:gd name="connsiteY13" fmla="*/ 388593 h 975249"/>
                <a:gd name="connsiteX14" fmla="*/ 800209 w 1522966"/>
                <a:gd name="connsiteY14" fmla="*/ 204349 h 975249"/>
                <a:gd name="connsiteX0" fmla="*/ 800209 w 1538655"/>
                <a:gd name="connsiteY0" fmla="*/ 204349 h 976321"/>
                <a:gd name="connsiteX1" fmla="*/ 196266 w 1538655"/>
                <a:gd name="connsiteY1" fmla="*/ 12686 h 976321"/>
                <a:gd name="connsiteX2" fmla="*/ 147370 w 1538655"/>
                <a:gd name="connsiteY2" fmla="*/ 306113 h 976321"/>
                <a:gd name="connsiteX3" fmla="*/ 12021 w 1538655"/>
                <a:gd name="connsiteY3" fmla="*/ 518188 h 976321"/>
                <a:gd name="connsiteX4" fmla="*/ 636377 w 1538655"/>
                <a:gd name="connsiteY4" fmla="*/ 741181 h 976321"/>
                <a:gd name="connsiteX5" fmla="*/ 705803 w 1538655"/>
                <a:gd name="connsiteY5" fmla="*/ 624047 h 976321"/>
                <a:gd name="connsiteX6" fmla="*/ 859369 w 1538655"/>
                <a:gd name="connsiteY6" fmla="*/ 679765 h 976321"/>
                <a:gd name="connsiteX7" fmla="*/ 1189170 w 1538655"/>
                <a:gd name="connsiteY7" fmla="*/ 914032 h 976321"/>
                <a:gd name="connsiteX8" fmla="*/ 1507637 w 1538655"/>
                <a:gd name="connsiteY8" fmla="*/ 786693 h 976321"/>
                <a:gd name="connsiteX9" fmla="*/ 1173267 w 1538655"/>
                <a:gd name="connsiteY9" fmla="*/ 634312 h 976321"/>
                <a:gd name="connsiteX10" fmla="*/ 1250585 w 1538655"/>
                <a:gd name="connsiteY10" fmla="*/ 450008 h 976321"/>
                <a:gd name="connsiteX11" fmla="*/ 984454 w 1538655"/>
                <a:gd name="connsiteY11" fmla="*/ 340826 h 976321"/>
                <a:gd name="connsiteX12" fmla="*/ 909391 w 1538655"/>
                <a:gd name="connsiteY12" fmla="*/ 450008 h 976321"/>
                <a:gd name="connsiteX13" fmla="*/ 766089 w 1538655"/>
                <a:gd name="connsiteY13" fmla="*/ 388593 h 976321"/>
                <a:gd name="connsiteX14" fmla="*/ 800209 w 1538655"/>
                <a:gd name="connsiteY14" fmla="*/ 204349 h 976321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27868"/>
                <a:gd name="connsiteY0" fmla="*/ 204349 h 975126"/>
                <a:gd name="connsiteX1" fmla="*/ 196266 w 1527868"/>
                <a:gd name="connsiteY1" fmla="*/ 12686 h 975126"/>
                <a:gd name="connsiteX2" fmla="*/ 147370 w 1527868"/>
                <a:gd name="connsiteY2" fmla="*/ 306113 h 975126"/>
                <a:gd name="connsiteX3" fmla="*/ 12021 w 1527868"/>
                <a:gd name="connsiteY3" fmla="*/ 518188 h 975126"/>
                <a:gd name="connsiteX4" fmla="*/ 636377 w 1527868"/>
                <a:gd name="connsiteY4" fmla="*/ 741181 h 975126"/>
                <a:gd name="connsiteX5" fmla="*/ 705803 w 1527868"/>
                <a:gd name="connsiteY5" fmla="*/ 624047 h 975126"/>
                <a:gd name="connsiteX6" fmla="*/ 859369 w 1527868"/>
                <a:gd name="connsiteY6" fmla="*/ 679765 h 975126"/>
                <a:gd name="connsiteX7" fmla="*/ 1189170 w 1527868"/>
                <a:gd name="connsiteY7" fmla="*/ 914032 h 975126"/>
                <a:gd name="connsiteX8" fmla="*/ 1467881 w 1527868"/>
                <a:gd name="connsiteY8" fmla="*/ 742961 h 975126"/>
                <a:gd name="connsiteX9" fmla="*/ 1173267 w 1527868"/>
                <a:gd name="connsiteY9" fmla="*/ 634312 h 975126"/>
                <a:gd name="connsiteX10" fmla="*/ 1250585 w 1527868"/>
                <a:gd name="connsiteY10" fmla="*/ 438081 h 975126"/>
                <a:gd name="connsiteX11" fmla="*/ 964576 w 1527868"/>
                <a:gd name="connsiteY11" fmla="*/ 344802 h 975126"/>
                <a:gd name="connsiteX12" fmla="*/ 909391 w 1527868"/>
                <a:gd name="connsiteY12" fmla="*/ 450008 h 975126"/>
                <a:gd name="connsiteX13" fmla="*/ 766089 w 1527868"/>
                <a:gd name="connsiteY13" fmla="*/ 388593 h 975126"/>
                <a:gd name="connsiteX14" fmla="*/ 800209 w 1527868"/>
                <a:gd name="connsiteY14" fmla="*/ 204349 h 975126"/>
                <a:gd name="connsiteX0" fmla="*/ 800209 w 1527868"/>
                <a:gd name="connsiteY0" fmla="*/ 204349 h 975126"/>
                <a:gd name="connsiteX1" fmla="*/ 196266 w 1527868"/>
                <a:gd name="connsiteY1" fmla="*/ 12686 h 975126"/>
                <a:gd name="connsiteX2" fmla="*/ 147370 w 1527868"/>
                <a:gd name="connsiteY2" fmla="*/ 306113 h 975126"/>
                <a:gd name="connsiteX3" fmla="*/ 12021 w 1527868"/>
                <a:gd name="connsiteY3" fmla="*/ 518188 h 975126"/>
                <a:gd name="connsiteX4" fmla="*/ 636377 w 1527868"/>
                <a:gd name="connsiteY4" fmla="*/ 741181 h 975126"/>
                <a:gd name="connsiteX5" fmla="*/ 705803 w 1527868"/>
                <a:gd name="connsiteY5" fmla="*/ 624047 h 975126"/>
                <a:gd name="connsiteX6" fmla="*/ 859369 w 1527868"/>
                <a:gd name="connsiteY6" fmla="*/ 679765 h 975126"/>
                <a:gd name="connsiteX7" fmla="*/ 1189170 w 1527868"/>
                <a:gd name="connsiteY7" fmla="*/ 914032 h 975126"/>
                <a:gd name="connsiteX8" fmla="*/ 1467881 w 1527868"/>
                <a:gd name="connsiteY8" fmla="*/ 742961 h 975126"/>
                <a:gd name="connsiteX9" fmla="*/ 1173267 w 1527868"/>
                <a:gd name="connsiteY9" fmla="*/ 634312 h 975126"/>
                <a:gd name="connsiteX10" fmla="*/ 1250585 w 1527868"/>
                <a:gd name="connsiteY10" fmla="*/ 438081 h 975126"/>
                <a:gd name="connsiteX11" fmla="*/ 964576 w 1527868"/>
                <a:gd name="connsiteY11" fmla="*/ 344802 h 975126"/>
                <a:gd name="connsiteX12" fmla="*/ 909391 w 1527868"/>
                <a:gd name="connsiteY12" fmla="*/ 450008 h 975126"/>
                <a:gd name="connsiteX13" fmla="*/ 766089 w 1527868"/>
                <a:gd name="connsiteY13" fmla="*/ 388593 h 975126"/>
                <a:gd name="connsiteX14" fmla="*/ 800209 w 1527868"/>
                <a:gd name="connsiteY14" fmla="*/ 204349 h 975126"/>
                <a:gd name="connsiteX0" fmla="*/ 800209 w 1499884"/>
                <a:gd name="connsiteY0" fmla="*/ 204349 h 986483"/>
                <a:gd name="connsiteX1" fmla="*/ 196266 w 1499884"/>
                <a:gd name="connsiteY1" fmla="*/ 12686 h 986483"/>
                <a:gd name="connsiteX2" fmla="*/ 147370 w 1499884"/>
                <a:gd name="connsiteY2" fmla="*/ 306113 h 986483"/>
                <a:gd name="connsiteX3" fmla="*/ 12021 w 1499884"/>
                <a:gd name="connsiteY3" fmla="*/ 518188 h 986483"/>
                <a:gd name="connsiteX4" fmla="*/ 636377 w 1499884"/>
                <a:gd name="connsiteY4" fmla="*/ 741181 h 986483"/>
                <a:gd name="connsiteX5" fmla="*/ 705803 w 1499884"/>
                <a:gd name="connsiteY5" fmla="*/ 624047 h 986483"/>
                <a:gd name="connsiteX6" fmla="*/ 859369 w 1499884"/>
                <a:gd name="connsiteY6" fmla="*/ 679765 h 986483"/>
                <a:gd name="connsiteX7" fmla="*/ 1189170 w 1499884"/>
                <a:gd name="connsiteY7" fmla="*/ 914032 h 986483"/>
                <a:gd name="connsiteX8" fmla="*/ 1467881 w 1499884"/>
                <a:gd name="connsiteY8" fmla="*/ 742961 h 986483"/>
                <a:gd name="connsiteX9" fmla="*/ 1173267 w 1499884"/>
                <a:gd name="connsiteY9" fmla="*/ 634312 h 986483"/>
                <a:gd name="connsiteX10" fmla="*/ 1250585 w 1499884"/>
                <a:gd name="connsiteY10" fmla="*/ 438081 h 986483"/>
                <a:gd name="connsiteX11" fmla="*/ 964576 w 1499884"/>
                <a:gd name="connsiteY11" fmla="*/ 344802 h 986483"/>
                <a:gd name="connsiteX12" fmla="*/ 909391 w 1499884"/>
                <a:gd name="connsiteY12" fmla="*/ 450008 h 986483"/>
                <a:gd name="connsiteX13" fmla="*/ 766089 w 1499884"/>
                <a:gd name="connsiteY13" fmla="*/ 388593 h 986483"/>
                <a:gd name="connsiteX14" fmla="*/ 800209 w 1499884"/>
                <a:gd name="connsiteY14" fmla="*/ 204349 h 986483"/>
                <a:gd name="connsiteX0" fmla="*/ 800209 w 1505435"/>
                <a:gd name="connsiteY0" fmla="*/ 204349 h 1015754"/>
                <a:gd name="connsiteX1" fmla="*/ 196266 w 1505435"/>
                <a:gd name="connsiteY1" fmla="*/ 12686 h 1015754"/>
                <a:gd name="connsiteX2" fmla="*/ 147370 w 1505435"/>
                <a:gd name="connsiteY2" fmla="*/ 306113 h 1015754"/>
                <a:gd name="connsiteX3" fmla="*/ 12021 w 1505435"/>
                <a:gd name="connsiteY3" fmla="*/ 518188 h 1015754"/>
                <a:gd name="connsiteX4" fmla="*/ 636377 w 1505435"/>
                <a:gd name="connsiteY4" fmla="*/ 741181 h 1015754"/>
                <a:gd name="connsiteX5" fmla="*/ 705803 w 1505435"/>
                <a:gd name="connsiteY5" fmla="*/ 624047 h 1015754"/>
                <a:gd name="connsiteX6" fmla="*/ 859369 w 1505435"/>
                <a:gd name="connsiteY6" fmla="*/ 679765 h 1015754"/>
                <a:gd name="connsiteX7" fmla="*/ 1189170 w 1505435"/>
                <a:gd name="connsiteY7" fmla="*/ 914032 h 1015754"/>
                <a:gd name="connsiteX8" fmla="*/ 1467881 w 1505435"/>
                <a:gd name="connsiteY8" fmla="*/ 742961 h 1015754"/>
                <a:gd name="connsiteX9" fmla="*/ 1173267 w 1505435"/>
                <a:gd name="connsiteY9" fmla="*/ 634312 h 1015754"/>
                <a:gd name="connsiteX10" fmla="*/ 1250585 w 1505435"/>
                <a:gd name="connsiteY10" fmla="*/ 438081 h 1015754"/>
                <a:gd name="connsiteX11" fmla="*/ 964576 w 1505435"/>
                <a:gd name="connsiteY11" fmla="*/ 344802 h 1015754"/>
                <a:gd name="connsiteX12" fmla="*/ 909391 w 1505435"/>
                <a:gd name="connsiteY12" fmla="*/ 450008 h 1015754"/>
                <a:gd name="connsiteX13" fmla="*/ 766089 w 1505435"/>
                <a:gd name="connsiteY13" fmla="*/ 388593 h 1015754"/>
                <a:gd name="connsiteX14" fmla="*/ 800209 w 1505435"/>
                <a:gd name="connsiteY14" fmla="*/ 204349 h 101575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505435" h="1015754">
                  <a:moveTo>
                    <a:pt x="800209" y="204349"/>
                  </a:moveTo>
                  <a:cubicBezTo>
                    <a:pt x="598895" y="140461"/>
                    <a:pt x="302164" y="-50647"/>
                    <a:pt x="196266" y="12686"/>
                  </a:cubicBezTo>
                  <a:cubicBezTo>
                    <a:pt x="103106" y="72064"/>
                    <a:pt x="168969" y="214930"/>
                    <a:pt x="147370" y="306113"/>
                  </a:cubicBezTo>
                  <a:cubicBezTo>
                    <a:pt x="102254" y="376805"/>
                    <a:pt x="-42253" y="455447"/>
                    <a:pt x="12021" y="518188"/>
                  </a:cubicBezTo>
                  <a:cubicBezTo>
                    <a:pt x="164480" y="669383"/>
                    <a:pt x="559454" y="713233"/>
                    <a:pt x="636377" y="741181"/>
                  </a:cubicBezTo>
                  <a:cubicBezTo>
                    <a:pt x="696624" y="733941"/>
                    <a:pt x="677361" y="671042"/>
                    <a:pt x="705803" y="624047"/>
                  </a:cubicBezTo>
                  <a:lnTo>
                    <a:pt x="859369" y="679765"/>
                  </a:lnTo>
                  <a:cubicBezTo>
                    <a:pt x="850034" y="889051"/>
                    <a:pt x="1063333" y="847870"/>
                    <a:pt x="1189170" y="914032"/>
                  </a:cubicBezTo>
                  <a:cubicBezTo>
                    <a:pt x="1618678" y="1176386"/>
                    <a:pt x="1495571" y="862271"/>
                    <a:pt x="1467881" y="742961"/>
                  </a:cubicBezTo>
                  <a:cubicBezTo>
                    <a:pt x="1356424" y="685542"/>
                    <a:pt x="1304603" y="671853"/>
                    <a:pt x="1173267" y="634312"/>
                  </a:cubicBezTo>
                  <a:cubicBezTo>
                    <a:pt x="1199040" y="568902"/>
                    <a:pt x="1292398" y="479637"/>
                    <a:pt x="1250585" y="438081"/>
                  </a:cubicBezTo>
                  <a:cubicBezTo>
                    <a:pt x="1165850" y="405662"/>
                    <a:pt x="1045335" y="381196"/>
                    <a:pt x="964576" y="344802"/>
                  </a:cubicBezTo>
                  <a:cubicBezTo>
                    <a:pt x="930279" y="379871"/>
                    <a:pt x="927786" y="414939"/>
                    <a:pt x="909391" y="450008"/>
                  </a:cubicBezTo>
                  <a:lnTo>
                    <a:pt x="766089" y="388593"/>
                  </a:lnTo>
                  <a:lnTo>
                    <a:pt x="800209" y="204349"/>
                  </a:lnTo>
                  <a:close/>
                </a:path>
              </a:pathLst>
            </a:cu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 sz="2700"/>
            </a:p>
          </p:txBody>
        </p:sp>
        <p:sp>
          <p:nvSpPr>
            <p:cNvPr id="67" name="Freeform 105">
              <a:extLst>
                <a:ext uri="{FF2B5EF4-FFF2-40B4-BE49-F238E27FC236}">
                  <a16:creationId xmlns:a16="http://schemas.microsoft.com/office/drawing/2014/main" id="{C13BBB19-70FE-4952-97D0-FDEBC2A1BBF6}"/>
                </a:ext>
              </a:extLst>
            </p:cNvPr>
            <p:cNvSpPr/>
            <p:nvPr/>
          </p:nvSpPr>
          <p:spPr>
            <a:xfrm rot="20634645">
              <a:off x="2071598" y="3466865"/>
              <a:ext cx="1505435" cy="1015754"/>
            </a:xfrm>
            <a:custGeom>
              <a:avLst/>
              <a:gdLst>
                <a:gd name="connsiteX0" fmla="*/ 812042 w 1535373"/>
                <a:gd name="connsiteY0" fmla="*/ 211541 h 921224"/>
                <a:gd name="connsiteX1" fmla="*/ 184245 w 1535373"/>
                <a:gd name="connsiteY1" fmla="*/ 0 h 921224"/>
                <a:gd name="connsiteX2" fmla="*/ 143301 w 1535373"/>
                <a:gd name="connsiteY2" fmla="*/ 293427 h 921224"/>
                <a:gd name="connsiteX3" fmla="*/ 0 w 1535373"/>
                <a:gd name="connsiteY3" fmla="*/ 477672 h 921224"/>
                <a:gd name="connsiteX4" fmla="*/ 600501 w 1535373"/>
                <a:gd name="connsiteY4" fmla="*/ 764275 h 921224"/>
                <a:gd name="connsiteX5" fmla="*/ 709684 w 1535373"/>
                <a:gd name="connsiteY5" fmla="*/ 655093 h 921224"/>
                <a:gd name="connsiteX6" fmla="*/ 887104 w 1535373"/>
                <a:gd name="connsiteY6" fmla="*/ 702860 h 921224"/>
                <a:gd name="connsiteX7" fmla="*/ 1201003 w 1535373"/>
                <a:gd name="connsiteY7" fmla="*/ 921224 h 921224"/>
                <a:gd name="connsiteX8" fmla="*/ 1535373 w 1535373"/>
                <a:gd name="connsiteY8" fmla="*/ 825690 h 921224"/>
                <a:gd name="connsiteX9" fmla="*/ 1201003 w 1535373"/>
                <a:gd name="connsiteY9" fmla="*/ 689212 h 921224"/>
                <a:gd name="connsiteX10" fmla="*/ 1262418 w 1535373"/>
                <a:gd name="connsiteY10" fmla="*/ 457200 h 921224"/>
                <a:gd name="connsiteX11" fmla="*/ 996287 w 1535373"/>
                <a:gd name="connsiteY11" fmla="*/ 348018 h 921224"/>
                <a:gd name="connsiteX12" fmla="*/ 921224 w 1535373"/>
                <a:gd name="connsiteY12" fmla="*/ 457200 h 921224"/>
                <a:gd name="connsiteX13" fmla="*/ 777922 w 1535373"/>
                <a:gd name="connsiteY13" fmla="*/ 395785 h 921224"/>
                <a:gd name="connsiteX14" fmla="*/ 812042 w 1535373"/>
                <a:gd name="connsiteY14" fmla="*/ 211541 h 921224"/>
                <a:gd name="connsiteX0" fmla="*/ 812042 w 1535373"/>
                <a:gd name="connsiteY0" fmla="*/ 191663 h 901346"/>
                <a:gd name="connsiteX1" fmla="*/ 208099 w 1535373"/>
                <a:gd name="connsiteY1" fmla="*/ 0 h 901346"/>
                <a:gd name="connsiteX2" fmla="*/ 143301 w 1535373"/>
                <a:gd name="connsiteY2" fmla="*/ 273549 h 901346"/>
                <a:gd name="connsiteX3" fmla="*/ 0 w 1535373"/>
                <a:gd name="connsiteY3" fmla="*/ 457794 h 901346"/>
                <a:gd name="connsiteX4" fmla="*/ 600501 w 1535373"/>
                <a:gd name="connsiteY4" fmla="*/ 744397 h 901346"/>
                <a:gd name="connsiteX5" fmla="*/ 709684 w 1535373"/>
                <a:gd name="connsiteY5" fmla="*/ 635215 h 901346"/>
                <a:gd name="connsiteX6" fmla="*/ 887104 w 1535373"/>
                <a:gd name="connsiteY6" fmla="*/ 682982 h 901346"/>
                <a:gd name="connsiteX7" fmla="*/ 1201003 w 1535373"/>
                <a:gd name="connsiteY7" fmla="*/ 901346 h 901346"/>
                <a:gd name="connsiteX8" fmla="*/ 1535373 w 1535373"/>
                <a:gd name="connsiteY8" fmla="*/ 805812 h 901346"/>
                <a:gd name="connsiteX9" fmla="*/ 1201003 w 1535373"/>
                <a:gd name="connsiteY9" fmla="*/ 669334 h 901346"/>
                <a:gd name="connsiteX10" fmla="*/ 1262418 w 1535373"/>
                <a:gd name="connsiteY10" fmla="*/ 437322 h 901346"/>
                <a:gd name="connsiteX11" fmla="*/ 996287 w 1535373"/>
                <a:gd name="connsiteY11" fmla="*/ 328140 h 901346"/>
                <a:gd name="connsiteX12" fmla="*/ 921224 w 1535373"/>
                <a:gd name="connsiteY12" fmla="*/ 437322 h 901346"/>
                <a:gd name="connsiteX13" fmla="*/ 777922 w 1535373"/>
                <a:gd name="connsiteY13" fmla="*/ 375907 h 901346"/>
                <a:gd name="connsiteX14" fmla="*/ 812042 w 1535373"/>
                <a:gd name="connsiteY14" fmla="*/ 191663 h 901346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43301 w 1535373"/>
                <a:gd name="connsiteY2" fmla="*/ 286235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43301 w 1535373"/>
                <a:gd name="connsiteY2" fmla="*/ 286235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59203 w 1535373"/>
                <a:gd name="connsiteY2" fmla="*/ 306113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788188 w 1511519"/>
                <a:gd name="connsiteY0" fmla="*/ 204349 h 914032"/>
                <a:gd name="connsiteX1" fmla="*/ 184245 w 1511519"/>
                <a:gd name="connsiteY1" fmla="*/ 12686 h 914032"/>
                <a:gd name="connsiteX2" fmla="*/ 135349 w 1511519"/>
                <a:gd name="connsiteY2" fmla="*/ 306113 h 914032"/>
                <a:gd name="connsiteX3" fmla="*/ 0 w 1511519"/>
                <a:gd name="connsiteY3" fmla="*/ 518188 h 914032"/>
                <a:gd name="connsiteX4" fmla="*/ 576647 w 1511519"/>
                <a:gd name="connsiteY4" fmla="*/ 757083 h 914032"/>
                <a:gd name="connsiteX5" fmla="*/ 685830 w 1511519"/>
                <a:gd name="connsiteY5" fmla="*/ 647901 h 914032"/>
                <a:gd name="connsiteX6" fmla="*/ 863250 w 1511519"/>
                <a:gd name="connsiteY6" fmla="*/ 695668 h 914032"/>
                <a:gd name="connsiteX7" fmla="*/ 1177149 w 1511519"/>
                <a:gd name="connsiteY7" fmla="*/ 914032 h 914032"/>
                <a:gd name="connsiteX8" fmla="*/ 1511519 w 1511519"/>
                <a:gd name="connsiteY8" fmla="*/ 818498 h 914032"/>
                <a:gd name="connsiteX9" fmla="*/ 1177149 w 1511519"/>
                <a:gd name="connsiteY9" fmla="*/ 682020 h 914032"/>
                <a:gd name="connsiteX10" fmla="*/ 1238564 w 1511519"/>
                <a:gd name="connsiteY10" fmla="*/ 450008 h 914032"/>
                <a:gd name="connsiteX11" fmla="*/ 972433 w 1511519"/>
                <a:gd name="connsiteY11" fmla="*/ 340826 h 914032"/>
                <a:gd name="connsiteX12" fmla="*/ 897370 w 1511519"/>
                <a:gd name="connsiteY12" fmla="*/ 450008 h 914032"/>
                <a:gd name="connsiteX13" fmla="*/ 754068 w 1511519"/>
                <a:gd name="connsiteY13" fmla="*/ 388593 h 914032"/>
                <a:gd name="connsiteX14" fmla="*/ 788188 w 1511519"/>
                <a:gd name="connsiteY14" fmla="*/ 204349 h 914032"/>
                <a:gd name="connsiteX0" fmla="*/ 802902 w 1526233"/>
                <a:gd name="connsiteY0" fmla="*/ 204349 h 914032"/>
                <a:gd name="connsiteX1" fmla="*/ 198959 w 1526233"/>
                <a:gd name="connsiteY1" fmla="*/ 12686 h 914032"/>
                <a:gd name="connsiteX2" fmla="*/ 150063 w 1526233"/>
                <a:gd name="connsiteY2" fmla="*/ 306113 h 914032"/>
                <a:gd name="connsiteX3" fmla="*/ 14714 w 1526233"/>
                <a:gd name="connsiteY3" fmla="*/ 518188 h 914032"/>
                <a:gd name="connsiteX4" fmla="*/ 591361 w 1526233"/>
                <a:gd name="connsiteY4" fmla="*/ 757083 h 914032"/>
                <a:gd name="connsiteX5" fmla="*/ 700544 w 1526233"/>
                <a:gd name="connsiteY5" fmla="*/ 647901 h 914032"/>
                <a:gd name="connsiteX6" fmla="*/ 877964 w 1526233"/>
                <a:gd name="connsiteY6" fmla="*/ 695668 h 914032"/>
                <a:gd name="connsiteX7" fmla="*/ 1191863 w 1526233"/>
                <a:gd name="connsiteY7" fmla="*/ 914032 h 914032"/>
                <a:gd name="connsiteX8" fmla="*/ 1526233 w 1526233"/>
                <a:gd name="connsiteY8" fmla="*/ 818498 h 914032"/>
                <a:gd name="connsiteX9" fmla="*/ 1191863 w 1526233"/>
                <a:gd name="connsiteY9" fmla="*/ 682020 h 914032"/>
                <a:gd name="connsiteX10" fmla="*/ 1253278 w 1526233"/>
                <a:gd name="connsiteY10" fmla="*/ 450008 h 914032"/>
                <a:gd name="connsiteX11" fmla="*/ 987147 w 1526233"/>
                <a:gd name="connsiteY11" fmla="*/ 340826 h 914032"/>
                <a:gd name="connsiteX12" fmla="*/ 912084 w 1526233"/>
                <a:gd name="connsiteY12" fmla="*/ 450008 h 914032"/>
                <a:gd name="connsiteX13" fmla="*/ 768782 w 1526233"/>
                <a:gd name="connsiteY13" fmla="*/ 388593 h 914032"/>
                <a:gd name="connsiteX14" fmla="*/ 802902 w 1526233"/>
                <a:gd name="connsiteY14" fmla="*/ 204349 h 914032"/>
                <a:gd name="connsiteX0" fmla="*/ 802902 w 1526233"/>
                <a:gd name="connsiteY0" fmla="*/ 204349 h 914032"/>
                <a:gd name="connsiteX1" fmla="*/ 198959 w 1526233"/>
                <a:gd name="connsiteY1" fmla="*/ 12686 h 914032"/>
                <a:gd name="connsiteX2" fmla="*/ 150063 w 1526233"/>
                <a:gd name="connsiteY2" fmla="*/ 306113 h 914032"/>
                <a:gd name="connsiteX3" fmla="*/ 14714 w 1526233"/>
                <a:gd name="connsiteY3" fmla="*/ 518188 h 914032"/>
                <a:gd name="connsiteX4" fmla="*/ 591361 w 1526233"/>
                <a:gd name="connsiteY4" fmla="*/ 757083 h 914032"/>
                <a:gd name="connsiteX5" fmla="*/ 700544 w 1526233"/>
                <a:gd name="connsiteY5" fmla="*/ 647901 h 914032"/>
                <a:gd name="connsiteX6" fmla="*/ 877964 w 1526233"/>
                <a:gd name="connsiteY6" fmla="*/ 695668 h 914032"/>
                <a:gd name="connsiteX7" fmla="*/ 1191863 w 1526233"/>
                <a:gd name="connsiteY7" fmla="*/ 914032 h 914032"/>
                <a:gd name="connsiteX8" fmla="*/ 1526233 w 1526233"/>
                <a:gd name="connsiteY8" fmla="*/ 818498 h 914032"/>
                <a:gd name="connsiteX9" fmla="*/ 1191863 w 1526233"/>
                <a:gd name="connsiteY9" fmla="*/ 682020 h 914032"/>
                <a:gd name="connsiteX10" fmla="*/ 1253278 w 1526233"/>
                <a:gd name="connsiteY10" fmla="*/ 450008 h 914032"/>
                <a:gd name="connsiteX11" fmla="*/ 987147 w 1526233"/>
                <a:gd name="connsiteY11" fmla="*/ 340826 h 914032"/>
                <a:gd name="connsiteX12" fmla="*/ 912084 w 1526233"/>
                <a:gd name="connsiteY12" fmla="*/ 450008 h 914032"/>
                <a:gd name="connsiteX13" fmla="*/ 768782 w 1526233"/>
                <a:gd name="connsiteY13" fmla="*/ 388593 h 914032"/>
                <a:gd name="connsiteX14" fmla="*/ 802902 w 1526233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588668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82628"/>
                <a:gd name="connsiteX1" fmla="*/ 196266 w 1523540"/>
                <a:gd name="connsiteY1" fmla="*/ 12686 h 982628"/>
                <a:gd name="connsiteX2" fmla="*/ 147370 w 1523540"/>
                <a:gd name="connsiteY2" fmla="*/ 306113 h 982628"/>
                <a:gd name="connsiteX3" fmla="*/ 12021 w 1523540"/>
                <a:gd name="connsiteY3" fmla="*/ 518188 h 982628"/>
                <a:gd name="connsiteX4" fmla="*/ 636377 w 1523540"/>
                <a:gd name="connsiteY4" fmla="*/ 741181 h 982628"/>
                <a:gd name="connsiteX5" fmla="*/ 705803 w 1523540"/>
                <a:gd name="connsiteY5" fmla="*/ 624047 h 982628"/>
                <a:gd name="connsiteX6" fmla="*/ 859369 w 1523540"/>
                <a:gd name="connsiteY6" fmla="*/ 679765 h 982628"/>
                <a:gd name="connsiteX7" fmla="*/ 1189170 w 1523540"/>
                <a:gd name="connsiteY7" fmla="*/ 914032 h 982628"/>
                <a:gd name="connsiteX8" fmla="*/ 1523540 w 1523540"/>
                <a:gd name="connsiteY8" fmla="*/ 818498 h 982628"/>
                <a:gd name="connsiteX9" fmla="*/ 1189170 w 1523540"/>
                <a:gd name="connsiteY9" fmla="*/ 682020 h 982628"/>
                <a:gd name="connsiteX10" fmla="*/ 1250585 w 1523540"/>
                <a:gd name="connsiteY10" fmla="*/ 450008 h 982628"/>
                <a:gd name="connsiteX11" fmla="*/ 984454 w 1523540"/>
                <a:gd name="connsiteY11" fmla="*/ 340826 h 982628"/>
                <a:gd name="connsiteX12" fmla="*/ 909391 w 1523540"/>
                <a:gd name="connsiteY12" fmla="*/ 450008 h 982628"/>
                <a:gd name="connsiteX13" fmla="*/ 766089 w 1523540"/>
                <a:gd name="connsiteY13" fmla="*/ 388593 h 982628"/>
                <a:gd name="connsiteX14" fmla="*/ 800209 w 1523540"/>
                <a:gd name="connsiteY14" fmla="*/ 204349 h 982628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89170 w 1554538"/>
                <a:gd name="connsiteY9" fmla="*/ 682020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89170 w 1554538"/>
                <a:gd name="connsiteY9" fmla="*/ 682020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73267 w 1554538"/>
                <a:gd name="connsiteY9" fmla="*/ 634312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73267 w 1554538"/>
                <a:gd name="connsiteY9" fmla="*/ 634312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42543"/>
                <a:gd name="connsiteY0" fmla="*/ 204349 h 976908"/>
                <a:gd name="connsiteX1" fmla="*/ 196266 w 1542543"/>
                <a:gd name="connsiteY1" fmla="*/ 12686 h 976908"/>
                <a:gd name="connsiteX2" fmla="*/ 147370 w 1542543"/>
                <a:gd name="connsiteY2" fmla="*/ 306113 h 976908"/>
                <a:gd name="connsiteX3" fmla="*/ 12021 w 1542543"/>
                <a:gd name="connsiteY3" fmla="*/ 518188 h 976908"/>
                <a:gd name="connsiteX4" fmla="*/ 636377 w 1542543"/>
                <a:gd name="connsiteY4" fmla="*/ 741181 h 976908"/>
                <a:gd name="connsiteX5" fmla="*/ 705803 w 1542543"/>
                <a:gd name="connsiteY5" fmla="*/ 624047 h 976908"/>
                <a:gd name="connsiteX6" fmla="*/ 859369 w 1542543"/>
                <a:gd name="connsiteY6" fmla="*/ 679765 h 976908"/>
                <a:gd name="connsiteX7" fmla="*/ 1189170 w 1542543"/>
                <a:gd name="connsiteY7" fmla="*/ 914032 h 976908"/>
                <a:gd name="connsiteX8" fmla="*/ 1507637 w 1542543"/>
                <a:gd name="connsiteY8" fmla="*/ 786693 h 976908"/>
                <a:gd name="connsiteX9" fmla="*/ 1173267 w 1542543"/>
                <a:gd name="connsiteY9" fmla="*/ 634312 h 976908"/>
                <a:gd name="connsiteX10" fmla="*/ 1250585 w 1542543"/>
                <a:gd name="connsiteY10" fmla="*/ 450008 h 976908"/>
                <a:gd name="connsiteX11" fmla="*/ 984454 w 1542543"/>
                <a:gd name="connsiteY11" fmla="*/ 340826 h 976908"/>
                <a:gd name="connsiteX12" fmla="*/ 909391 w 1542543"/>
                <a:gd name="connsiteY12" fmla="*/ 450008 h 976908"/>
                <a:gd name="connsiteX13" fmla="*/ 766089 w 1542543"/>
                <a:gd name="connsiteY13" fmla="*/ 388593 h 976908"/>
                <a:gd name="connsiteX14" fmla="*/ 800209 w 1542543"/>
                <a:gd name="connsiteY14" fmla="*/ 204349 h 976908"/>
                <a:gd name="connsiteX0" fmla="*/ 800209 w 1542543"/>
                <a:gd name="connsiteY0" fmla="*/ 204349 h 976908"/>
                <a:gd name="connsiteX1" fmla="*/ 196266 w 1542543"/>
                <a:gd name="connsiteY1" fmla="*/ 12686 h 976908"/>
                <a:gd name="connsiteX2" fmla="*/ 147370 w 1542543"/>
                <a:gd name="connsiteY2" fmla="*/ 306113 h 976908"/>
                <a:gd name="connsiteX3" fmla="*/ 12021 w 1542543"/>
                <a:gd name="connsiteY3" fmla="*/ 518188 h 976908"/>
                <a:gd name="connsiteX4" fmla="*/ 636377 w 1542543"/>
                <a:gd name="connsiteY4" fmla="*/ 741181 h 976908"/>
                <a:gd name="connsiteX5" fmla="*/ 705803 w 1542543"/>
                <a:gd name="connsiteY5" fmla="*/ 624047 h 976908"/>
                <a:gd name="connsiteX6" fmla="*/ 859369 w 1542543"/>
                <a:gd name="connsiteY6" fmla="*/ 679765 h 976908"/>
                <a:gd name="connsiteX7" fmla="*/ 1189170 w 1542543"/>
                <a:gd name="connsiteY7" fmla="*/ 914032 h 976908"/>
                <a:gd name="connsiteX8" fmla="*/ 1507637 w 1542543"/>
                <a:gd name="connsiteY8" fmla="*/ 786693 h 976908"/>
                <a:gd name="connsiteX9" fmla="*/ 1173267 w 1542543"/>
                <a:gd name="connsiteY9" fmla="*/ 634312 h 976908"/>
                <a:gd name="connsiteX10" fmla="*/ 1250585 w 1542543"/>
                <a:gd name="connsiteY10" fmla="*/ 450008 h 976908"/>
                <a:gd name="connsiteX11" fmla="*/ 984454 w 1542543"/>
                <a:gd name="connsiteY11" fmla="*/ 340826 h 976908"/>
                <a:gd name="connsiteX12" fmla="*/ 909391 w 1542543"/>
                <a:gd name="connsiteY12" fmla="*/ 450008 h 976908"/>
                <a:gd name="connsiteX13" fmla="*/ 766089 w 1542543"/>
                <a:gd name="connsiteY13" fmla="*/ 388593 h 976908"/>
                <a:gd name="connsiteX14" fmla="*/ 800209 w 1542543"/>
                <a:gd name="connsiteY14" fmla="*/ 204349 h 976908"/>
                <a:gd name="connsiteX0" fmla="*/ 800209 w 1522966"/>
                <a:gd name="connsiteY0" fmla="*/ 204349 h 975249"/>
                <a:gd name="connsiteX1" fmla="*/ 196266 w 1522966"/>
                <a:gd name="connsiteY1" fmla="*/ 12686 h 975249"/>
                <a:gd name="connsiteX2" fmla="*/ 147370 w 1522966"/>
                <a:gd name="connsiteY2" fmla="*/ 306113 h 975249"/>
                <a:gd name="connsiteX3" fmla="*/ 12021 w 1522966"/>
                <a:gd name="connsiteY3" fmla="*/ 518188 h 975249"/>
                <a:gd name="connsiteX4" fmla="*/ 636377 w 1522966"/>
                <a:gd name="connsiteY4" fmla="*/ 741181 h 975249"/>
                <a:gd name="connsiteX5" fmla="*/ 705803 w 1522966"/>
                <a:gd name="connsiteY5" fmla="*/ 624047 h 975249"/>
                <a:gd name="connsiteX6" fmla="*/ 859369 w 1522966"/>
                <a:gd name="connsiteY6" fmla="*/ 679765 h 975249"/>
                <a:gd name="connsiteX7" fmla="*/ 1189170 w 1522966"/>
                <a:gd name="connsiteY7" fmla="*/ 914032 h 975249"/>
                <a:gd name="connsiteX8" fmla="*/ 1507637 w 1522966"/>
                <a:gd name="connsiteY8" fmla="*/ 786693 h 975249"/>
                <a:gd name="connsiteX9" fmla="*/ 1173267 w 1522966"/>
                <a:gd name="connsiteY9" fmla="*/ 634312 h 975249"/>
                <a:gd name="connsiteX10" fmla="*/ 1250585 w 1522966"/>
                <a:gd name="connsiteY10" fmla="*/ 450008 h 975249"/>
                <a:gd name="connsiteX11" fmla="*/ 984454 w 1522966"/>
                <a:gd name="connsiteY11" fmla="*/ 340826 h 975249"/>
                <a:gd name="connsiteX12" fmla="*/ 909391 w 1522966"/>
                <a:gd name="connsiteY12" fmla="*/ 450008 h 975249"/>
                <a:gd name="connsiteX13" fmla="*/ 766089 w 1522966"/>
                <a:gd name="connsiteY13" fmla="*/ 388593 h 975249"/>
                <a:gd name="connsiteX14" fmla="*/ 800209 w 1522966"/>
                <a:gd name="connsiteY14" fmla="*/ 204349 h 975249"/>
                <a:gd name="connsiteX0" fmla="*/ 800209 w 1538655"/>
                <a:gd name="connsiteY0" fmla="*/ 204349 h 976321"/>
                <a:gd name="connsiteX1" fmla="*/ 196266 w 1538655"/>
                <a:gd name="connsiteY1" fmla="*/ 12686 h 976321"/>
                <a:gd name="connsiteX2" fmla="*/ 147370 w 1538655"/>
                <a:gd name="connsiteY2" fmla="*/ 306113 h 976321"/>
                <a:gd name="connsiteX3" fmla="*/ 12021 w 1538655"/>
                <a:gd name="connsiteY3" fmla="*/ 518188 h 976321"/>
                <a:gd name="connsiteX4" fmla="*/ 636377 w 1538655"/>
                <a:gd name="connsiteY4" fmla="*/ 741181 h 976321"/>
                <a:gd name="connsiteX5" fmla="*/ 705803 w 1538655"/>
                <a:gd name="connsiteY5" fmla="*/ 624047 h 976321"/>
                <a:gd name="connsiteX6" fmla="*/ 859369 w 1538655"/>
                <a:gd name="connsiteY6" fmla="*/ 679765 h 976321"/>
                <a:gd name="connsiteX7" fmla="*/ 1189170 w 1538655"/>
                <a:gd name="connsiteY7" fmla="*/ 914032 h 976321"/>
                <a:gd name="connsiteX8" fmla="*/ 1507637 w 1538655"/>
                <a:gd name="connsiteY8" fmla="*/ 786693 h 976321"/>
                <a:gd name="connsiteX9" fmla="*/ 1173267 w 1538655"/>
                <a:gd name="connsiteY9" fmla="*/ 634312 h 976321"/>
                <a:gd name="connsiteX10" fmla="*/ 1250585 w 1538655"/>
                <a:gd name="connsiteY10" fmla="*/ 450008 h 976321"/>
                <a:gd name="connsiteX11" fmla="*/ 984454 w 1538655"/>
                <a:gd name="connsiteY11" fmla="*/ 340826 h 976321"/>
                <a:gd name="connsiteX12" fmla="*/ 909391 w 1538655"/>
                <a:gd name="connsiteY12" fmla="*/ 450008 h 976321"/>
                <a:gd name="connsiteX13" fmla="*/ 766089 w 1538655"/>
                <a:gd name="connsiteY13" fmla="*/ 388593 h 976321"/>
                <a:gd name="connsiteX14" fmla="*/ 800209 w 1538655"/>
                <a:gd name="connsiteY14" fmla="*/ 204349 h 976321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27868"/>
                <a:gd name="connsiteY0" fmla="*/ 204349 h 975126"/>
                <a:gd name="connsiteX1" fmla="*/ 196266 w 1527868"/>
                <a:gd name="connsiteY1" fmla="*/ 12686 h 975126"/>
                <a:gd name="connsiteX2" fmla="*/ 147370 w 1527868"/>
                <a:gd name="connsiteY2" fmla="*/ 306113 h 975126"/>
                <a:gd name="connsiteX3" fmla="*/ 12021 w 1527868"/>
                <a:gd name="connsiteY3" fmla="*/ 518188 h 975126"/>
                <a:gd name="connsiteX4" fmla="*/ 636377 w 1527868"/>
                <a:gd name="connsiteY4" fmla="*/ 741181 h 975126"/>
                <a:gd name="connsiteX5" fmla="*/ 705803 w 1527868"/>
                <a:gd name="connsiteY5" fmla="*/ 624047 h 975126"/>
                <a:gd name="connsiteX6" fmla="*/ 859369 w 1527868"/>
                <a:gd name="connsiteY6" fmla="*/ 679765 h 975126"/>
                <a:gd name="connsiteX7" fmla="*/ 1189170 w 1527868"/>
                <a:gd name="connsiteY7" fmla="*/ 914032 h 975126"/>
                <a:gd name="connsiteX8" fmla="*/ 1467881 w 1527868"/>
                <a:gd name="connsiteY8" fmla="*/ 742961 h 975126"/>
                <a:gd name="connsiteX9" fmla="*/ 1173267 w 1527868"/>
                <a:gd name="connsiteY9" fmla="*/ 634312 h 975126"/>
                <a:gd name="connsiteX10" fmla="*/ 1250585 w 1527868"/>
                <a:gd name="connsiteY10" fmla="*/ 438081 h 975126"/>
                <a:gd name="connsiteX11" fmla="*/ 964576 w 1527868"/>
                <a:gd name="connsiteY11" fmla="*/ 344802 h 975126"/>
                <a:gd name="connsiteX12" fmla="*/ 909391 w 1527868"/>
                <a:gd name="connsiteY12" fmla="*/ 450008 h 975126"/>
                <a:gd name="connsiteX13" fmla="*/ 766089 w 1527868"/>
                <a:gd name="connsiteY13" fmla="*/ 388593 h 975126"/>
                <a:gd name="connsiteX14" fmla="*/ 800209 w 1527868"/>
                <a:gd name="connsiteY14" fmla="*/ 204349 h 975126"/>
                <a:gd name="connsiteX0" fmla="*/ 800209 w 1527868"/>
                <a:gd name="connsiteY0" fmla="*/ 204349 h 975126"/>
                <a:gd name="connsiteX1" fmla="*/ 196266 w 1527868"/>
                <a:gd name="connsiteY1" fmla="*/ 12686 h 975126"/>
                <a:gd name="connsiteX2" fmla="*/ 147370 w 1527868"/>
                <a:gd name="connsiteY2" fmla="*/ 306113 h 975126"/>
                <a:gd name="connsiteX3" fmla="*/ 12021 w 1527868"/>
                <a:gd name="connsiteY3" fmla="*/ 518188 h 975126"/>
                <a:gd name="connsiteX4" fmla="*/ 636377 w 1527868"/>
                <a:gd name="connsiteY4" fmla="*/ 741181 h 975126"/>
                <a:gd name="connsiteX5" fmla="*/ 705803 w 1527868"/>
                <a:gd name="connsiteY5" fmla="*/ 624047 h 975126"/>
                <a:gd name="connsiteX6" fmla="*/ 859369 w 1527868"/>
                <a:gd name="connsiteY6" fmla="*/ 679765 h 975126"/>
                <a:gd name="connsiteX7" fmla="*/ 1189170 w 1527868"/>
                <a:gd name="connsiteY7" fmla="*/ 914032 h 975126"/>
                <a:gd name="connsiteX8" fmla="*/ 1467881 w 1527868"/>
                <a:gd name="connsiteY8" fmla="*/ 742961 h 975126"/>
                <a:gd name="connsiteX9" fmla="*/ 1173267 w 1527868"/>
                <a:gd name="connsiteY9" fmla="*/ 634312 h 975126"/>
                <a:gd name="connsiteX10" fmla="*/ 1250585 w 1527868"/>
                <a:gd name="connsiteY10" fmla="*/ 438081 h 975126"/>
                <a:gd name="connsiteX11" fmla="*/ 964576 w 1527868"/>
                <a:gd name="connsiteY11" fmla="*/ 344802 h 975126"/>
                <a:gd name="connsiteX12" fmla="*/ 909391 w 1527868"/>
                <a:gd name="connsiteY12" fmla="*/ 450008 h 975126"/>
                <a:gd name="connsiteX13" fmla="*/ 766089 w 1527868"/>
                <a:gd name="connsiteY13" fmla="*/ 388593 h 975126"/>
                <a:gd name="connsiteX14" fmla="*/ 800209 w 1527868"/>
                <a:gd name="connsiteY14" fmla="*/ 204349 h 975126"/>
                <a:gd name="connsiteX0" fmla="*/ 800209 w 1499884"/>
                <a:gd name="connsiteY0" fmla="*/ 204349 h 986483"/>
                <a:gd name="connsiteX1" fmla="*/ 196266 w 1499884"/>
                <a:gd name="connsiteY1" fmla="*/ 12686 h 986483"/>
                <a:gd name="connsiteX2" fmla="*/ 147370 w 1499884"/>
                <a:gd name="connsiteY2" fmla="*/ 306113 h 986483"/>
                <a:gd name="connsiteX3" fmla="*/ 12021 w 1499884"/>
                <a:gd name="connsiteY3" fmla="*/ 518188 h 986483"/>
                <a:gd name="connsiteX4" fmla="*/ 636377 w 1499884"/>
                <a:gd name="connsiteY4" fmla="*/ 741181 h 986483"/>
                <a:gd name="connsiteX5" fmla="*/ 705803 w 1499884"/>
                <a:gd name="connsiteY5" fmla="*/ 624047 h 986483"/>
                <a:gd name="connsiteX6" fmla="*/ 859369 w 1499884"/>
                <a:gd name="connsiteY6" fmla="*/ 679765 h 986483"/>
                <a:gd name="connsiteX7" fmla="*/ 1189170 w 1499884"/>
                <a:gd name="connsiteY7" fmla="*/ 914032 h 986483"/>
                <a:gd name="connsiteX8" fmla="*/ 1467881 w 1499884"/>
                <a:gd name="connsiteY8" fmla="*/ 742961 h 986483"/>
                <a:gd name="connsiteX9" fmla="*/ 1173267 w 1499884"/>
                <a:gd name="connsiteY9" fmla="*/ 634312 h 986483"/>
                <a:gd name="connsiteX10" fmla="*/ 1250585 w 1499884"/>
                <a:gd name="connsiteY10" fmla="*/ 438081 h 986483"/>
                <a:gd name="connsiteX11" fmla="*/ 964576 w 1499884"/>
                <a:gd name="connsiteY11" fmla="*/ 344802 h 986483"/>
                <a:gd name="connsiteX12" fmla="*/ 909391 w 1499884"/>
                <a:gd name="connsiteY12" fmla="*/ 450008 h 986483"/>
                <a:gd name="connsiteX13" fmla="*/ 766089 w 1499884"/>
                <a:gd name="connsiteY13" fmla="*/ 388593 h 986483"/>
                <a:gd name="connsiteX14" fmla="*/ 800209 w 1499884"/>
                <a:gd name="connsiteY14" fmla="*/ 204349 h 986483"/>
                <a:gd name="connsiteX0" fmla="*/ 800209 w 1505435"/>
                <a:gd name="connsiteY0" fmla="*/ 204349 h 1015754"/>
                <a:gd name="connsiteX1" fmla="*/ 196266 w 1505435"/>
                <a:gd name="connsiteY1" fmla="*/ 12686 h 1015754"/>
                <a:gd name="connsiteX2" fmla="*/ 147370 w 1505435"/>
                <a:gd name="connsiteY2" fmla="*/ 306113 h 1015754"/>
                <a:gd name="connsiteX3" fmla="*/ 12021 w 1505435"/>
                <a:gd name="connsiteY3" fmla="*/ 518188 h 1015754"/>
                <a:gd name="connsiteX4" fmla="*/ 636377 w 1505435"/>
                <a:gd name="connsiteY4" fmla="*/ 741181 h 1015754"/>
                <a:gd name="connsiteX5" fmla="*/ 705803 w 1505435"/>
                <a:gd name="connsiteY5" fmla="*/ 624047 h 1015754"/>
                <a:gd name="connsiteX6" fmla="*/ 859369 w 1505435"/>
                <a:gd name="connsiteY6" fmla="*/ 679765 h 1015754"/>
                <a:gd name="connsiteX7" fmla="*/ 1189170 w 1505435"/>
                <a:gd name="connsiteY7" fmla="*/ 914032 h 1015754"/>
                <a:gd name="connsiteX8" fmla="*/ 1467881 w 1505435"/>
                <a:gd name="connsiteY8" fmla="*/ 742961 h 1015754"/>
                <a:gd name="connsiteX9" fmla="*/ 1173267 w 1505435"/>
                <a:gd name="connsiteY9" fmla="*/ 634312 h 1015754"/>
                <a:gd name="connsiteX10" fmla="*/ 1250585 w 1505435"/>
                <a:gd name="connsiteY10" fmla="*/ 438081 h 1015754"/>
                <a:gd name="connsiteX11" fmla="*/ 964576 w 1505435"/>
                <a:gd name="connsiteY11" fmla="*/ 344802 h 1015754"/>
                <a:gd name="connsiteX12" fmla="*/ 909391 w 1505435"/>
                <a:gd name="connsiteY12" fmla="*/ 450008 h 1015754"/>
                <a:gd name="connsiteX13" fmla="*/ 766089 w 1505435"/>
                <a:gd name="connsiteY13" fmla="*/ 388593 h 1015754"/>
                <a:gd name="connsiteX14" fmla="*/ 800209 w 1505435"/>
                <a:gd name="connsiteY14" fmla="*/ 204349 h 101575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505435" h="1015754">
                  <a:moveTo>
                    <a:pt x="800209" y="204349"/>
                  </a:moveTo>
                  <a:cubicBezTo>
                    <a:pt x="598895" y="140461"/>
                    <a:pt x="302164" y="-50647"/>
                    <a:pt x="196266" y="12686"/>
                  </a:cubicBezTo>
                  <a:cubicBezTo>
                    <a:pt x="103106" y="72064"/>
                    <a:pt x="168969" y="214930"/>
                    <a:pt x="147370" y="306113"/>
                  </a:cubicBezTo>
                  <a:cubicBezTo>
                    <a:pt x="102254" y="376805"/>
                    <a:pt x="-42253" y="455447"/>
                    <a:pt x="12021" y="518188"/>
                  </a:cubicBezTo>
                  <a:cubicBezTo>
                    <a:pt x="164480" y="669383"/>
                    <a:pt x="559454" y="713233"/>
                    <a:pt x="636377" y="741181"/>
                  </a:cubicBezTo>
                  <a:cubicBezTo>
                    <a:pt x="696624" y="733941"/>
                    <a:pt x="677361" y="671042"/>
                    <a:pt x="705803" y="624047"/>
                  </a:cubicBezTo>
                  <a:lnTo>
                    <a:pt x="859369" y="679765"/>
                  </a:lnTo>
                  <a:cubicBezTo>
                    <a:pt x="850034" y="889051"/>
                    <a:pt x="1063333" y="847870"/>
                    <a:pt x="1189170" y="914032"/>
                  </a:cubicBezTo>
                  <a:cubicBezTo>
                    <a:pt x="1618678" y="1176386"/>
                    <a:pt x="1495571" y="862271"/>
                    <a:pt x="1467881" y="742961"/>
                  </a:cubicBezTo>
                  <a:cubicBezTo>
                    <a:pt x="1356424" y="685542"/>
                    <a:pt x="1304603" y="671853"/>
                    <a:pt x="1173267" y="634312"/>
                  </a:cubicBezTo>
                  <a:cubicBezTo>
                    <a:pt x="1199040" y="568902"/>
                    <a:pt x="1292398" y="479637"/>
                    <a:pt x="1250585" y="438081"/>
                  </a:cubicBezTo>
                  <a:cubicBezTo>
                    <a:pt x="1165850" y="405662"/>
                    <a:pt x="1045335" y="381196"/>
                    <a:pt x="964576" y="344802"/>
                  </a:cubicBezTo>
                  <a:cubicBezTo>
                    <a:pt x="930279" y="379871"/>
                    <a:pt x="927786" y="414939"/>
                    <a:pt x="909391" y="450008"/>
                  </a:cubicBezTo>
                  <a:lnTo>
                    <a:pt x="766089" y="388593"/>
                  </a:lnTo>
                  <a:lnTo>
                    <a:pt x="800209" y="204349"/>
                  </a:lnTo>
                  <a:close/>
                </a:path>
              </a:pathLst>
            </a:cu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 sz="2700"/>
            </a:p>
          </p:txBody>
        </p:sp>
        <p:sp>
          <p:nvSpPr>
            <p:cNvPr id="68" name="Freeform 106">
              <a:extLst>
                <a:ext uri="{FF2B5EF4-FFF2-40B4-BE49-F238E27FC236}">
                  <a16:creationId xmlns:a16="http://schemas.microsoft.com/office/drawing/2014/main" id="{7ABD01DA-F7D7-478D-A532-2A1B78A013CF}"/>
                </a:ext>
              </a:extLst>
            </p:cNvPr>
            <p:cNvSpPr/>
            <p:nvPr/>
          </p:nvSpPr>
          <p:spPr>
            <a:xfrm rot="19632933">
              <a:off x="2257651" y="4182238"/>
              <a:ext cx="1505435" cy="1015754"/>
            </a:xfrm>
            <a:custGeom>
              <a:avLst/>
              <a:gdLst>
                <a:gd name="connsiteX0" fmla="*/ 812042 w 1535373"/>
                <a:gd name="connsiteY0" fmla="*/ 211541 h 921224"/>
                <a:gd name="connsiteX1" fmla="*/ 184245 w 1535373"/>
                <a:gd name="connsiteY1" fmla="*/ 0 h 921224"/>
                <a:gd name="connsiteX2" fmla="*/ 143301 w 1535373"/>
                <a:gd name="connsiteY2" fmla="*/ 293427 h 921224"/>
                <a:gd name="connsiteX3" fmla="*/ 0 w 1535373"/>
                <a:gd name="connsiteY3" fmla="*/ 477672 h 921224"/>
                <a:gd name="connsiteX4" fmla="*/ 600501 w 1535373"/>
                <a:gd name="connsiteY4" fmla="*/ 764275 h 921224"/>
                <a:gd name="connsiteX5" fmla="*/ 709684 w 1535373"/>
                <a:gd name="connsiteY5" fmla="*/ 655093 h 921224"/>
                <a:gd name="connsiteX6" fmla="*/ 887104 w 1535373"/>
                <a:gd name="connsiteY6" fmla="*/ 702860 h 921224"/>
                <a:gd name="connsiteX7" fmla="*/ 1201003 w 1535373"/>
                <a:gd name="connsiteY7" fmla="*/ 921224 h 921224"/>
                <a:gd name="connsiteX8" fmla="*/ 1535373 w 1535373"/>
                <a:gd name="connsiteY8" fmla="*/ 825690 h 921224"/>
                <a:gd name="connsiteX9" fmla="*/ 1201003 w 1535373"/>
                <a:gd name="connsiteY9" fmla="*/ 689212 h 921224"/>
                <a:gd name="connsiteX10" fmla="*/ 1262418 w 1535373"/>
                <a:gd name="connsiteY10" fmla="*/ 457200 h 921224"/>
                <a:gd name="connsiteX11" fmla="*/ 996287 w 1535373"/>
                <a:gd name="connsiteY11" fmla="*/ 348018 h 921224"/>
                <a:gd name="connsiteX12" fmla="*/ 921224 w 1535373"/>
                <a:gd name="connsiteY12" fmla="*/ 457200 h 921224"/>
                <a:gd name="connsiteX13" fmla="*/ 777922 w 1535373"/>
                <a:gd name="connsiteY13" fmla="*/ 395785 h 921224"/>
                <a:gd name="connsiteX14" fmla="*/ 812042 w 1535373"/>
                <a:gd name="connsiteY14" fmla="*/ 211541 h 921224"/>
                <a:gd name="connsiteX0" fmla="*/ 812042 w 1535373"/>
                <a:gd name="connsiteY0" fmla="*/ 191663 h 901346"/>
                <a:gd name="connsiteX1" fmla="*/ 208099 w 1535373"/>
                <a:gd name="connsiteY1" fmla="*/ 0 h 901346"/>
                <a:gd name="connsiteX2" fmla="*/ 143301 w 1535373"/>
                <a:gd name="connsiteY2" fmla="*/ 273549 h 901346"/>
                <a:gd name="connsiteX3" fmla="*/ 0 w 1535373"/>
                <a:gd name="connsiteY3" fmla="*/ 457794 h 901346"/>
                <a:gd name="connsiteX4" fmla="*/ 600501 w 1535373"/>
                <a:gd name="connsiteY4" fmla="*/ 744397 h 901346"/>
                <a:gd name="connsiteX5" fmla="*/ 709684 w 1535373"/>
                <a:gd name="connsiteY5" fmla="*/ 635215 h 901346"/>
                <a:gd name="connsiteX6" fmla="*/ 887104 w 1535373"/>
                <a:gd name="connsiteY6" fmla="*/ 682982 h 901346"/>
                <a:gd name="connsiteX7" fmla="*/ 1201003 w 1535373"/>
                <a:gd name="connsiteY7" fmla="*/ 901346 h 901346"/>
                <a:gd name="connsiteX8" fmla="*/ 1535373 w 1535373"/>
                <a:gd name="connsiteY8" fmla="*/ 805812 h 901346"/>
                <a:gd name="connsiteX9" fmla="*/ 1201003 w 1535373"/>
                <a:gd name="connsiteY9" fmla="*/ 669334 h 901346"/>
                <a:gd name="connsiteX10" fmla="*/ 1262418 w 1535373"/>
                <a:gd name="connsiteY10" fmla="*/ 437322 h 901346"/>
                <a:gd name="connsiteX11" fmla="*/ 996287 w 1535373"/>
                <a:gd name="connsiteY11" fmla="*/ 328140 h 901346"/>
                <a:gd name="connsiteX12" fmla="*/ 921224 w 1535373"/>
                <a:gd name="connsiteY12" fmla="*/ 437322 h 901346"/>
                <a:gd name="connsiteX13" fmla="*/ 777922 w 1535373"/>
                <a:gd name="connsiteY13" fmla="*/ 375907 h 901346"/>
                <a:gd name="connsiteX14" fmla="*/ 812042 w 1535373"/>
                <a:gd name="connsiteY14" fmla="*/ 191663 h 901346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43301 w 1535373"/>
                <a:gd name="connsiteY2" fmla="*/ 286235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43301 w 1535373"/>
                <a:gd name="connsiteY2" fmla="*/ 286235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812042 w 1535373"/>
                <a:gd name="connsiteY0" fmla="*/ 204349 h 914032"/>
                <a:gd name="connsiteX1" fmla="*/ 208099 w 1535373"/>
                <a:gd name="connsiteY1" fmla="*/ 12686 h 914032"/>
                <a:gd name="connsiteX2" fmla="*/ 159203 w 1535373"/>
                <a:gd name="connsiteY2" fmla="*/ 306113 h 914032"/>
                <a:gd name="connsiteX3" fmla="*/ 0 w 1535373"/>
                <a:gd name="connsiteY3" fmla="*/ 470480 h 914032"/>
                <a:gd name="connsiteX4" fmla="*/ 600501 w 1535373"/>
                <a:gd name="connsiteY4" fmla="*/ 757083 h 914032"/>
                <a:gd name="connsiteX5" fmla="*/ 709684 w 1535373"/>
                <a:gd name="connsiteY5" fmla="*/ 647901 h 914032"/>
                <a:gd name="connsiteX6" fmla="*/ 887104 w 1535373"/>
                <a:gd name="connsiteY6" fmla="*/ 695668 h 914032"/>
                <a:gd name="connsiteX7" fmla="*/ 1201003 w 1535373"/>
                <a:gd name="connsiteY7" fmla="*/ 914032 h 914032"/>
                <a:gd name="connsiteX8" fmla="*/ 1535373 w 1535373"/>
                <a:gd name="connsiteY8" fmla="*/ 818498 h 914032"/>
                <a:gd name="connsiteX9" fmla="*/ 1201003 w 1535373"/>
                <a:gd name="connsiteY9" fmla="*/ 682020 h 914032"/>
                <a:gd name="connsiteX10" fmla="*/ 1262418 w 1535373"/>
                <a:gd name="connsiteY10" fmla="*/ 450008 h 914032"/>
                <a:gd name="connsiteX11" fmla="*/ 996287 w 1535373"/>
                <a:gd name="connsiteY11" fmla="*/ 340826 h 914032"/>
                <a:gd name="connsiteX12" fmla="*/ 921224 w 1535373"/>
                <a:gd name="connsiteY12" fmla="*/ 450008 h 914032"/>
                <a:gd name="connsiteX13" fmla="*/ 777922 w 1535373"/>
                <a:gd name="connsiteY13" fmla="*/ 388593 h 914032"/>
                <a:gd name="connsiteX14" fmla="*/ 812042 w 1535373"/>
                <a:gd name="connsiteY14" fmla="*/ 204349 h 914032"/>
                <a:gd name="connsiteX0" fmla="*/ 788188 w 1511519"/>
                <a:gd name="connsiteY0" fmla="*/ 204349 h 914032"/>
                <a:gd name="connsiteX1" fmla="*/ 184245 w 1511519"/>
                <a:gd name="connsiteY1" fmla="*/ 12686 h 914032"/>
                <a:gd name="connsiteX2" fmla="*/ 135349 w 1511519"/>
                <a:gd name="connsiteY2" fmla="*/ 306113 h 914032"/>
                <a:gd name="connsiteX3" fmla="*/ 0 w 1511519"/>
                <a:gd name="connsiteY3" fmla="*/ 518188 h 914032"/>
                <a:gd name="connsiteX4" fmla="*/ 576647 w 1511519"/>
                <a:gd name="connsiteY4" fmla="*/ 757083 h 914032"/>
                <a:gd name="connsiteX5" fmla="*/ 685830 w 1511519"/>
                <a:gd name="connsiteY5" fmla="*/ 647901 h 914032"/>
                <a:gd name="connsiteX6" fmla="*/ 863250 w 1511519"/>
                <a:gd name="connsiteY6" fmla="*/ 695668 h 914032"/>
                <a:gd name="connsiteX7" fmla="*/ 1177149 w 1511519"/>
                <a:gd name="connsiteY7" fmla="*/ 914032 h 914032"/>
                <a:gd name="connsiteX8" fmla="*/ 1511519 w 1511519"/>
                <a:gd name="connsiteY8" fmla="*/ 818498 h 914032"/>
                <a:gd name="connsiteX9" fmla="*/ 1177149 w 1511519"/>
                <a:gd name="connsiteY9" fmla="*/ 682020 h 914032"/>
                <a:gd name="connsiteX10" fmla="*/ 1238564 w 1511519"/>
                <a:gd name="connsiteY10" fmla="*/ 450008 h 914032"/>
                <a:gd name="connsiteX11" fmla="*/ 972433 w 1511519"/>
                <a:gd name="connsiteY11" fmla="*/ 340826 h 914032"/>
                <a:gd name="connsiteX12" fmla="*/ 897370 w 1511519"/>
                <a:gd name="connsiteY12" fmla="*/ 450008 h 914032"/>
                <a:gd name="connsiteX13" fmla="*/ 754068 w 1511519"/>
                <a:gd name="connsiteY13" fmla="*/ 388593 h 914032"/>
                <a:gd name="connsiteX14" fmla="*/ 788188 w 1511519"/>
                <a:gd name="connsiteY14" fmla="*/ 204349 h 914032"/>
                <a:gd name="connsiteX0" fmla="*/ 802902 w 1526233"/>
                <a:gd name="connsiteY0" fmla="*/ 204349 h 914032"/>
                <a:gd name="connsiteX1" fmla="*/ 198959 w 1526233"/>
                <a:gd name="connsiteY1" fmla="*/ 12686 h 914032"/>
                <a:gd name="connsiteX2" fmla="*/ 150063 w 1526233"/>
                <a:gd name="connsiteY2" fmla="*/ 306113 h 914032"/>
                <a:gd name="connsiteX3" fmla="*/ 14714 w 1526233"/>
                <a:gd name="connsiteY3" fmla="*/ 518188 h 914032"/>
                <a:gd name="connsiteX4" fmla="*/ 591361 w 1526233"/>
                <a:gd name="connsiteY4" fmla="*/ 757083 h 914032"/>
                <a:gd name="connsiteX5" fmla="*/ 700544 w 1526233"/>
                <a:gd name="connsiteY5" fmla="*/ 647901 h 914032"/>
                <a:gd name="connsiteX6" fmla="*/ 877964 w 1526233"/>
                <a:gd name="connsiteY6" fmla="*/ 695668 h 914032"/>
                <a:gd name="connsiteX7" fmla="*/ 1191863 w 1526233"/>
                <a:gd name="connsiteY7" fmla="*/ 914032 h 914032"/>
                <a:gd name="connsiteX8" fmla="*/ 1526233 w 1526233"/>
                <a:gd name="connsiteY8" fmla="*/ 818498 h 914032"/>
                <a:gd name="connsiteX9" fmla="*/ 1191863 w 1526233"/>
                <a:gd name="connsiteY9" fmla="*/ 682020 h 914032"/>
                <a:gd name="connsiteX10" fmla="*/ 1253278 w 1526233"/>
                <a:gd name="connsiteY10" fmla="*/ 450008 h 914032"/>
                <a:gd name="connsiteX11" fmla="*/ 987147 w 1526233"/>
                <a:gd name="connsiteY11" fmla="*/ 340826 h 914032"/>
                <a:gd name="connsiteX12" fmla="*/ 912084 w 1526233"/>
                <a:gd name="connsiteY12" fmla="*/ 450008 h 914032"/>
                <a:gd name="connsiteX13" fmla="*/ 768782 w 1526233"/>
                <a:gd name="connsiteY13" fmla="*/ 388593 h 914032"/>
                <a:gd name="connsiteX14" fmla="*/ 802902 w 1526233"/>
                <a:gd name="connsiteY14" fmla="*/ 204349 h 914032"/>
                <a:gd name="connsiteX0" fmla="*/ 802902 w 1526233"/>
                <a:gd name="connsiteY0" fmla="*/ 204349 h 914032"/>
                <a:gd name="connsiteX1" fmla="*/ 198959 w 1526233"/>
                <a:gd name="connsiteY1" fmla="*/ 12686 h 914032"/>
                <a:gd name="connsiteX2" fmla="*/ 150063 w 1526233"/>
                <a:gd name="connsiteY2" fmla="*/ 306113 h 914032"/>
                <a:gd name="connsiteX3" fmla="*/ 14714 w 1526233"/>
                <a:gd name="connsiteY3" fmla="*/ 518188 h 914032"/>
                <a:gd name="connsiteX4" fmla="*/ 591361 w 1526233"/>
                <a:gd name="connsiteY4" fmla="*/ 757083 h 914032"/>
                <a:gd name="connsiteX5" fmla="*/ 700544 w 1526233"/>
                <a:gd name="connsiteY5" fmla="*/ 647901 h 914032"/>
                <a:gd name="connsiteX6" fmla="*/ 877964 w 1526233"/>
                <a:gd name="connsiteY6" fmla="*/ 695668 h 914032"/>
                <a:gd name="connsiteX7" fmla="*/ 1191863 w 1526233"/>
                <a:gd name="connsiteY7" fmla="*/ 914032 h 914032"/>
                <a:gd name="connsiteX8" fmla="*/ 1526233 w 1526233"/>
                <a:gd name="connsiteY8" fmla="*/ 818498 h 914032"/>
                <a:gd name="connsiteX9" fmla="*/ 1191863 w 1526233"/>
                <a:gd name="connsiteY9" fmla="*/ 682020 h 914032"/>
                <a:gd name="connsiteX10" fmla="*/ 1253278 w 1526233"/>
                <a:gd name="connsiteY10" fmla="*/ 450008 h 914032"/>
                <a:gd name="connsiteX11" fmla="*/ 987147 w 1526233"/>
                <a:gd name="connsiteY11" fmla="*/ 340826 h 914032"/>
                <a:gd name="connsiteX12" fmla="*/ 912084 w 1526233"/>
                <a:gd name="connsiteY12" fmla="*/ 450008 h 914032"/>
                <a:gd name="connsiteX13" fmla="*/ 768782 w 1526233"/>
                <a:gd name="connsiteY13" fmla="*/ 388593 h 914032"/>
                <a:gd name="connsiteX14" fmla="*/ 802902 w 1526233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588668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52279 w 1523540"/>
                <a:gd name="connsiteY4" fmla="*/ 757083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697851 w 1523540"/>
                <a:gd name="connsiteY5" fmla="*/ 647901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75271 w 1523540"/>
                <a:gd name="connsiteY6" fmla="*/ 695668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14032"/>
                <a:gd name="connsiteX1" fmla="*/ 196266 w 1523540"/>
                <a:gd name="connsiteY1" fmla="*/ 12686 h 914032"/>
                <a:gd name="connsiteX2" fmla="*/ 147370 w 1523540"/>
                <a:gd name="connsiteY2" fmla="*/ 306113 h 914032"/>
                <a:gd name="connsiteX3" fmla="*/ 12021 w 1523540"/>
                <a:gd name="connsiteY3" fmla="*/ 518188 h 914032"/>
                <a:gd name="connsiteX4" fmla="*/ 636377 w 1523540"/>
                <a:gd name="connsiteY4" fmla="*/ 741181 h 914032"/>
                <a:gd name="connsiteX5" fmla="*/ 705803 w 1523540"/>
                <a:gd name="connsiteY5" fmla="*/ 624047 h 914032"/>
                <a:gd name="connsiteX6" fmla="*/ 859369 w 1523540"/>
                <a:gd name="connsiteY6" fmla="*/ 679765 h 914032"/>
                <a:gd name="connsiteX7" fmla="*/ 1189170 w 1523540"/>
                <a:gd name="connsiteY7" fmla="*/ 914032 h 914032"/>
                <a:gd name="connsiteX8" fmla="*/ 1523540 w 1523540"/>
                <a:gd name="connsiteY8" fmla="*/ 818498 h 914032"/>
                <a:gd name="connsiteX9" fmla="*/ 1189170 w 1523540"/>
                <a:gd name="connsiteY9" fmla="*/ 682020 h 914032"/>
                <a:gd name="connsiteX10" fmla="*/ 1250585 w 1523540"/>
                <a:gd name="connsiteY10" fmla="*/ 450008 h 914032"/>
                <a:gd name="connsiteX11" fmla="*/ 984454 w 1523540"/>
                <a:gd name="connsiteY11" fmla="*/ 340826 h 914032"/>
                <a:gd name="connsiteX12" fmla="*/ 909391 w 1523540"/>
                <a:gd name="connsiteY12" fmla="*/ 450008 h 914032"/>
                <a:gd name="connsiteX13" fmla="*/ 766089 w 1523540"/>
                <a:gd name="connsiteY13" fmla="*/ 388593 h 914032"/>
                <a:gd name="connsiteX14" fmla="*/ 800209 w 1523540"/>
                <a:gd name="connsiteY14" fmla="*/ 204349 h 914032"/>
                <a:gd name="connsiteX0" fmla="*/ 800209 w 1523540"/>
                <a:gd name="connsiteY0" fmla="*/ 204349 h 982628"/>
                <a:gd name="connsiteX1" fmla="*/ 196266 w 1523540"/>
                <a:gd name="connsiteY1" fmla="*/ 12686 h 982628"/>
                <a:gd name="connsiteX2" fmla="*/ 147370 w 1523540"/>
                <a:gd name="connsiteY2" fmla="*/ 306113 h 982628"/>
                <a:gd name="connsiteX3" fmla="*/ 12021 w 1523540"/>
                <a:gd name="connsiteY3" fmla="*/ 518188 h 982628"/>
                <a:gd name="connsiteX4" fmla="*/ 636377 w 1523540"/>
                <a:gd name="connsiteY4" fmla="*/ 741181 h 982628"/>
                <a:gd name="connsiteX5" fmla="*/ 705803 w 1523540"/>
                <a:gd name="connsiteY5" fmla="*/ 624047 h 982628"/>
                <a:gd name="connsiteX6" fmla="*/ 859369 w 1523540"/>
                <a:gd name="connsiteY6" fmla="*/ 679765 h 982628"/>
                <a:gd name="connsiteX7" fmla="*/ 1189170 w 1523540"/>
                <a:gd name="connsiteY7" fmla="*/ 914032 h 982628"/>
                <a:gd name="connsiteX8" fmla="*/ 1523540 w 1523540"/>
                <a:gd name="connsiteY8" fmla="*/ 818498 h 982628"/>
                <a:gd name="connsiteX9" fmla="*/ 1189170 w 1523540"/>
                <a:gd name="connsiteY9" fmla="*/ 682020 h 982628"/>
                <a:gd name="connsiteX10" fmla="*/ 1250585 w 1523540"/>
                <a:gd name="connsiteY10" fmla="*/ 450008 h 982628"/>
                <a:gd name="connsiteX11" fmla="*/ 984454 w 1523540"/>
                <a:gd name="connsiteY11" fmla="*/ 340826 h 982628"/>
                <a:gd name="connsiteX12" fmla="*/ 909391 w 1523540"/>
                <a:gd name="connsiteY12" fmla="*/ 450008 h 982628"/>
                <a:gd name="connsiteX13" fmla="*/ 766089 w 1523540"/>
                <a:gd name="connsiteY13" fmla="*/ 388593 h 982628"/>
                <a:gd name="connsiteX14" fmla="*/ 800209 w 1523540"/>
                <a:gd name="connsiteY14" fmla="*/ 204349 h 982628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89170 w 1554538"/>
                <a:gd name="connsiteY9" fmla="*/ 682020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89170 w 1554538"/>
                <a:gd name="connsiteY9" fmla="*/ 682020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73267 w 1554538"/>
                <a:gd name="connsiteY9" fmla="*/ 634312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54538"/>
                <a:gd name="connsiteY0" fmla="*/ 204349 h 982009"/>
                <a:gd name="connsiteX1" fmla="*/ 196266 w 1554538"/>
                <a:gd name="connsiteY1" fmla="*/ 12686 h 982009"/>
                <a:gd name="connsiteX2" fmla="*/ 147370 w 1554538"/>
                <a:gd name="connsiteY2" fmla="*/ 306113 h 982009"/>
                <a:gd name="connsiteX3" fmla="*/ 12021 w 1554538"/>
                <a:gd name="connsiteY3" fmla="*/ 518188 h 982009"/>
                <a:gd name="connsiteX4" fmla="*/ 636377 w 1554538"/>
                <a:gd name="connsiteY4" fmla="*/ 741181 h 982009"/>
                <a:gd name="connsiteX5" fmla="*/ 705803 w 1554538"/>
                <a:gd name="connsiteY5" fmla="*/ 624047 h 982009"/>
                <a:gd name="connsiteX6" fmla="*/ 859369 w 1554538"/>
                <a:gd name="connsiteY6" fmla="*/ 679765 h 982009"/>
                <a:gd name="connsiteX7" fmla="*/ 1189170 w 1554538"/>
                <a:gd name="connsiteY7" fmla="*/ 914032 h 982009"/>
                <a:gd name="connsiteX8" fmla="*/ 1523540 w 1554538"/>
                <a:gd name="connsiteY8" fmla="*/ 818498 h 982009"/>
                <a:gd name="connsiteX9" fmla="*/ 1173267 w 1554538"/>
                <a:gd name="connsiteY9" fmla="*/ 634312 h 982009"/>
                <a:gd name="connsiteX10" fmla="*/ 1250585 w 1554538"/>
                <a:gd name="connsiteY10" fmla="*/ 450008 h 982009"/>
                <a:gd name="connsiteX11" fmla="*/ 984454 w 1554538"/>
                <a:gd name="connsiteY11" fmla="*/ 340826 h 982009"/>
                <a:gd name="connsiteX12" fmla="*/ 909391 w 1554538"/>
                <a:gd name="connsiteY12" fmla="*/ 450008 h 982009"/>
                <a:gd name="connsiteX13" fmla="*/ 766089 w 1554538"/>
                <a:gd name="connsiteY13" fmla="*/ 388593 h 982009"/>
                <a:gd name="connsiteX14" fmla="*/ 800209 w 1554538"/>
                <a:gd name="connsiteY14" fmla="*/ 204349 h 982009"/>
                <a:gd name="connsiteX0" fmla="*/ 800209 w 1542543"/>
                <a:gd name="connsiteY0" fmla="*/ 204349 h 976908"/>
                <a:gd name="connsiteX1" fmla="*/ 196266 w 1542543"/>
                <a:gd name="connsiteY1" fmla="*/ 12686 h 976908"/>
                <a:gd name="connsiteX2" fmla="*/ 147370 w 1542543"/>
                <a:gd name="connsiteY2" fmla="*/ 306113 h 976908"/>
                <a:gd name="connsiteX3" fmla="*/ 12021 w 1542543"/>
                <a:gd name="connsiteY3" fmla="*/ 518188 h 976908"/>
                <a:gd name="connsiteX4" fmla="*/ 636377 w 1542543"/>
                <a:gd name="connsiteY4" fmla="*/ 741181 h 976908"/>
                <a:gd name="connsiteX5" fmla="*/ 705803 w 1542543"/>
                <a:gd name="connsiteY5" fmla="*/ 624047 h 976908"/>
                <a:gd name="connsiteX6" fmla="*/ 859369 w 1542543"/>
                <a:gd name="connsiteY6" fmla="*/ 679765 h 976908"/>
                <a:gd name="connsiteX7" fmla="*/ 1189170 w 1542543"/>
                <a:gd name="connsiteY7" fmla="*/ 914032 h 976908"/>
                <a:gd name="connsiteX8" fmla="*/ 1507637 w 1542543"/>
                <a:gd name="connsiteY8" fmla="*/ 786693 h 976908"/>
                <a:gd name="connsiteX9" fmla="*/ 1173267 w 1542543"/>
                <a:gd name="connsiteY9" fmla="*/ 634312 h 976908"/>
                <a:gd name="connsiteX10" fmla="*/ 1250585 w 1542543"/>
                <a:gd name="connsiteY10" fmla="*/ 450008 h 976908"/>
                <a:gd name="connsiteX11" fmla="*/ 984454 w 1542543"/>
                <a:gd name="connsiteY11" fmla="*/ 340826 h 976908"/>
                <a:gd name="connsiteX12" fmla="*/ 909391 w 1542543"/>
                <a:gd name="connsiteY12" fmla="*/ 450008 h 976908"/>
                <a:gd name="connsiteX13" fmla="*/ 766089 w 1542543"/>
                <a:gd name="connsiteY13" fmla="*/ 388593 h 976908"/>
                <a:gd name="connsiteX14" fmla="*/ 800209 w 1542543"/>
                <a:gd name="connsiteY14" fmla="*/ 204349 h 976908"/>
                <a:gd name="connsiteX0" fmla="*/ 800209 w 1542543"/>
                <a:gd name="connsiteY0" fmla="*/ 204349 h 976908"/>
                <a:gd name="connsiteX1" fmla="*/ 196266 w 1542543"/>
                <a:gd name="connsiteY1" fmla="*/ 12686 h 976908"/>
                <a:gd name="connsiteX2" fmla="*/ 147370 w 1542543"/>
                <a:gd name="connsiteY2" fmla="*/ 306113 h 976908"/>
                <a:gd name="connsiteX3" fmla="*/ 12021 w 1542543"/>
                <a:gd name="connsiteY3" fmla="*/ 518188 h 976908"/>
                <a:gd name="connsiteX4" fmla="*/ 636377 w 1542543"/>
                <a:gd name="connsiteY4" fmla="*/ 741181 h 976908"/>
                <a:gd name="connsiteX5" fmla="*/ 705803 w 1542543"/>
                <a:gd name="connsiteY5" fmla="*/ 624047 h 976908"/>
                <a:gd name="connsiteX6" fmla="*/ 859369 w 1542543"/>
                <a:gd name="connsiteY6" fmla="*/ 679765 h 976908"/>
                <a:gd name="connsiteX7" fmla="*/ 1189170 w 1542543"/>
                <a:gd name="connsiteY7" fmla="*/ 914032 h 976908"/>
                <a:gd name="connsiteX8" fmla="*/ 1507637 w 1542543"/>
                <a:gd name="connsiteY8" fmla="*/ 786693 h 976908"/>
                <a:gd name="connsiteX9" fmla="*/ 1173267 w 1542543"/>
                <a:gd name="connsiteY9" fmla="*/ 634312 h 976908"/>
                <a:gd name="connsiteX10" fmla="*/ 1250585 w 1542543"/>
                <a:gd name="connsiteY10" fmla="*/ 450008 h 976908"/>
                <a:gd name="connsiteX11" fmla="*/ 984454 w 1542543"/>
                <a:gd name="connsiteY11" fmla="*/ 340826 h 976908"/>
                <a:gd name="connsiteX12" fmla="*/ 909391 w 1542543"/>
                <a:gd name="connsiteY12" fmla="*/ 450008 h 976908"/>
                <a:gd name="connsiteX13" fmla="*/ 766089 w 1542543"/>
                <a:gd name="connsiteY13" fmla="*/ 388593 h 976908"/>
                <a:gd name="connsiteX14" fmla="*/ 800209 w 1542543"/>
                <a:gd name="connsiteY14" fmla="*/ 204349 h 976908"/>
                <a:gd name="connsiteX0" fmla="*/ 800209 w 1522966"/>
                <a:gd name="connsiteY0" fmla="*/ 204349 h 975249"/>
                <a:gd name="connsiteX1" fmla="*/ 196266 w 1522966"/>
                <a:gd name="connsiteY1" fmla="*/ 12686 h 975249"/>
                <a:gd name="connsiteX2" fmla="*/ 147370 w 1522966"/>
                <a:gd name="connsiteY2" fmla="*/ 306113 h 975249"/>
                <a:gd name="connsiteX3" fmla="*/ 12021 w 1522966"/>
                <a:gd name="connsiteY3" fmla="*/ 518188 h 975249"/>
                <a:gd name="connsiteX4" fmla="*/ 636377 w 1522966"/>
                <a:gd name="connsiteY4" fmla="*/ 741181 h 975249"/>
                <a:gd name="connsiteX5" fmla="*/ 705803 w 1522966"/>
                <a:gd name="connsiteY5" fmla="*/ 624047 h 975249"/>
                <a:gd name="connsiteX6" fmla="*/ 859369 w 1522966"/>
                <a:gd name="connsiteY6" fmla="*/ 679765 h 975249"/>
                <a:gd name="connsiteX7" fmla="*/ 1189170 w 1522966"/>
                <a:gd name="connsiteY7" fmla="*/ 914032 h 975249"/>
                <a:gd name="connsiteX8" fmla="*/ 1507637 w 1522966"/>
                <a:gd name="connsiteY8" fmla="*/ 786693 h 975249"/>
                <a:gd name="connsiteX9" fmla="*/ 1173267 w 1522966"/>
                <a:gd name="connsiteY9" fmla="*/ 634312 h 975249"/>
                <a:gd name="connsiteX10" fmla="*/ 1250585 w 1522966"/>
                <a:gd name="connsiteY10" fmla="*/ 450008 h 975249"/>
                <a:gd name="connsiteX11" fmla="*/ 984454 w 1522966"/>
                <a:gd name="connsiteY11" fmla="*/ 340826 h 975249"/>
                <a:gd name="connsiteX12" fmla="*/ 909391 w 1522966"/>
                <a:gd name="connsiteY12" fmla="*/ 450008 h 975249"/>
                <a:gd name="connsiteX13" fmla="*/ 766089 w 1522966"/>
                <a:gd name="connsiteY13" fmla="*/ 388593 h 975249"/>
                <a:gd name="connsiteX14" fmla="*/ 800209 w 1522966"/>
                <a:gd name="connsiteY14" fmla="*/ 204349 h 975249"/>
                <a:gd name="connsiteX0" fmla="*/ 800209 w 1538655"/>
                <a:gd name="connsiteY0" fmla="*/ 204349 h 976321"/>
                <a:gd name="connsiteX1" fmla="*/ 196266 w 1538655"/>
                <a:gd name="connsiteY1" fmla="*/ 12686 h 976321"/>
                <a:gd name="connsiteX2" fmla="*/ 147370 w 1538655"/>
                <a:gd name="connsiteY2" fmla="*/ 306113 h 976321"/>
                <a:gd name="connsiteX3" fmla="*/ 12021 w 1538655"/>
                <a:gd name="connsiteY3" fmla="*/ 518188 h 976321"/>
                <a:gd name="connsiteX4" fmla="*/ 636377 w 1538655"/>
                <a:gd name="connsiteY4" fmla="*/ 741181 h 976321"/>
                <a:gd name="connsiteX5" fmla="*/ 705803 w 1538655"/>
                <a:gd name="connsiteY5" fmla="*/ 624047 h 976321"/>
                <a:gd name="connsiteX6" fmla="*/ 859369 w 1538655"/>
                <a:gd name="connsiteY6" fmla="*/ 679765 h 976321"/>
                <a:gd name="connsiteX7" fmla="*/ 1189170 w 1538655"/>
                <a:gd name="connsiteY7" fmla="*/ 914032 h 976321"/>
                <a:gd name="connsiteX8" fmla="*/ 1507637 w 1538655"/>
                <a:gd name="connsiteY8" fmla="*/ 786693 h 976321"/>
                <a:gd name="connsiteX9" fmla="*/ 1173267 w 1538655"/>
                <a:gd name="connsiteY9" fmla="*/ 634312 h 976321"/>
                <a:gd name="connsiteX10" fmla="*/ 1250585 w 1538655"/>
                <a:gd name="connsiteY10" fmla="*/ 450008 h 976321"/>
                <a:gd name="connsiteX11" fmla="*/ 984454 w 1538655"/>
                <a:gd name="connsiteY11" fmla="*/ 340826 h 976321"/>
                <a:gd name="connsiteX12" fmla="*/ 909391 w 1538655"/>
                <a:gd name="connsiteY12" fmla="*/ 450008 h 976321"/>
                <a:gd name="connsiteX13" fmla="*/ 766089 w 1538655"/>
                <a:gd name="connsiteY13" fmla="*/ 388593 h 976321"/>
                <a:gd name="connsiteX14" fmla="*/ 800209 w 1538655"/>
                <a:gd name="connsiteY14" fmla="*/ 204349 h 976321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84454 w 1556774"/>
                <a:gd name="connsiteY11" fmla="*/ 340826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50008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56774"/>
                <a:gd name="connsiteY0" fmla="*/ 204349 h 981339"/>
                <a:gd name="connsiteX1" fmla="*/ 196266 w 1556774"/>
                <a:gd name="connsiteY1" fmla="*/ 12686 h 981339"/>
                <a:gd name="connsiteX2" fmla="*/ 147370 w 1556774"/>
                <a:gd name="connsiteY2" fmla="*/ 306113 h 981339"/>
                <a:gd name="connsiteX3" fmla="*/ 12021 w 1556774"/>
                <a:gd name="connsiteY3" fmla="*/ 518188 h 981339"/>
                <a:gd name="connsiteX4" fmla="*/ 636377 w 1556774"/>
                <a:gd name="connsiteY4" fmla="*/ 741181 h 981339"/>
                <a:gd name="connsiteX5" fmla="*/ 705803 w 1556774"/>
                <a:gd name="connsiteY5" fmla="*/ 624047 h 981339"/>
                <a:gd name="connsiteX6" fmla="*/ 859369 w 1556774"/>
                <a:gd name="connsiteY6" fmla="*/ 679765 h 981339"/>
                <a:gd name="connsiteX7" fmla="*/ 1189170 w 1556774"/>
                <a:gd name="connsiteY7" fmla="*/ 914032 h 981339"/>
                <a:gd name="connsiteX8" fmla="*/ 1507637 w 1556774"/>
                <a:gd name="connsiteY8" fmla="*/ 786693 h 981339"/>
                <a:gd name="connsiteX9" fmla="*/ 1173267 w 1556774"/>
                <a:gd name="connsiteY9" fmla="*/ 634312 h 981339"/>
                <a:gd name="connsiteX10" fmla="*/ 1250585 w 1556774"/>
                <a:gd name="connsiteY10" fmla="*/ 438081 h 981339"/>
                <a:gd name="connsiteX11" fmla="*/ 964576 w 1556774"/>
                <a:gd name="connsiteY11" fmla="*/ 344802 h 981339"/>
                <a:gd name="connsiteX12" fmla="*/ 909391 w 1556774"/>
                <a:gd name="connsiteY12" fmla="*/ 450008 h 981339"/>
                <a:gd name="connsiteX13" fmla="*/ 766089 w 1556774"/>
                <a:gd name="connsiteY13" fmla="*/ 388593 h 981339"/>
                <a:gd name="connsiteX14" fmla="*/ 800209 w 1556774"/>
                <a:gd name="connsiteY14" fmla="*/ 204349 h 981339"/>
                <a:gd name="connsiteX0" fmla="*/ 800209 w 1527868"/>
                <a:gd name="connsiteY0" fmla="*/ 204349 h 975126"/>
                <a:gd name="connsiteX1" fmla="*/ 196266 w 1527868"/>
                <a:gd name="connsiteY1" fmla="*/ 12686 h 975126"/>
                <a:gd name="connsiteX2" fmla="*/ 147370 w 1527868"/>
                <a:gd name="connsiteY2" fmla="*/ 306113 h 975126"/>
                <a:gd name="connsiteX3" fmla="*/ 12021 w 1527868"/>
                <a:gd name="connsiteY3" fmla="*/ 518188 h 975126"/>
                <a:gd name="connsiteX4" fmla="*/ 636377 w 1527868"/>
                <a:gd name="connsiteY4" fmla="*/ 741181 h 975126"/>
                <a:gd name="connsiteX5" fmla="*/ 705803 w 1527868"/>
                <a:gd name="connsiteY5" fmla="*/ 624047 h 975126"/>
                <a:gd name="connsiteX6" fmla="*/ 859369 w 1527868"/>
                <a:gd name="connsiteY6" fmla="*/ 679765 h 975126"/>
                <a:gd name="connsiteX7" fmla="*/ 1189170 w 1527868"/>
                <a:gd name="connsiteY7" fmla="*/ 914032 h 975126"/>
                <a:gd name="connsiteX8" fmla="*/ 1467881 w 1527868"/>
                <a:gd name="connsiteY8" fmla="*/ 742961 h 975126"/>
                <a:gd name="connsiteX9" fmla="*/ 1173267 w 1527868"/>
                <a:gd name="connsiteY9" fmla="*/ 634312 h 975126"/>
                <a:gd name="connsiteX10" fmla="*/ 1250585 w 1527868"/>
                <a:gd name="connsiteY10" fmla="*/ 438081 h 975126"/>
                <a:gd name="connsiteX11" fmla="*/ 964576 w 1527868"/>
                <a:gd name="connsiteY11" fmla="*/ 344802 h 975126"/>
                <a:gd name="connsiteX12" fmla="*/ 909391 w 1527868"/>
                <a:gd name="connsiteY12" fmla="*/ 450008 h 975126"/>
                <a:gd name="connsiteX13" fmla="*/ 766089 w 1527868"/>
                <a:gd name="connsiteY13" fmla="*/ 388593 h 975126"/>
                <a:gd name="connsiteX14" fmla="*/ 800209 w 1527868"/>
                <a:gd name="connsiteY14" fmla="*/ 204349 h 975126"/>
                <a:gd name="connsiteX0" fmla="*/ 800209 w 1527868"/>
                <a:gd name="connsiteY0" fmla="*/ 204349 h 975126"/>
                <a:gd name="connsiteX1" fmla="*/ 196266 w 1527868"/>
                <a:gd name="connsiteY1" fmla="*/ 12686 h 975126"/>
                <a:gd name="connsiteX2" fmla="*/ 147370 w 1527868"/>
                <a:gd name="connsiteY2" fmla="*/ 306113 h 975126"/>
                <a:gd name="connsiteX3" fmla="*/ 12021 w 1527868"/>
                <a:gd name="connsiteY3" fmla="*/ 518188 h 975126"/>
                <a:gd name="connsiteX4" fmla="*/ 636377 w 1527868"/>
                <a:gd name="connsiteY4" fmla="*/ 741181 h 975126"/>
                <a:gd name="connsiteX5" fmla="*/ 705803 w 1527868"/>
                <a:gd name="connsiteY5" fmla="*/ 624047 h 975126"/>
                <a:gd name="connsiteX6" fmla="*/ 859369 w 1527868"/>
                <a:gd name="connsiteY6" fmla="*/ 679765 h 975126"/>
                <a:gd name="connsiteX7" fmla="*/ 1189170 w 1527868"/>
                <a:gd name="connsiteY7" fmla="*/ 914032 h 975126"/>
                <a:gd name="connsiteX8" fmla="*/ 1467881 w 1527868"/>
                <a:gd name="connsiteY8" fmla="*/ 742961 h 975126"/>
                <a:gd name="connsiteX9" fmla="*/ 1173267 w 1527868"/>
                <a:gd name="connsiteY9" fmla="*/ 634312 h 975126"/>
                <a:gd name="connsiteX10" fmla="*/ 1250585 w 1527868"/>
                <a:gd name="connsiteY10" fmla="*/ 438081 h 975126"/>
                <a:gd name="connsiteX11" fmla="*/ 964576 w 1527868"/>
                <a:gd name="connsiteY11" fmla="*/ 344802 h 975126"/>
                <a:gd name="connsiteX12" fmla="*/ 909391 w 1527868"/>
                <a:gd name="connsiteY12" fmla="*/ 450008 h 975126"/>
                <a:gd name="connsiteX13" fmla="*/ 766089 w 1527868"/>
                <a:gd name="connsiteY13" fmla="*/ 388593 h 975126"/>
                <a:gd name="connsiteX14" fmla="*/ 800209 w 1527868"/>
                <a:gd name="connsiteY14" fmla="*/ 204349 h 975126"/>
                <a:gd name="connsiteX0" fmla="*/ 800209 w 1499884"/>
                <a:gd name="connsiteY0" fmla="*/ 204349 h 986483"/>
                <a:gd name="connsiteX1" fmla="*/ 196266 w 1499884"/>
                <a:gd name="connsiteY1" fmla="*/ 12686 h 986483"/>
                <a:gd name="connsiteX2" fmla="*/ 147370 w 1499884"/>
                <a:gd name="connsiteY2" fmla="*/ 306113 h 986483"/>
                <a:gd name="connsiteX3" fmla="*/ 12021 w 1499884"/>
                <a:gd name="connsiteY3" fmla="*/ 518188 h 986483"/>
                <a:gd name="connsiteX4" fmla="*/ 636377 w 1499884"/>
                <a:gd name="connsiteY4" fmla="*/ 741181 h 986483"/>
                <a:gd name="connsiteX5" fmla="*/ 705803 w 1499884"/>
                <a:gd name="connsiteY5" fmla="*/ 624047 h 986483"/>
                <a:gd name="connsiteX6" fmla="*/ 859369 w 1499884"/>
                <a:gd name="connsiteY6" fmla="*/ 679765 h 986483"/>
                <a:gd name="connsiteX7" fmla="*/ 1189170 w 1499884"/>
                <a:gd name="connsiteY7" fmla="*/ 914032 h 986483"/>
                <a:gd name="connsiteX8" fmla="*/ 1467881 w 1499884"/>
                <a:gd name="connsiteY8" fmla="*/ 742961 h 986483"/>
                <a:gd name="connsiteX9" fmla="*/ 1173267 w 1499884"/>
                <a:gd name="connsiteY9" fmla="*/ 634312 h 986483"/>
                <a:gd name="connsiteX10" fmla="*/ 1250585 w 1499884"/>
                <a:gd name="connsiteY10" fmla="*/ 438081 h 986483"/>
                <a:gd name="connsiteX11" fmla="*/ 964576 w 1499884"/>
                <a:gd name="connsiteY11" fmla="*/ 344802 h 986483"/>
                <a:gd name="connsiteX12" fmla="*/ 909391 w 1499884"/>
                <a:gd name="connsiteY12" fmla="*/ 450008 h 986483"/>
                <a:gd name="connsiteX13" fmla="*/ 766089 w 1499884"/>
                <a:gd name="connsiteY13" fmla="*/ 388593 h 986483"/>
                <a:gd name="connsiteX14" fmla="*/ 800209 w 1499884"/>
                <a:gd name="connsiteY14" fmla="*/ 204349 h 986483"/>
                <a:gd name="connsiteX0" fmla="*/ 800209 w 1505435"/>
                <a:gd name="connsiteY0" fmla="*/ 204349 h 1015754"/>
                <a:gd name="connsiteX1" fmla="*/ 196266 w 1505435"/>
                <a:gd name="connsiteY1" fmla="*/ 12686 h 1015754"/>
                <a:gd name="connsiteX2" fmla="*/ 147370 w 1505435"/>
                <a:gd name="connsiteY2" fmla="*/ 306113 h 1015754"/>
                <a:gd name="connsiteX3" fmla="*/ 12021 w 1505435"/>
                <a:gd name="connsiteY3" fmla="*/ 518188 h 1015754"/>
                <a:gd name="connsiteX4" fmla="*/ 636377 w 1505435"/>
                <a:gd name="connsiteY4" fmla="*/ 741181 h 1015754"/>
                <a:gd name="connsiteX5" fmla="*/ 705803 w 1505435"/>
                <a:gd name="connsiteY5" fmla="*/ 624047 h 1015754"/>
                <a:gd name="connsiteX6" fmla="*/ 859369 w 1505435"/>
                <a:gd name="connsiteY6" fmla="*/ 679765 h 1015754"/>
                <a:gd name="connsiteX7" fmla="*/ 1189170 w 1505435"/>
                <a:gd name="connsiteY7" fmla="*/ 914032 h 1015754"/>
                <a:gd name="connsiteX8" fmla="*/ 1467881 w 1505435"/>
                <a:gd name="connsiteY8" fmla="*/ 742961 h 1015754"/>
                <a:gd name="connsiteX9" fmla="*/ 1173267 w 1505435"/>
                <a:gd name="connsiteY9" fmla="*/ 634312 h 1015754"/>
                <a:gd name="connsiteX10" fmla="*/ 1250585 w 1505435"/>
                <a:gd name="connsiteY10" fmla="*/ 438081 h 1015754"/>
                <a:gd name="connsiteX11" fmla="*/ 964576 w 1505435"/>
                <a:gd name="connsiteY11" fmla="*/ 344802 h 1015754"/>
                <a:gd name="connsiteX12" fmla="*/ 909391 w 1505435"/>
                <a:gd name="connsiteY12" fmla="*/ 450008 h 1015754"/>
                <a:gd name="connsiteX13" fmla="*/ 766089 w 1505435"/>
                <a:gd name="connsiteY13" fmla="*/ 388593 h 1015754"/>
                <a:gd name="connsiteX14" fmla="*/ 800209 w 1505435"/>
                <a:gd name="connsiteY14" fmla="*/ 204349 h 101575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505435" h="1015754">
                  <a:moveTo>
                    <a:pt x="800209" y="204349"/>
                  </a:moveTo>
                  <a:cubicBezTo>
                    <a:pt x="598895" y="140461"/>
                    <a:pt x="302164" y="-50647"/>
                    <a:pt x="196266" y="12686"/>
                  </a:cubicBezTo>
                  <a:cubicBezTo>
                    <a:pt x="103106" y="72064"/>
                    <a:pt x="168969" y="214930"/>
                    <a:pt x="147370" y="306113"/>
                  </a:cubicBezTo>
                  <a:cubicBezTo>
                    <a:pt x="102254" y="376805"/>
                    <a:pt x="-42253" y="455447"/>
                    <a:pt x="12021" y="518188"/>
                  </a:cubicBezTo>
                  <a:cubicBezTo>
                    <a:pt x="164480" y="669383"/>
                    <a:pt x="559454" y="713233"/>
                    <a:pt x="636377" y="741181"/>
                  </a:cubicBezTo>
                  <a:cubicBezTo>
                    <a:pt x="696624" y="733941"/>
                    <a:pt x="677361" y="671042"/>
                    <a:pt x="705803" y="624047"/>
                  </a:cubicBezTo>
                  <a:lnTo>
                    <a:pt x="859369" y="679765"/>
                  </a:lnTo>
                  <a:cubicBezTo>
                    <a:pt x="850034" y="889051"/>
                    <a:pt x="1063333" y="847870"/>
                    <a:pt x="1189170" y="914032"/>
                  </a:cubicBezTo>
                  <a:cubicBezTo>
                    <a:pt x="1618678" y="1176386"/>
                    <a:pt x="1495571" y="862271"/>
                    <a:pt x="1467881" y="742961"/>
                  </a:cubicBezTo>
                  <a:cubicBezTo>
                    <a:pt x="1356424" y="685542"/>
                    <a:pt x="1304603" y="671853"/>
                    <a:pt x="1173267" y="634312"/>
                  </a:cubicBezTo>
                  <a:cubicBezTo>
                    <a:pt x="1199040" y="568902"/>
                    <a:pt x="1292398" y="479637"/>
                    <a:pt x="1250585" y="438081"/>
                  </a:cubicBezTo>
                  <a:cubicBezTo>
                    <a:pt x="1165850" y="405662"/>
                    <a:pt x="1045335" y="381196"/>
                    <a:pt x="964576" y="344802"/>
                  </a:cubicBezTo>
                  <a:cubicBezTo>
                    <a:pt x="930279" y="379871"/>
                    <a:pt x="927786" y="414939"/>
                    <a:pt x="909391" y="450008"/>
                  </a:cubicBezTo>
                  <a:lnTo>
                    <a:pt x="766089" y="388593"/>
                  </a:lnTo>
                  <a:lnTo>
                    <a:pt x="800209" y="204349"/>
                  </a:lnTo>
                  <a:close/>
                </a:path>
              </a:pathLst>
            </a:cu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 sz="2700"/>
            </a:p>
          </p:txBody>
        </p:sp>
      </p:grpSp>
      <p:sp>
        <p:nvSpPr>
          <p:cNvPr id="69" name="Freeform 107">
            <a:extLst>
              <a:ext uri="{FF2B5EF4-FFF2-40B4-BE49-F238E27FC236}">
                <a16:creationId xmlns:a16="http://schemas.microsoft.com/office/drawing/2014/main" id="{5F7DADB8-BA7C-4AE5-BF1E-BC82543D1EA9}"/>
              </a:ext>
            </a:extLst>
          </p:cNvPr>
          <p:cNvSpPr>
            <a:spLocks noChangeAspect="1"/>
          </p:cNvSpPr>
          <p:nvPr/>
        </p:nvSpPr>
        <p:spPr>
          <a:xfrm>
            <a:off x="9618682" y="2429101"/>
            <a:ext cx="169894" cy="529812"/>
          </a:xfrm>
          <a:custGeom>
            <a:avLst/>
            <a:gdLst>
              <a:gd name="connsiteX0" fmla="*/ 430619 w 798902"/>
              <a:gd name="connsiteY0" fmla="*/ 1331843 h 2449001"/>
              <a:gd name="connsiteX1" fmla="*/ 541938 w 798902"/>
              <a:gd name="connsiteY1" fmla="*/ 1379551 h 2449001"/>
              <a:gd name="connsiteX2" fmla="*/ 780476 w 798902"/>
              <a:gd name="connsiteY2" fmla="*/ 1375575 h 2449001"/>
              <a:gd name="connsiteX3" fmla="*/ 625426 w 798902"/>
              <a:gd name="connsiteY3" fmla="*/ 1741335 h 2449001"/>
              <a:gd name="connsiteX4" fmla="*/ 609523 w 798902"/>
              <a:gd name="connsiteY4" fmla="*/ 2441050 h 2449001"/>
              <a:gd name="connsiteX5" fmla="*/ 319301 w 798902"/>
              <a:gd name="connsiteY5" fmla="*/ 2445025 h 2449001"/>
              <a:gd name="connsiteX6" fmla="*/ 211958 w 798902"/>
              <a:gd name="connsiteY6" fmla="*/ 1673750 h 2449001"/>
              <a:gd name="connsiteX7" fmla="*/ 207983 w 798902"/>
              <a:gd name="connsiteY7" fmla="*/ 2441050 h 2449001"/>
              <a:gd name="connsiteX8" fmla="*/ 136421 w 798902"/>
              <a:gd name="connsiteY8" fmla="*/ 2449001 h 2449001"/>
              <a:gd name="connsiteX9" fmla="*/ 5224 w 798902"/>
              <a:gd name="connsiteY9" fmla="*/ 1701579 h 2449001"/>
              <a:gd name="connsiteX10" fmla="*/ 37029 w 798902"/>
              <a:gd name="connsiteY10" fmla="*/ 1582309 h 2449001"/>
              <a:gd name="connsiteX11" fmla="*/ 76786 w 798902"/>
              <a:gd name="connsiteY11" fmla="*/ 1566407 h 2449001"/>
              <a:gd name="connsiteX12" fmla="*/ 89266 w 798902"/>
              <a:gd name="connsiteY12" fmla="*/ 1389262 h 2449001"/>
              <a:gd name="connsiteX13" fmla="*/ 339179 w 798902"/>
              <a:gd name="connsiteY13" fmla="*/ 1375575 h 2449001"/>
              <a:gd name="connsiteX14" fmla="*/ 430619 w 798902"/>
              <a:gd name="connsiteY14" fmla="*/ 1331843 h 2449001"/>
              <a:gd name="connsiteX15" fmla="*/ 243762 w 798902"/>
              <a:gd name="connsiteY15" fmla="*/ 0 h 2449001"/>
              <a:gd name="connsiteX16" fmla="*/ 557838 w 798902"/>
              <a:gd name="connsiteY16" fmla="*/ 0 h 2449001"/>
              <a:gd name="connsiteX17" fmla="*/ 689036 w 798902"/>
              <a:gd name="connsiteY17" fmla="*/ 962108 h 2449001"/>
              <a:gd name="connsiteX18" fmla="*/ 724816 w 798902"/>
              <a:gd name="connsiteY18" fmla="*/ 1307990 h 2449001"/>
              <a:gd name="connsiteX19" fmla="*/ 414715 w 798902"/>
              <a:gd name="connsiteY19" fmla="*/ 1268233 h 2449001"/>
              <a:gd name="connsiteX20" fmla="*/ 104615 w 798902"/>
              <a:gd name="connsiteY20" fmla="*/ 1288111 h 2449001"/>
              <a:gd name="connsiteX21" fmla="*/ 124493 w 798902"/>
              <a:gd name="connsiteY21" fmla="*/ 1017766 h 2449001"/>
              <a:gd name="connsiteX22" fmla="*/ 243762 w 798902"/>
              <a:gd name="connsiteY22" fmla="*/ 0 h 2449001"/>
              <a:gd name="connsiteX0" fmla="*/ 430619 w 798902"/>
              <a:gd name="connsiteY0" fmla="*/ 1331843 h 2449001"/>
              <a:gd name="connsiteX1" fmla="*/ 541938 w 798902"/>
              <a:gd name="connsiteY1" fmla="*/ 1379551 h 2449001"/>
              <a:gd name="connsiteX2" fmla="*/ 780476 w 798902"/>
              <a:gd name="connsiteY2" fmla="*/ 1375575 h 2449001"/>
              <a:gd name="connsiteX3" fmla="*/ 625426 w 798902"/>
              <a:gd name="connsiteY3" fmla="*/ 1741335 h 2449001"/>
              <a:gd name="connsiteX4" fmla="*/ 609523 w 798902"/>
              <a:gd name="connsiteY4" fmla="*/ 2441050 h 2449001"/>
              <a:gd name="connsiteX5" fmla="*/ 319301 w 798902"/>
              <a:gd name="connsiteY5" fmla="*/ 2445025 h 2449001"/>
              <a:gd name="connsiteX6" fmla="*/ 211958 w 798902"/>
              <a:gd name="connsiteY6" fmla="*/ 1673750 h 2449001"/>
              <a:gd name="connsiteX7" fmla="*/ 207983 w 798902"/>
              <a:gd name="connsiteY7" fmla="*/ 2441050 h 2449001"/>
              <a:gd name="connsiteX8" fmla="*/ 136421 w 798902"/>
              <a:gd name="connsiteY8" fmla="*/ 2449001 h 2449001"/>
              <a:gd name="connsiteX9" fmla="*/ 5224 w 798902"/>
              <a:gd name="connsiteY9" fmla="*/ 1701579 h 2449001"/>
              <a:gd name="connsiteX10" fmla="*/ 37029 w 798902"/>
              <a:gd name="connsiteY10" fmla="*/ 1582309 h 2449001"/>
              <a:gd name="connsiteX11" fmla="*/ 76786 w 798902"/>
              <a:gd name="connsiteY11" fmla="*/ 1566407 h 2449001"/>
              <a:gd name="connsiteX12" fmla="*/ 89266 w 798902"/>
              <a:gd name="connsiteY12" fmla="*/ 1389262 h 2449001"/>
              <a:gd name="connsiteX13" fmla="*/ 339179 w 798902"/>
              <a:gd name="connsiteY13" fmla="*/ 1375575 h 2449001"/>
              <a:gd name="connsiteX14" fmla="*/ 430619 w 798902"/>
              <a:gd name="connsiteY14" fmla="*/ 1331843 h 2449001"/>
              <a:gd name="connsiteX15" fmla="*/ 243762 w 798902"/>
              <a:gd name="connsiteY15" fmla="*/ 0 h 2449001"/>
              <a:gd name="connsiteX16" fmla="*/ 557838 w 798902"/>
              <a:gd name="connsiteY16" fmla="*/ 0 h 2449001"/>
              <a:gd name="connsiteX17" fmla="*/ 689036 w 798902"/>
              <a:gd name="connsiteY17" fmla="*/ 962108 h 2449001"/>
              <a:gd name="connsiteX18" fmla="*/ 724816 w 798902"/>
              <a:gd name="connsiteY18" fmla="*/ 1307990 h 2449001"/>
              <a:gd name="connsiteX19" fmla="*/ 414715 w 798902"/>
              <a:gd name="connsiteY19" fmla="*/ 1268233 h 2449001"/>
              <a:gd name="connsiteX20" fmla="*/ 104615 w 798902"/>
              <a:gd name="connsiteY20" fmla="*/ 1288111 h 2449001"/>
              <a:gd name="connsiteX21" fmla="*/ 124493 w 798902"/>
              <a:gd name="connsiteY21" fmla="*/ 1017766 h 2449001"/>
              <a:gd name="connsiteX22" fmla="*/ 243762 w 798902"/>
              <a:gd name="connsiteY22" fmla="*/ 0 h 2449001"/>
              <a:gd name="connsiteX0" fmla="*/ 430619 w 784764"/>
              <a:gd name="connsiteY0" fmla="*/ 1331843 h 2449001"/>
              <a:gd name="connsiteX1" fmla="*/ 541938 w 784764"/>
              <a:gd name="connsiteY1" fmla="*/ 1379551 h 2449001"/>
              <a:gd name="connsiteX2" fmla="*/ 763368 w 784764"/>
              <a:gd name="connsiteY2" fmla="*/ 1406369 h 2449001"/>
              <a:gd name="connsiteX3" fmla="*/ 625426 w 784764"/>
              <a:gd name="connsiteY3" fmla="*/ 1741335 h 2449001"/>
              <a:gd name="connsiteX4" fmla="*/ 609523 w 784764"/>
              <a:gd name="connsiteY4" fmla="*/ 2441050 h 2449001"/>
              <a:gd name="connsiteX5" fmla="*/ 319301 w 784764"/>
              <a:gd name="connsiteY5" fmla="*/ 2445025 h 2449001"/>
              <a:gd name="connsiteX6" fmla="*/ 211958 w 784764"/>
              <a:gd name="connsiteY6" fmla="*/ 1673750 h 2449001"/>
              <a:gd name="connsiteX7" fmla="*/ 207983 w 784764"/>
              <a:gd name="connsiteY7" fmla="*/ 2441050 h 2449001"/>
              <a:gd name="connsiteX8" fmla="*/ 136421 w 784764"/>
              <a:gd name="connsiteY8" fmla="*/ 2449001 h 2449001"/>
              <a:gd name="connsiteX9" fmla="*/ 5224 w 784764"/>
              <a:gd name="connsiteY9" fmla="*/ 1701579 h 2449001"/>
              <a:gd name="connsiteX10" fmla="*/ 37029 w 784764"/>
              <a:gd name="connsiteY10" fmla="*/ 1582309 h 2449001"/>
              <a:gd name="connsiteX11" fmla="*/ 76786 w 784764"/>
              <a:gd name="connsiteY11" fmla="*/ 1566407 h 2449001"/>
              <a:gd name="connsiteX12" fmla="*/ 89266 w 784764"/>
              <a:gd name="connsiteY12" fmla="*/ 1389262 h 2449001"/>
              <a:gd name="connsiteX13" fmla="*/ 339179 w 784764"/>
              <a:gd name="connsiteY13" fmla="*/ 1375575 h 2449001"/>
              <a:gd name="connsiteX14" fmla="*/ 430619 w 784764"/>
              <a:gd name="connsiteY14" fmla="*/ 1331843 h 2449001"/>
              <a:gd name="connsiteX15" fmla="*/ 243762 w 784764"/>
              <a:gd name="connsiteY15" fmla="*/ 0 h 2449001"/>
              <a:gd name="connsiteX16" fmla="*/ 557838 w 784764"/>
              <a:gd name="connsiteY16" fmla="*/ 0 h 2449001"/>
              <a:gd name="connsiteX17" fmla="*/ 689036 w 784764"/>
              <a:gd name="connsiteY17" fmla="*/ 962108 h 2449001"/>
              <a:gd name="connsiteX18" fmla="*/ 724816 w 784764"/>
              <a:gd name="connsiteY18" fmla="*/ 1307990 h 2449001"/>
              <a:gd name="connsiteX19" fmla="*/ 414715 w 784764"/>
              <a:gd name="connsiteY19" fmla="*/ 1268233 h 2449001"/>
              <a:gd name="connsiteX20" fmla="*/ 104615 w 784764"/>
              <a:gd name="connsiteY20" fmla="*/ 1288111 h 2449001"/>
              <a:gd name="connsiteX21" fmla="*/ 124493 w 784764"/>
              <a:gd name="connsiteY21" fmla="*/ 1017766 h 2449001"/>
              <a:gd name="connsiteX22" fmla="*/ 243762 w 784764"/>
              <a:gd name="connsiteY22" fmla="*/ 0 h 2449001"/>
              <a:gd name="connsiteX0" fmla="*/ 430619 w 784764"/>
              <a:gd name="connsiteY0" fmla="*/ 1331843 h 2449001"/>
              <a:gd name="connsiteX1" fmla="*/ 541938 w 784764"/>
              <a:gd name="connsiteY1" fmla="*/ 1379551 h 2449001"/>
              <a:gd name="connsiteX2" fmla="*/ 763368 w 784764"/>
              <a:gd name="connsiteY2" fmla="*/ 1406369 h 2449001"/>
              <a:gd name="connsiteX3" fmla="*/ 625426 w 784764"/>
              <a:gd name="connsiteY3" fmla="*/ 1741335 h 2449001"/>
              <a:gd name="connsiteX4" fmla="*/ 609523 w 784764"/>
              <a:gd name="connsiteY4" fmla="*/ 2441050 h 2449001"/>
              <a:gd name="connsiteX5" fmla="*/ 319301 w 784764"/>
              <a:gd name="connsiteY5" fmla="*/ 2445025 h 2449001"/>
              <a:gd name="connsiteX6" fmla="*/ 211958 w 784764"/>
              <a:gd name="connsiteY6" fmla="*/ 1673750 h 2449001"/>
              <a:gd name="connsiteX7" fmla="*/ 207983 w 784764"/>
              <a:gd name="connsiteY7" fmla="*/ 2441050 h 2449001"/>
              <a:gd name="connsiteX8" fmla="*/ 136421 w 784764"/>
              <a:gd name="connsiteY8" fmla="*/ 2449001 h 2449001"/>
              <a:gd name="connsiteX9" fmla="*/ 5224 w 784764"/>
              <a:gd name="connsiteY9" fmla="*/ 1701579 h 2449001"/>
              <a:gd name="connsiteX10" fmla="*/ 37029 w 784764"/>
              <a:gd name="connsiteY10" fmla="*/ 1582309 h 2449001"/>
              <a:gd name="connsiteX11" fmla="*/ 76786 w 784764"/>
              <a:gd name="connsiteY11" fmla="*/ 1566407 h 2449001"/>
              <a:gd name="connsiteX12" fmla="*/ 89266 w 784764"/>
              <a:gd name="connsiteY12" fmla="*/ 1389262 h 2449001"/>
              <a:gd name="connsiteX13" fmla="*/ 339179 w 784764"/>
              <a:gd name="connsiteY13" fmla="*/ 1375575 h 2449001"/>
              <a:gd name="connsiteX14" fmla="*/ 430619 w 784764"/>
              <a:gd name="connsiteY14" fmla="*/ 1331843 h 2449001"/>
              <a:gd name="connsiteX15" fmla="*/ 243762 w 784764"/>
              <a:gd name="connsiteY15" fmla="*/ 0 h 2449001"/>
              <a:gd name="connsiteX16" fmla="*/ 557838 w 784764"/>
              <a:gd name="connsiteY16" fmla="*/ 0 h 2449001"/>
              <a:gd name="connsiteX17" fmla="*/ 689036 w 784764"/>
              <a:gd name="connsiteY17" fmla="*/ 962108 h 2449001"/>
              <a:gd name="connsiteX18" fmla="*/ 724816 w 784764"/>
              <a:gd name="connsiteY18" fmla="*/ 1307990 h 2449001"/>
              <a:gd name="connsiteX19" fmla="*/ 414715 w 784764"/>
              <a:gd name="connsiteY19" fmla="*/ 1268233 h 2449001"/>
              <a:gd name="connsiteX20" fmla="*/ 104615 w 784764"/>
              <a:gd name="connsiteY20" fmla="*/ 1288111 h 2449001"/>
              <a:gd name="connsiteX21" fmla="*/ 124493 w 784764"/>
              <a:gd name="connsiteY21" fmla="*/ 1017766 h 2449001"/>
              <a:gd name="connsiteX22" fmla="*/ 243762 w 784764"/>
              <a:gd name="connsiteY22" fmla="*/ 0 h 2449001"/>
              <a:gd name="connsiteX0" fmla="*/ 430619 w 784764"/>
              <a:gd name="connsiteY0" fmla="*/ 1331843 h 2449001"/>
              <a:gd name="connsiteX1" fmla="*/ 541938 w 784764"/>
              <a:gd name="connsiteY1" fmla="*/ 1379551 h 2449001"/>
              <a:gd name="connsiteX2" fmla="*/ 763368 w 784764"/>
              <a:gd name="connsiteY2" fmla="*/ 1406369 h 2449001"/>
              <a:gd name="connsiteX3" fmla="*/ 625426 w 784764"/>
              <a:gd name="connsiteY3" fmla="*/ 1741335 h 2449001"/>
              <a:gd name="connsiteX4" fmla="*/ 609523 w 784764"/>
              <a:gd name="connsiteY4" fmla="*/ 2441050 h 2449001"/>
              <a:gd name="connsiteX5" fmla="*/ 319301 w 784764"/>
              <a:gd name="connsiteY5" fmla="*/ 2445025 h 2449001"/>
              <a:gd name="connsiteX6" fmla="*/ 211958 w 784764"/>
              <a:gd name="connsiteY6" fmla="*/ 1673750 h 2449001"/>
              <a:gd name="connsiteX7" fmla="*/ 207983 w 784764"/>
              <a:gd name="connsiteY7" fmla="*/ 2441050 h 2449001"/>
              <a:gd name="connsiteX8" fmla="*/ 136421 w 784764"/>
              <a:gd name="connsiteY8" fmla="*/ 2449001 h 2449001"/>
              <a:gd name="connsiteX9" fmla="*/ 5224 w 784764"/>
              <a:gd name="connsiteY9" fmla="*/ 1701579 h 2449001"/>
              <a:gd name="connsiteX10" fmla="*/ 37029 w 784764"/>
              <a:gd name="connsiteY10" fmla="*/ 1582309 h 2449001"/>
              <a:gd name="connsiteX11" fmla="*/ 76786 w 784764"/>
              <a:gd name="connsiteY11" fmla="*/ 1566407 h 2449001"/>
              <a:gd name="connsiteX12" fmla="*/ 89266 w 784764"/>
              <a:gd name="connsiteY12" fmla="*/ 1389262 h 2449001"/>
              <a:gd name="connsiteX13" fmla="*/ 339179 w 784764"/>
              <a:gd name="connsiteY13" fmla="*/ 1375575 h 2449001"/>
              <a:gd name="connsiteX14" fmla="*/ 430619 w 784764"/>
              <a:gd name="connsiteY14" fmla="*/ 1331843 h 2449001"/>
              <a:gd name="connsiteX15" fmla="*/ 243762 w 784764"/>
              <a:gd name="connsiteY15" fmla="*/ 0 h 2449001"/>
              <a:gd name="connsiteX16" fmla="*/ 557838 w 784764"/>
              <a:gd name="connsiteY16" fmla="*/ 0 h 2449001"/>
              <a:gd name="connsiteX17" fmla="*/ 689036 w 784764"/>
              <a:gd name="connsiteY17" fmla="*/ 962108 h 2449001"/>
              <a:gd name="connsiteX18" fmla="*/ 724816 w 784764"/>
              <a:gd name="connsiteY18" fmla="*/ 1307990 h 2449001"/>
              <a:gd name="connsiteX19" fmla="*/ 414715 w 784764"/>
              <a:gd name="connsiteY19" fmla="*/ 1268233 h 2449001"/>
              <a:gd name="connsiteX20" fmla="*/ 104615 w 784764"/>
              <a:gd name="connsiteY20" fmla="*/ 1288111 h 2449001"/>
              <a:gd name="connsiteX21" fmla="*/ 124493 w 784764"/>
              <a:gd name="connsiteY21" fmla="*/ 1017766 h 2449001"/>
              <a:gd name="connsiteX22" fmla="*/ 243762 w 784764"/>
              <a:gd name="connsiteY22" fmla="*/ 0 h 2449001"/>
              <a:gd name="connsiteX0" fmla="*/ 430997 w 785142"/>
              <a:gd name="connsiteY0" fmla="*/ 1331843 h 2449001"/>
              <a:gd name="connsiteX1" fmla="*/ 542316 w 785142"/>
              <a:gd name="connsiteY1" fmla="*/ 1379551 h 2449001"/>
              <a:gd name="connsiteX2" fmla="*/ 763746 w 785142"/>
              <a:gd name="connsiteY2" fmla="*/ 1406369 h 2449001"/>
              <a:gd name="connsiteX3" fmla="*/ 625804 w 785142"/>
              <a:gd name="connsiteY3" fmla="*/ 1741335 h 2449001"/>
              <a:gd name="connsiteX4" fmla="*/ 609901 w 785142"/>
              <a:gd name="connsiteY4" fmla="*/ 2441050 h 2449001"/>
              <a:gd name="connsiteX5" fmla="*/ 319679 w 785142"/>
              <a:gd name="connsiteY5" fmla="*/ 2445025 h 2449001"/>
              <a:gd name="connsiteX6" fmla="*/ 212336 w 785142"/>
              <a:gd name="connsiteY6" fmla="*/ 1673750 h 2449001"/>
              <a:gd name="connsiteX7" fmla="*/ 208361 w 785142"/>
              <a:gd name="connsiteY7" fmla="*/ 2441050 h 2449001"/>
              <a:gd name="connsiteX8" fmla="*/ 136799 w 785142"/>
              <a:gd name="connsiteY8" fmla="*/ 2449001 h 2449001"/>
              <a:gd name="connsiteX9" fmla="*/ 5602 w 785142"/>
              <a:gd name="connsiteY9" fmla="*/ 1701579 h 2449001"/>
              <a:gd name="connsiteX10" fmla="*/ 37407 w 785142"/>
              <a:gd name="connsiteY10" fmla="*/ 1582309 h 2449001"/>
              <a:gd name="connsiteX11" fmla="*/ 101115 w 785142"/>
              <a:gd name="connsiteY11" fmla="*/ 1597201 h 2449001"/>
              <a:gd name="connsiteX12" fmla="*/ 89644 w 785142"/>
              <a:gd name="connsiteY12" fmla="*/ 1389262 h 2449001"/>
              <a:gd name="connsiteX13" fmla="*/ 339557 w 785142"/>
              <a:gd name="connsiteY13" fmla="*/ 1375575 h 2449001"/>
              <a:gd name="connsiteX14" fmla="*/ 430997 w 785142"/>
              <a:gd name="connsiteY14" fmla="*/ 1331843 h 2449001"/>
              <a:gd name="connsiteX15" fmla="*/ 244140 w 785142"/>
              <a:gd name="connsiteY15" fmla="*/ 0 h 2449001"/>
              <a:gd name="connsiteX16" fmla="*/ 558216 w 785142"/>
              <a:gd name="connsiteY16" fmla="*/ 0 h 2449001"/>
              <a:gd name="connsiteX17" fmla="*/ 689414 w 785142"/>
              <a:gd name="connsiteY17" fmla="*/ 962108 h 2449001"/>
              <a:gd name="connsiteX18" fmla="*/ 725194 w 785142"/>
              <a:gd name="connsiteY18" fmla="*/ 1307990 h 2449001"/>
              <a:gd name="connsiteX19" fmla="*/ 415093 w 785142"/>
              <a:gd name="connsiteY19" fmla="*/ 1268233 h 2449001"/>
              <a:gd name="connsiteX20" fmla="*/ 104993 w 785142"/>
              <a:gd name="connsiteY20" fmla="*/ 1288111 h 2449001"/>
              <a:gd name="connsiteX21" fmla="*/ 124871 w 785142"/>
              <a:gd name="connsiteY21" fmla="*/ 1017766 h 2449001"/>
              <a:gd name="connsiteX22" fmla="*/ 244140 w 785142"/>
              <a:gd name="connsiteY22" fmla="*/ 0 h 2449001"/>
              <a:gd name="connsiteX0" fmla="*/ 430997 w 785142"/>
              <a:gd name="connsiteY0" fmla="*/ 1331843 h 2449001"/>
              <a:gd name="connsiteX1" fmla="*/ 542316 w 785142"/>
              <a:gd name="connsiteY1" fmla="*/ 1379551 h 2449001"/>
              <a:gd name="connsiteX2" fmla="*/ 763746 w 785142"/>
              <a:gd name="connsiteY2" fmla="*/ 1406369 h 2449001"/>
              <a:gd name="connsiteX3" fmla="*/ 625804 w 785142"/>
              <a:gd name="connsiteY3" fmla="*/ 1741335 h 2449001"/>
              <a:gd name="connsiteX4" fmla="*/ 609901 w 785142"/>
              <a:gd name="connsiteY4" fmla="*/ 2441050 h 2449001"/>
              <a:gd name="connsiteX5" fmla="*/ 319679 w 785142"/>
              <a:gd name="connsiteY5" fmla="*/ 2445025 h 2449001"/>
              <a:gd name="connsiteX6" fmla="*/ 212336 w 785142"/>
              <a:gd name="connsiteY6" fmla="*/ 1673750 h 2449001"/>
              <a:gd name="connsiteX7" fmla="*/ 208361 w 785142"/>
              <a:gd name="connsiteY7" fmla="*/ 2441050 h 2449001"/>
              <a:gd name="connsiteX8" fmla="*/ 136799 w 785142"/>
              <a:gd name="connsiteY8" fmla="*/ 2449001 h 2449001"/>
              <a:gd name="connsiteX9" fmla="*/ 5602 w 785142"/>
              <a:gd name="connsiteY9" fmla="*/ 1701579 h 2449001"/>
              <a:gd name="connsiteX10" fmla="*/ 37407 w 785142"/>
              <a:gd name="connsiteY10" fmla="*/ 1582309 h 2449001"/>
              <a:gd name="connsiteX11" fmla="*/ 101115 w 785142"/>
              <a:gd name="connsiteY11" fmla="*/ 1597201 h 2449001"/>
              <a:gd name="connsiteX12" fmla="*/ 89644 w 785142"/>
              <a:gd name="connsiteY12" fmla="*/ 1389262 h 2449001"/>
              <a:gd name="connsiteX13" fmla="*/ 339557 w 785142"/>
              <a:gd name="connsiteY13" fmla="*/ 1375575 h 2449001"/>
              <a:gd name="connsiteX14" fmla="*/ 430997 w 785142"/>
              <a:gd name="connsiteY14" fmla="*/ 1331843 h 2449001"/>
              <a:gd name="connsiteX15" fmla="*/ 244140 w 785142"/>
              <a:gd name="connsiteY15" fmla="*/ 0 h 2449001"/>
              <a:gd name="connsiteX16" fmla="*/ 558216 w 785142"/>
              <a:gd name="connsiteY16" fmla="*/ 0 h 2449001"/>
              <a:gd name="connsiteX17" fmla="*/ 689414 w 785142"/>
              <a:gd name="connsiteY17" fmla="*/ 962108 h 2449001"/>
              <a:gd name="connsiteX18" fmla="*/ 725194 w 785142"/>
              <a:gd name="connsiteY18" fmla="*/ 1307990 h 2449001"/>
              <a:gd name="connsiteX19" fmla="*/ 415093 w 785142"/>
              <a:gd name="connsiteY19" fmla="*/ 1268233 h 2449001"/>
              <a:gd name="connsiteX20" fmla="*/ 104993 w 785142"/>
              <a:gd name="connsiteY20" fmla="*/ 1288111 h 2449001"/>
              <a:gd name="connsiteX21" fmla="*/ 124871 w 785142"/>
              <a:gd name="connsiteY21" fmla="*/ 1017766 h 2449001"/>
              <a:gd name="connsiteX22" fmla="*/ 244140 w 785142"/>
              <a:gd name="connsiteY22" fmla="*/ 0 h 2449001"/>
              <a:gd name="connsiteX0" fmla="*/ 425685 w 779830"/>
              <a:gd name="connsiteY0" fmla="*/ 1331843 h 2449001"/>
              <a:gd name="connsiteX1" fmla="*/ 537004 w 779830"/>
              <a:gd name="connsiteY1" fmla="*/ 1379551 h 2449001"/>
              <a:gd name="connsiteX2" fmla="*/ 758434 w 779830"/>
              <a:gd name="connsiteY2" fmla="*/ 1406369 h 2449001"/>
              <a:gd name="connsiteX3" fmla="*/ 620492 w 779830"/>
              <a:gd name="connsiteY3" fmla="*/ 1741335 h 2449001"/>
              <a:gd name="connsiteX4" fmla="*/ 604589 w 779830"/>
              <a:gd name="connsiteY4" fmla="*/ 2441050 h 2449001"/>
              <a:gd name="connsiteX5" fmla="*/ 314367 w 779830"/>
              <a:gd name="connsiteY5" fmla="*/ 2445025 h 2449001"/>
              <a:gd name="connsiteX6" fmla="*/ 207024 w 779830"/>
              <a:gd name="connsiteY6" fmla="*/ 1673750 h 2449001"/>
              <a:gd name="connsiteX7" fmla="*/ 203049 w 779830"/>
              <a:gd name="connsiteY7" fmla="*/ 2441050 h 2449001"/>
              <a:gd name="connsiteX8" fmla="*/ 131487 w 779830"/>
              <a:gd name="connsiteY8" fmla="*/ 2449001 h 2449001"/>
              <a:gd name="connsiteX9" fmla="*/ 290 w 779830"/>
              <a:gd name="connsiteY9" fmla="*/ 1701579 h 2449001"/>
              <a:gd name="connsiteX10" fmla="*/ 95803 w 779830"/>
              <a:gd name="connsiteY10" fmla="*/ 1597201 h 2449001"/>
              <a:gd name="connsiteX11" fmla="*/ 84332 w 779830"/>
              <a:gd name="connsiteY11" fmla="*/ 1389262 h 2449001"/>
              <a:gd name="connsiteX12" fmla="*/ 334245 w 779830"/>
              <a:gd name="connsiteY12" fmla="*/ 1375575 h 2449001"/>
              <a:gd name="connsiteX13" fmla="*/ 425685 w 779830"/>
              <a:gd name="connsiteY13" fmla="*/ 1331843 h 2449001"/>
              <a:gd name="connsiteX14" fmla="*/ 238828 w 779830"/>
              <a:gd name="connsiteY14" fmla="*/ 0 h 2449001"/>
              <a:gd name="connsiteX15" fmla="*/ 552904 w 779830"/>
              <a:gd name="connsiteY15" fmla="*/ 0 h 2449001"/>
              <a:gd name="connsiteX16" fmla="*/ 684102 w 779830"/>
              <a:gd name="connsiteY16" fmla="*/ 962108 h 2449001"/>
              <a:gd name="connsiteX17" fmla="*/ 719882 w 779830"/>
              <a:gd name="connsiteY17" fmla="*/ 1307990 h 2449001"/>
              <a:gd name="connsiteX18" fmla="*/ 409781 w 779830"/>
              <a:gd name="connsiteY18" fmla="*/ 1268233 h 2449001"/>
              <a:gd name="connsiteX19" fmla="*/ 99681 w 779830"/>
              <a:gd name="connsiteY19" fmla="*/ 1288111 h 2449001"/>
              <a:gd name="connsiteX20" fmla="*/ 119559 w 779830"/>
              <a:gd name="connsiteY20" fmla="*/ 1017766 h 2449001"/>
              <a:gd name="connsiteX21" fmla="*/ 238828 w 779830"/>
              <a:gd name="connsiteY21" fmla="*/ 0 h 2449001"/>
              <a:gd name="connsiteX0" fmla="*/ 425766 w 779911"/>
              <a:gd name="connsiteY0" fmla="*/ 1331843 h 2449001"/>
              <a:gd name="connsiteX1" fmla="*/ 537085 w 779911"/>
              <a:gd name="connsiteY1" fmla="*/ 1379551 h 2449001"/>
              <a:gd name="connsiteX2" fmla="*/ 758515 w 779911"/>
              <a:gd name="connsiteY2" fmla="*/ 1406369 h 2449001"/>
              <a:gd name="connsiteX3" fmla="*/ 620573 w 779911"/>
              <a:gd name="connsiteY3" fmla="*/ 1741335 h 2449001"/>
              <a:gd name="connsiteX4" fmla="*/ 604670 w 779911"/>
              <a:gd name="connsiteY4" fmla="*/ 2441050 h 2449001"/>
              <a:gd name="connsiteX5" fmla="*/ 314448 w 779911"/>
              <a:gd name="connsiteY5" fmla="*/ 2445025 h 2449001"/>
              <a:gd name="connsiteX6" fmla="*/ 207105 w 779911"/>
              <a:gd name="connsiteY6" fmla="*/ 1673750 h 2449001"/>
              <a:gd name="connsiteX7" fmla="*/ 203130 w 779911"/>
              <a:gd name="connsiteY7" fmla="*/ 2441050 h 2449001"/>
              <a:gd name="connsiteX8" fmla="*/ 131568 w 779911"/>
              <a:gd name="connsiteY8" fmla="*/ 2449001 h 2449001"/>
              <a:gd name="connsiteX9" fmla="*/ 371 w 779911"/>
              <a:gd name="connsiteY9" fmla="*/ 1701579 h 2449001"/>
              <a:gd name="connsiteX10" fmla="*/ 95884 w 779911"/>
              <a:gd name="connsiteY10" fmla="*/ 1597201 h 2449001"/>
              <a:gd name="connsiteX11" fmla="*/ 84413 w 779911"/>
              <a:gd name="connsiteY11" fmla="*/ 1389262 h 2449001"/>
              <a:gd name="connsiteX12" fmla="*/ 334326 w 779911"/>
              <a:gd name="connsiteY12" fmla="*/ 1375575 h 2449001"/>
              <a:gd name="connsiteX13" fmla="*/ 425766 w 779911"/>
              <a:gd name="connsiteY13" fmla="*/ 1331843 h 2449001"/>
              <a:gd name="connsiteX14" fmla="*/ 238909 w 779911"/>
              <a:gd name="connsiteY14" fmla="*/ 0 h 2449001"/>
              <a:gd name="connsiteX15" fmla="*/ 552985 w 779911"/>
              <a:gd name="connsiteY15" fmla="*/ 0 h 2449001"/>
              <a:gd name="connsiteX16" fmla="*/ 684183 w 779911"/>
              <a:gd name="connsiteY16" fmla="*/ 962108 h 2449001"/>
              <a:gd name="connsiteX17" fmla="*/ 719963 w 779911"/>
              <a:gd name="connsiteY17" fmla="*/ 1307990 h 2449001"/>
              <a:gd name="connsiteX18" fmla="*/ 409862 w 779911"/>
              <a:gd name="connsiteY18" fmla="*/ 1268233 h 2449001"/>
              <a:gd name="connsiteX19" fmla="*/ 99762 w 779911"/>
              <a:gd name="connsiteY19" fmla="*/ 1288111 h 2449001"/>
              <a:gd name="connsiteX20" fmla="*/ 119640 w 779911"/>
              <a:gd name="connsiteY20" fmla="*/ 1017766 h 2449001"/>
              <a:gd name="connsiteX21" fmla="*/ 238909 w 779911"/>
              <a:gd name="connsiteY21" fmla="*/ 0 h 2449001"/>
              <a:gd name="connsiteX0" fmla="*/ 425696 w 779841"/>
              <a:gd name="connsiteY0" fmla="*/ 1331843 h 2449001"/>
              <a:gd name="connsiteX1" fmla="*/ 537015 w 779841"/>
              <a:gd name="connsiteY1" fmla="*/ 1379551 h 2449001"/>
              <a:gd name="connsiteX2" fmla="*/ 758445 w 779841"/>
              <a:gd name="connsiteY2" fmla="*/ 1406369 h 2449001"/>
              <a:gd name="connsiteX3" fmla="*/ 620503 w 779841"/>
              <a:gd name="connsiteY3" fmla="*/ 1741335 h 2449001"/>
              <a:gd name="connsiteX4" fmla="*/ 604600 w 779841"/>
              <a:gd name="connsiteY4" fmla="*/ 2441050 h 2449001"/>
              <a:gd name="connsiteX5" fmla="*/ 314378 w 779841"/>
              <a:gd name="connsiteY5" fmla="*/ 2445025 h 2449001"/>
              <a:gd name="connsiteX6" fmla="*/ 207035 w 779841"/>
              <a:gd name="connsiteY6" fmla="*/ 1673750 h 2449001"/>
              <a:gd name="connsiteX7" fmla="*/ 203060 w 779841"/>
              <a:gd name="connsiteY7" fmla="*/ 2441050 h 2449001"/>
              <a:gd name="connsiteX8" fmla="*/ 131498 w 779841"/>
              <a:gd name="connsiteY8" fmla="*/ 2449001 h 2449001"/>
              <a:gd name="connsiteX9" fmla="*/ 301 w 779841"/>
              <a:gd name="connsiteY9" fmla="*/ 1701579 h 2449001"/>
              <a:gd name="connsiteX10" fmla="*/ 95814 w 779841"/>
              <a:gd name="connsiteY10" fmla="*/ 1597201 h 2449001"/>
              <a:gd name="connsiteX11" fmla="*/ 84343 w 779841"/>
              <a:gd name="connsiteY11" fmla="*/ 1389262 h 2449001"/>
              <a:gd name="connsiteX12" fmla="*/ 334256 w 779841"/>
              <a:gd name="connsiteY12" fmla="*/ 1375575 h 2449001"/>
              <a:gd name="connsiteX13" fmla="*/ 425696 w 779841"/>
              <a:gd name="connsiteY13" fmla="*/ 1331843 h 2449001"/>
              <a:gd name="connsiteX14" fmla="*/ 238839 w 779841"/>
              <a:gd name="connsiteY14" fmla="*/ 0 h 2449001"/>
              <a:gd name="connsiteX15" fmla="*/ 552915 w 779841"/>
              <a:gd name="connsiteY15" fmla="*/ 0 h 2449001"/>
              <a:gd name="connsiteX16" fmla="*/ 684113 w 779841"/>
              <a:gd name="connsiteY16" fmla="*/ 962108 h 2449001"/>
              <a:gd name="connsiteX17" fmla="*/ 719893 w 779841"/>
              <a:gd name="connsiteY17" fmla="*/ 1307990 h 2449001"/>
              <a:gd name="connsiteX18" fmla="*/ 409792 w 779841"/>
              <a:gd name="connsiteY18" fmla="*/ 1268233 h 2449001"/>
              <a:gd name="connsiteX19" fmla="*/ 99692 w 779841"/>
              <a:gd name="connsiteY19" fmla="*/ 1288111 h 2449001"/>
              <a:gd name="connsiteX20" fmla="*/ 119570 w 779841"/>
              <a:gd name="connsiteY20" fmla="*/ 1017766 h 2449001"/>
              <a:gd name="connsiteX21" fmla="*/ 238839 w 779841"/>
              <a:gd name="connsiteY21" fmla="*/ 0 h 2449001"/>
              <a:gd name="connsiteX0" fmla="*/ 425696 w 794874"/>
              <a:gd name="connsiteY0" fmla="*/ 1331843 h 2449001"/>
              <a:gd name="connsiteX1" fmla="*/ 537015 w 794874"/>
              <a:gd name="connsiteY1" fmla="*/ 1379551 h 2449001"/>
              <a:gd name="connsiteX2" fmla="*/ 758445 w 794874"/>
              <a:gd name="connsiteY2" fmla="*/ 1406369 h 2449001"/>
              <a:gd name="connsiteX3" fmla="*/ 620503 w 794874"/>
              <a:gd name="connsiteY3" fmla="*/ 1741335 h 2449001"/>
              <a:gd name="connsiteX4" fmla="*/ 604600 w 794874"/>
              <a:gd name="connsiteY4" fmla="*/ 2441050 h 2449001"/>
              <a:gd name="connsiteX5" fmla="*/ 314378 w 794874"/>
              <a:gd name="connsiteY5" fmla="*/ 2445025 h 2449001"/>
              <a:gd name="connsiteX6" fmla="*/ 207035 w 794874"/>
              <a:gd name="connsiteY6" fmla="*/ 1673750 h 2449001"/>
              <a:gd name="connsiteX7" fmla="*/ 203060 w 794874"/>
              <a:gd name="connsiteY7" fmla="*/ 2441050 h 2449001"/>
              <a:gd name="connsiteX8" fmla="*/ 131498 w 794874"/>
              <a:gd name="connsiteY8" fmla="*/ 2449001 h 2449001"/>
              <a:gd name="connsiteX9" fmla="*/ 301 w 794874"/>
              <a:gd name="connsiteY9" fmla="*/ 1701579 h 2449001"/>
              <a:gd name="connsiteX10" fmla="*/ 95814 w 794874"/>
              <a:gd name="connsiteY10" fmla="*/ 1597201 h 2449001"/>
              <a:gd name="connsiteX11" fmla="*/ 84343 w 794874"/>
              <a:gd name="connsiteY11" fmla="*/ 1389262 h 2449001"/>
              <a:gd name="connsiteX12" fmla="*/ 334256 w 794874"/>
              <a:gd name="connsiteY12" fmla="*/ 1375575 h 2449001"/>
              <a:gd name="connsiteX13" fmla="*/ 425696 w 794874"/>
              <a:gd name="connsiteY13" fmla="*/ 1331843 h 2449001"/>
              <a:gd name="connsiteX14" fmla="*/ 238839 w 794874"/>
              <a:gd name="connsiteY14" fmla="*/ 0 h 2449001"/>
              <a:gd name="connsiteX15" fmla="*/ 552915 w 794874"/>
              <a:gd name="connsiteY15" fmla="*/ 0 h 2449001"/>
              <a:gd name="connsiteX16" fmla="*/ 684113 w 794874"/>
              <a:gd name="connsiteY16" fmla="*/ 962108 h 2449001"/>
              <a:gd name="connsiteX17" fmla="*/ 719893 w 794874"/>
              <a:gd name="connsiteY17" fmla="*/ 1307990 h 2449001"/>
              <a:gd name="connsiteX18" fmla="*/ 409792 w 794874"/>
              <a:gd name="connsiteY18" fmla="*/ 1268233 h 2449001"/>
              <a:gd name="connsiteX19" fmla="*/ 99692 w 794874"/>
              <a:gd name="connsiteY19" fmla="*/ 1288111 h 2449001"/>
              <a:gd name="connsiteX20" fmla="*/ 119570 w 794874"/>
              <a:gd name="connsiteY20" fmla="*/ 1017766 h 2449001"/>
              <a:gd name="connsiteX21" fmla="*/ 238839 w 794874"/>
              <a:gd name="connsiteY21" fmla="*/ 0 h 2449001"/>
              <a:gd name="connsiteX0" fmla="*/ 425696 w 794874"/>
              <a:gd name="connsiteY0" fmla="*/ 1331843 h 2449001"/>
              <a:gd name="connsiteX1" fmla="*/ 537015 w 794874"/>
              <a:gd name="connsiteY1" fmla="*/ 1379551 h 2449001"/>
              <a:gd name="connsiteX2" fmla="*/ 758445 w 794874"/>
              <a:gd name="connsiteY2" fmla="*/ 1406369 h 2449001"/>
              <a:gd name="connsiteX3" fmla="*/ 620503 w 794874"/>
              <a:gd name="connsiteY3" fmla="*/ 1741335 h 2449001"/>
              <a:gd name="connsiteX4" fmla="*/ 604600 w 794874"/>
              <a:gd name="connsiteY4" fmla="*/ 2441050 h 2449001"/>
              <a:gd name="connsiteX5" fmla="*/ 314378 w 794874"/>
              <a:gd name="connsiteY5" fmla="*/ 2445025 h 2449001"/>
              <a:gd name="connsiteX6" fmla="*/ 207035 w 794874"/>
              <a:gd name="connsiteY6" fmla="*/ 1673750 h 2449001"/>
              <a:gd name="connsiteX7" fmla="*/ 203060 w 794874"/>
              <a:gd name="connsiteY7" fmla="*/ 2441050 h 2449001"/>
              <a:gd name="connsiteX8" fmla="*/ 131498 w 794874"/>
              <a:gd name="connsiteY8" fmla="*/ 2449001 h 2449001"/>
              <a:gd name="connsiteX9" fmla="*/ 301 w 794874"/>
              <a:gd name="connsiteY9" fmla="*/ 1701579 h 2449001"/>
              <a:gd name="connsiteX10" fmla="*/ 95814 w 794874"/>
              <a:gd name="connsiteY10" fmla="*/ 1597201 h 2449001"/>
              <a:gd name="connsiteX11" fmla="*/ 84343 w 794874"/>
              <a:gd name="connsiteY11" fmla="*/ 1389262 h 2449001"/>
              <a:gd name="connsiteX12" fmla="*/ 334256 w 794874"/>
              <a:gd name="connsiteY12" fmla="*/ 1375575 h 2449001"/>
              <a:gd name="connsiteX13" fmla="*/ 425696 w 794874"/>
              <a:gd name="connsiteY13" fmla="*/ 1331843 h 2449001"/>
              <a:gd name="connsiteX14" fmla="*/ 238839 w 794874"/>
              <a:gd name="connsiteY14" fmla="*/ 0 h 2449001"/>
              <a:gd name="connsiteX15" fmla="*/ 552915 w 794874"/>
              <a:gd name="connsiteY15" fmla="*/ 0 h 2449001"/>
              <a:gd name="connsiteX16" fmla="*/ 684113 w 794874"/>
              <a:gd name="connsiteY16" fmla="*/ 962108 h 2449001"/>
              <a:gd name="connsiteX17" fmla="*/ 719893 w 794874"/>
              <a:gd name="connsiteY17" fmla="*/ 1307990 h 2449001"/>
              <a:gd name="connsiteX18" fmla="*/ 409792 w 794874"/>
              <a:gd name="connsiteY18" fmla="*/ 1268233 h 2449001"/>
              <a:gd name="connsiteX19" fmla="*/ 99692 w 794874"/>
              <a:gd name="connsiteY19" fmla="*/ 1288111 h 2449001"/>
              <a:gd name="connsiteX20" fmla="*/ 133257 w 794874"/>
              <a:gd name="connsiteY20" fmla="*/ 945913 h 2449001"/>
              <a:gd name="connsiteX21" fmla="*/ 238839 w 794874"/>
              <a:gd name="connsiteY21" fmla="*/ 0 h 2449001"/>
              <a:gd name="connsiteX0" fmla="*/ 425696 w 794874"/>
              <a:gd name="connsiteY0" fmla="*/ 1331843 h 2449001"/>
              <a:gd name="connsiteX1" fmla="*/ 537015 w 794874"/>
              <a:gd name="connsiteY1" fmla="*/ 1379551 h 2449001"/>
              <a:gd name="connsiteX2" fmla="*/ 758445 w 794874"/>
              <a:gd name="connsiteY2" fmla="*/ 1406369 h 2449001"/>
              <a:gd name="connsiteX3" fmla="*/ 620503 w 794874"/>
              <a:gd name="connsiteY3" fmla="*/ 1741335 h 2449001"/>
              <a:gd name="connsiteX4" fmla="*/ 604600 w 794874"/>
              <a:gd name="connsiteY4" fmla="*/ 2441050 h 2449001"/>
              <a:gd name="connsiteX5" fmla="*/ 314378 w 794874"/>
              <a:gd name="connsiteY5" fmla="*/ 2445025 h 2449001"/>
              <a:gd name="connsiteX6" fmla="*/ 207035 w 794874"/>
              <a:gd name="connsiteY6" fmla="*/ 1673750 h 2449001"/>
              <a:gd name="connsiteX7" fmla="*/ 203060 w 794874"/>
              <a:gd name="connsiteY7" fmla="*/ 2441050 h 2449001"/>
              <a:gd name="connsiteX8" fmla="*/ 131498 w 794874"/>
              <a:gd name="connsiteY8" fmla="*/ 2449001 h 2449001"/>
              <a:gd name="connsiteX9" fmla="*/ 301 w 794874"/>
              <a:gd name="connsiteY9" fmla="*/ 1701579 h 2449001"/>
              <a:gd name="connsiteX10" fmla="*/ 95814 w 794874"/>
              <a:gd name="connsiteY10" fmla="*/ 1597201 h 2449001"/>
              <a:gd name="connsiteX11" fmla="*/ 84343 w 794874"/>
              <a:gd name="connsiteY11" fmla="*/ 1389262 h 2449001"/>
              <a:gd name="connsiteX12" fmla="*/ 334256 w 794874"/>
              <a:gd name="connsiteY12" fmla="*/ 1375575 h 2449001"/>
              <a:gd name="connsiteX13" fmla="*/ 425696 w 794874"/>
              <a:gd name="connsiteY13" fmla="*/ 1331843 h 2449001"/>
              <a:gd name="connsiteX14" fmla="*/ 238839 w 794874"/>
              <a:gd name="connsiteY14" fmla="*/ 0 h 2449001"/>
              <a:gd name="connsiteX15" fmla="*/ 552915 w 794874"/>
              <a:gd name="connsiteY15" fmla="*/ 0 h 2449001"/>
              <a:gd name="connsiteX16" fmla="*/ 684113 w 794874"/>
              <a:gd name="connsiteY16" fmla="*/ 962108 h 2449001"/>
              <a:gd name="connsiteX17" fmla="*/ 719893 w 794874"/>
              <a:gd name="connsiteY17" fmla="*/ 1307990 h 2449001"/>
              <a:gd name="connsiteX18" fmla="*/ 409792 w 794874"/>
              <a:gd name="connsiteY18" fmla="*/ 1268233 h 2449001"/>
              <a:gd name="connsiteX19" fmla="*/ 99692 w 794874"/>
              <a:gd name="connsiteY19" fmla="*/ 1288111 h 2449001"/>
              <a:gd name="connsiteX20" fmla="*/ 133257 w 794874"/>
              <a:gd name="connsiteY20" fmla="*/ 945913 h 2449001"/>
              <a:gd name="connsiteX21" fmla="*/ 238839 w 794874"/>
              <a:gd name="connsiteY21" fmla="*/ 0 h 2449001"/>
              <a:gd name="connsiteX0" fmla="*/ 425696 w 794874"/>
              <a:gd name="connsiteY0" fmla="*/ 1331843 h 2449001"/>
              <a:gd name="connsiteX1" fmla="*/ 537015 w 794874"/>
              <a:gd name="connsiteY1" fmla="*/ 1379551 h 2449001"/>
              <a:gd name="connsiteX2" fmla="*/ 758445 w 794874"/>
              <a:gd name="connsiteY2" fmla="*/ 1406369 h 2449001"/>
              <a:gd name="connsiteX3" fmla="*/ 620503 w 794874"/>
              <a:gd name="connsiteY3" fmla="*/ 1741335 h 2449001"/>
              <a:gd name="connsiteX4" fmla="*/ 604600 w 794874"/>
              <a:gd name="connsiteY4" fmla="*/ 2441050 h 2449001"/>
              <a:gd name="connsiteX5" fmla="*/ 314378 w 794874"/>
              <a:gd name="connsiteY5" fmla="*/ 2445025 h 2449001"/>
              <a:gd name="connsiteX6" fmla="*/ 207035 w 794874"/>
              <a:gd name="connsiteY6" fmla="*/ 1673750 h 2449001"/>
              <a:gd name="connsiteX7" fmla="*/ 203060 w 794874"/>
              <a:gd name="connsiteY7" fmla="*/ 2441050 h 2449001"/>
              <a:gd name="connsiteX8" fmla="*/ 131498 w 794874"/>
              <a:gd name="connsiteY8" fmla="*/ 2449001 h 2449001"/>
              <a:gd name="connsiteX9" fmla="*/ 301 w 794874"/>
              <a:gd name="connsiteY9" fmla="*/ 1701579 h 2449001"/>
              <a:gd name="connsiteX10" fmla="*/ 95814 w 794874"/>
              <a:gd name="connsiteY10" fmla="*/ 1597201 h 2449001"/>
              <a:gd name="connsiteX11" fmla="*/ 84343 w 794874"/>
              <a:gd name="connsiteY11" fmla="*/ 1389262 h 2449001"/>
              <a:gd name="connsiteX12" fmla="*/ 334256 w 794874"/>
              <a:gd name="connsiteY12" fmla="*/ 1375575 h 2449001"/>
              <a:gd name="connsiteX13" fmla="*/ 425696 w 794874"/>
              <a:gd name="connsiteY13" fmla="*/ 1331843 h 2449001"/>
              <a:gd name="connsiteX14" fmla="*/ 218310 w 794874"/>
              <a:gd name="connsiteY14" fmla="*/ 0 h 2449001"/>
              <a:gd name="connsiteX15" fmla="*/ 552915 w 794874"/>
              <a:gd name="connsiteY15" fmla="*/ 0 h 2449001"/>
              <a:gd name="connsiteX16" fmla="*/ 684113 w 794874"/>
              <a:gd name="connsiteY16" fmla="*/ 962108 h 2449001"/>
              <a:gd name="connsiteX17" fmla="*/ 719893 w 794874"/>
              <a:gd name="connsiteY17" fmla="*/ 1307990 h 2449001"/>
              <a:gd name="connsiteX18" fmla="*/ 409792 w 794874"/>
              <a:gd name="connsiteY18" fmla="*/ 1268233 h 2449001"/>
              <a:gd name="connsiteX19" fmla="*/ 99692 w 794874"/>
              <a:gd name="connsiteY19" fmla="*/ 1288111 h 2449001"/>
              <a:gd name="connsiteX20" fmla="*/ 133257 w 794874"/>
              <a:gd name="connsiteY20" fmla="*/ 945913 h 2449001"/>
              <a:gd name="connsiteX21" fmla="*/ 218310 w 794874"/>
              <a:gd name="connsiteY21" fmla="*/ 0 h 2449001"/>
              <a:gd name="connsiteX0" fmla="*/ 425696 w 794874"/>
              <a:gd name="connsiteY0" fmla="*/ 1331843 h 2449001"/>
              <a:gd name="connsiteX1" fmla="*/ 537015 w 794874"/>
              <a:gd name="connsiteY1" fmla="*/ 1379551 h 2449001"/>
              <a:gd name="connsiteX2" fmla="*/ 758445 w 794874"/>
              <a:gd name="connsiteY2" fmla="*/ 1406369 h 2449001"/>
              <a:gd name="connsiteX3" fmla="*/ 620503 w 794874"/>
              <a:gd name="connsiteY3" fmla="*/ 1741335 h 2449001"/>
              <a:gd name="connsiteX4" fmla="*/ 604600 w 794874"/>
              <a:gd name="connsiteY4" fmla="*/ 2441050 h 2449001"/>
              <a:gd name="connsiteX5" fmla="*/ 314378 w 794874"/>
              <a:gd name="connsiteY5" fmla="*/ 2445025 h 2449001"/>
              <a:gd name="connsiteX6" fmla="*/ 207035 w 794874"/>
              <a:gd name="connsiteY6" fmla="*/ 1673750 h 2449001"/>
              <a:gd name="connsiteX7" fmla="*/ 203060 w 794874"/>
              <a:gd name="connsiteY7" fmla="*/ 2441050 h 2449001"/>
              <a:gd name="connsiteX8" fmla="*/ 131498 w 794874"/>
              <a:gd name="connsiteY8" fmla="*/ 2449001 h 2449001"/>
              <a:gd name="connsiteX9" fmla="*/ 301 w 794874"/>
              <a:gd name="connsiteY9" fmla="*/ 1701579 h 2449001"/>
              <a:gd name="connsiteX10" fmla="*/ 95814 w 794874"/>
              <a:gd name="connsiteY10" fmla="*/ 1597201 h 2449001"/>
              <a:gd name="connsiteX11" fmla="*/ 84343 w 794874"/>
              <a:gd name="connsiteY11" fmla="*/ 1389262 h 2449001"/>
              <a:gd name="connsiteX12" fmla="*/ 334256 w 794874"/>
              <a:gd name="connsiteY12" fmla="*/ 1375575 h 2449001"/>
              <a:gd name="connsiteX13" fmla="*/ 425696 w 794874"/>
              <a:gd name="connsiteY13" fmla="*/ 1331843 h 2449001"/>
              <a:gd name="connsiteX14" fmla="*/ 218310 w 794874"/>
              <a:gd name="connsiteY14" fmla="*/ 0 h 2449001"/>
              <a:gd name="connsiteX15" fmla="*/ 570023 w 794874"/>
              <a:gd name="connsiteY15" fmla="*/ 3422 h 2449001"/>
              <a:gd name="connsiteX16" fmla="*/ 684113 w 794874"/>
              <a:gd name="connsiteY16" fmla="*/ 962108 h 2449001"/>
              <a:gd name="connsiteX17" fmla="*/ 719893 w 794874"/>
              <a:gd name="connsiteY17" fmla="*/ 1307990 h 2449001"/>
              <a:gd name="connsiteX18" fmla="*/ 409792 w 794874"/>
              <a:gd name="connsiteY18" fmla="*/ 1268233 h 2449001"/>
              <a:gd name="connsiteX19" fmla="*/ 99692 w 794874"/>
              <a:gd name="connsiteY19" fmla="*/ 1288111 h 2449001"/>
              <a:gd name="connsiteX20" fmla="*/ 133257 w 794874"/>
              <a:gd name="connsiteY20" fmla="*/ 945913 h 2449001"/>
              <a:gd name="connsiteX21" fmla="*/ 218310 w 794874"/>
              <a:gd name="connsiteY21" fmla="*/ 0 h 2449001"/>
              <a:gd name="connsiteX0" fmla="*/ 425696 w 794874"/>
              <a:gd name="connsiteY0" fmla="*/ 1331843 h 2449001"/>
              <a:gd name="connsiteX1" fmla="*/ 537015 w 794874"/>
              <a:gd name="connsiteY1" fmla="*/ 1379551 h 2449001"/>
              <a:gd name="connsiteX2" fmla="*/ 758445 w 794874"/>
              <a:gd name="connsiteY2" fmla="*/ 1406369 h 2449001"/>
              <a:gd name="connsiteX3" fmla="*/ 620503 w 794874"/>
              <a:gd name="connsiteY3" fmla="*/ 1741335 h 2449001"/>
              <a:gd name="connsiteX4" fmla="*/ 604600 w 794874"/>
              <a:gd name="connsiteY4" fmla="*/ 2441050 h 2449001"/>
              <a:gd name="connsiteX5" fmla="*/ 314378 w 794874"/>
              <a:gd name="connsiteY5" fmla="*/ 2445025 h 2449001"/>
              <a:gd name="connsiteX6" fmla="*/ 207035 w 794874"/>
              <a:gd name="connsiteY6" fmla="*/ 1673750 h 2449001"/>
              <a:gd name="connsiteX7" fmla="*/ 203060 w 794874"/>
              <a:gd name="connsiteY7" fmla="*/ 2441050 h 2449001"/>
              <a:gd name="connsiteX8" fmla="*/ 131498 w 794874"/>
              <a:gd name="connsiteY8" fmla="*/ 2449001 h 2449001"/>
              <a:gd name="connsiteX9" fmla="*/ 301 w 794874"/>
              <a:gd name="connsiteY9" fmla="*/ 1701579 h 2449001"/>
              <a:gd name="connsiteX10" fmla="*/ 95814 w 794874"/>
              <a:gd name="connsiteY10" fmla="*/ 1597201 h 2449001"/>
              <a:gd name="connsiteX11" fmla="*/ 84343 w 794874"/>
              <a:gd name="connsiteY11" fmla="*/ 1389262 h 2449001"/>
              <a:gd name="connsiteX12" fmla="*/ 334256 w 794874"/>
              <a:gd name="connsiteY12" fmla="*/ 1375575 h 2449001"/>
              <a:gd name="connsiteX13" fmla="*/ 425696 w 794874"/>
              <a:gd name="connsiteY13" fmla="*/ 1331843 h 2449001"/>
              <a:gd name="connsiteX14" fmla="*/ 218310 w 794874"/>
              <a:gd name="connsiteY14" fmla="*/ 0 h 2449001"/>
              <a:gd name="connsiteX15" fmla="*/ 570023 w 794874"/>
              <a:gd name="connsiteY15" fmla="*/ 3422 h 2449001"/>
              <a:gd name="connsiteX16" fmla="*/ 684113 w 794874"/>
              <a:gd name="connsiteY16" fmla="*/ 962108 h 2449001"/>
              <a:gd name="connsiteX17" fmla="*/ 719893 w 794874"/>
              <a:gd name="connsiteY17" fmla="*/ 1307990 h 2449001"/>
              <a:gd name="connsiteX18" fmla="*/ 409792 w 794874"/>
              <a:gd name="connsiteY18" fmla="*/ 1268233 h 2449001"/>
              <a:gd name="connsiteX19" fmla="*/ 99692 w 794874"/>
              <a:gd name="connsiteY19" fmla="*/ 1288111 h 2449001"/>
              <a:gd name="connsiteX20" fmla="*/ 133257 w 794874"/>
              <a:gd name="connsiteY20" fmla="*/ 945913 h 2449001"/>
              <a:gd name="connsiteX21" fmla="*/ 218310 w 794874"/>
              <a:gd name="connsiteY21" fmla="*/ 0 h 2449001"/>
              <a:gd name="connsiteX0" fmla="*/ 425696 w 794874"/>
              <a:gd name="connsiteY0" fmla="*/ 1331843 h 2449001"/>
              <a:gd name="connsiteX1" fmla="*/ 537015 w 794874"/>
              <a:gd name="connsiteY1" fmla="*/ 1379551 h 2449001"/>
              <a:gd name="connsiteX2" fmla="*/ 758445 w 794874"/>
              <a:gd name="connsiteY2" fmla="*/ 1406369 h 2449001"/>
              <a:gd name="connsiteX3" fmla="*/ 620503 w 794874"/>
              <a:gd name="connsiteY3" fmla="*/ 1741335 h 2449001"/>
              <a:gd name="connsiteX4" fmla="*/ 604600 w 794874"/>
              <a:gd name="connsiteY4" fmla="*/ 2441050 h 2449001"/>
              <a:gd name="connsiteX5" fmla="*/ 314378 w 794874"/>
              <a:gd name="connsiteY5" fmla="*/ 2445025 h 2449001"/>
              <a:gd name="connsiteX6" fmla="*/ 207035 w 794874"/>
              <a:gd name="connsiteY6" fmla="*/ 1673750 h 2449001"/>
              <a:gd name="connsiteX7" fmla="*/ 203060 w 794874"/>
              <a:gd name="connsiteY7" fmla="*/ 2441050 h 2449001"/>
              <a:gd name="connsiteX8" fmla="*/ 131498 w 794874"/>
              <a:gd name="connsiteY8" fmla="*/ 2449001 h 2449001"/>
              <a:gd name="connsiteX9" fmla="*/ 301 w 794874"/>
              <a:gd name="connsiteY9" fmla="*/ 1701579 h 2449001"/>
              <a:gd name="connsiteX10" fmla="*/ 95814 w 794874"/>
              <a:gd name="connsiteY10" fmla="*/ 1597201 h 2449001"/>
              <a:gd name="connsiteX11" fmla="*/ 84343 w 794874"/>
              <a:gd name="connsiteY11" fmla="*/ 1389262 h 2449001"/>
              <a:gd name="connsiteX12" fmla="*/ 334256 w 794874"/>
              <a:gd name="connsiteY12" fmla="*/ 1375575 h 2449001"/>
              <a:gd name="connsiteX13" fmla="*/ 425696 w 794874"/>
              <a:gd name="connsiteY13" fmla="*/ 1331843 h 2449001"/>
              <a:gd name="connsiteX14" fmla="*/ 218310 w 794874"/>
              <a:gd name="connsiteY14" fmla="*/ 0 h 2449001"/>
              <a:gd name="connsiteX15" fmla="*/ 570023 w 794874"/>
              <a:gd name="connsiteY15" fmla="*/ 3422 h 2449001"/>
              <a:gd name="connsiteX16" fmla="*/ 684113 w 794874"/>
              <a:gd name="connsiteY16" fmla="*/ 962108 h 2449001"/>
              <a:gd name="connsiteX17" fmla="*/ 719893 w 794874"/>
              <a:gd name="connsiteY17" fmla="*/ 1307990 h 2449001"/>
              <a:gd name="connsiteX18" fmla="*/ 409792 w 794874"/>
              <a:gd name="connsiteY18" fmla="*/ 1268233 h 2449001"/>
              <a:gd name="connsiteX19" fmla="*/ 99692 w 794874"/>
              <a:gd name="connsiteY19" fmla="*/ 1288111 h 2449001"/>
              <a:gd name="connsiteX20" fmla="*/ 133257 w 794874"/>
              <a:gd name="connsiteY20" fmla="*/ 945913 h 2449001"/>
              <a:gd name="connsiteX21" fmla="*/ 218310 w 794874"/>
              <a:gd name="connsiteY21" fmla="*/ 0 h 2449001"/>
              <a:gd name="connsiteX0" fmla="*/ 425696 w 791314"/>
              <a:gd name="connsiteY0" fmla="*/ 1331843 h 2449001"/>
              <a:gd name="connsiteX1" fmla="*/ 537015 w 791314"/>
              <a:gd name="connsiteY1" fmla="*/ 1379551 h 2449001"/>
              <a:gd name="connsiteX2" fmla="*/ 758445 w 791314"/>
              <a:gd name="connsiteY2" fmla="*/ 1406369 h 2449001"/>
              <a:gd name="connsiteX3" fmla="*/ 620503 w 791314"/>
              <a:gd name="connsiteY3" fmla="*/ 1741335 h 2449001"/>
              <a:gd name="connsiteX4" fmla="*/ 604600 w 791314"/>
              <a:gd name="connsiteY4" fmla="*/ 2441050 h 2449001"/>
              <a:gd name="connsiteX5" fmla="*/ 314378 w 791314"/>
              <a:gd name="connsiteY5" fmla="*/ 2445025 h 2449001"/>
              <a:gd name="connsiteX6" fmla="*/ 207035 w 791314"/>
              <a:gd name="connsiteY6" fmla="*/ 1673750 h 2449001"/>
              <a:gd name="connsiteX7" fmla="*/ 203060 w 791314"/>
              <a:gd name="connsiteY7" fmla="*/ 2441050 h 2449001"/>
              <a:gd name="connsiteX8" fmla="*/ 131498 w 791314"/>
              <a:gd name="connsiteY8" fmla="*/ 2449001 h 2449001"/>
              <a:gd name="connsiteX9" fmla="*/ 301 w 791314"/>
              <a:gd name="connsiteY9" fmla="*/ 1701579 h 2449001"/>
              <a:gd name="connsiteX10" fmla="*/ 95814 w 791314"/>
              <a:gd name="connsiteY10" fmla="*/ 1597201 h 2449001"/>
              <a:gd name="connsiteX11" fmla="*/ 84343 w 791314"/>
              <a:gd name="connsiteY11" fmla="*/ 1389262 h 2449001"/>
              <a:gd name="connsiteX12" fmla="*/ 334256 w 791314"/>
              <a:gd name="connsiteY12" fmla="*/ 1375575 h 2449001"/>
              <a:gd name="connsiteX13" fmla="*/ 425696 w 791314"/>
              <a:gd name="connsiteY13" fmla="*/ 1331843 h 2449001"/>
              <a:gd name="connsiteX14" fmla="*/ 218310 w 791314"/>
              <a:gd name="connsiteY14" fmla="*/ 0 h 2449001"/>
              <a:gd name="connsiteX15" fmla="*/ 570023 w 791314"/>
              <a:gd name="connsiteY15" fmla="*/ 3422 h 2449001"/>
              <a:gd name="connsiteX16" fmla="*/ 677271 w 791314"/>
              <a:gd name="connsiteY16" fmla="*/ 938156 h 2449001"/>
              <a:gd name="connsiteX17" fmla="*/ 719893 w 791314"/>
              <a:gd name="connsiteY17" fmla="*/ 1307990 h 2449001"/>
              <a:gd name="connsiteX18" fmla="*/ 409792 w 791314"/>
              <a:gd name="connsiteY18" fmla="*/ 1268233 h 2449001"/>
              <a:gd name="connsiteX19" fmla="*/ 99692 w 791314"/>
              <a:gd name="connsiteY19" fmla="*/ 1288111 h 2449001"/>
              <a:gd name="connsiteX20" fmla="*/ 133257 w 791314"/>
              <a:gd name="connsiteY20" fmla="*/ 945913 h 2449001"/>
              <a:gd name="connsiteX21" fmla="*/ 218310 w 791314"/>
              <a:gd name="connsiteY21" fmla="*/ 0 h 2449001"/>
              <a:gd name="connsiteX0" fmla="*/ 425696 w 791740"/>
              <a:gd name="connsiteY0" fmla="*/ 1331843 h 2449001"/>
              <a:gd name="connsiteX1" fmla="*/ 537015 w 791740"/>
              <a:gd name="connsiteY1" fmla="*/ 1379551 h 2449001"/>
              <a:gd name="connsiteX2" fmla="*/ 775553 w 791740"/>
              <a:gd name="connsiteY2" fmla="*/ 1406369 h 2449001"/>
              <a:gd name="connsiteX3" fmla="*/ 620503 w 791740"/>
              <a:gd name="connsiteY3" fmla="*/ 1741335 h 2449001"/>
              <a:gd name="connsiteX4" fmla="*/ 604600 w 791740"/>
              <a:gd name="connsiteY4" fmla="*/ 2441050 h 2449001"/>
              <a:gd name="connsiteX5" fmla="*/ 314378 w 791740"/>
              <a:gd name="connsiteY5" fmla="*/ 2445025 h 2449001"/>
              <a:gd name="connsiteX6" fmla="*/ 207035 w 791740"/>
              <a:gd name="connsiteY6" fmla="*/ 1673750 h 2449001"/>
              <a:gd name="connsiteX7" fmla="*/ 203060 w 791740"/>
              <a:gd name="connsiteY7" fmla="*/ 2441050 h 2449001"/>
              <a:gd name="connsiteX8" fmla="*/ 131498 w 791740"/>
              <a:gd name="connsiteY8" fmla="*/ 2449001 h 2449001"/>
              <a:gd name="connsiteX9" fmla="*/ 301 w 791740"/>
              <a:gd name="connsiteY9" fmla="*/ 1701579 h 2449001"/>
              <a:gd name="connsiteX10" fmla="*/ 95814 w 791740"/>
              <a:gd name="connsiteY10" fmla="*/ 1597201 h 2449001"/>
              <a:gd name="connsiteX11" fmla="*/ 84343 w 791740"/>
              <a:gd name="connsiteY11" fmla="*/ 1389262 h 2449001"/>
              <a:gd name="connsiteX12" fmla="*/ 334256 w 791740"/>
              <a:gd name="connsiteY12" fmla="*/ 1375575 h 2449001"/>
              <a:gd name="connsiteX13" fmla="*/ 425696 w 791740"/>
              <a:gd name="connsiteY13" fmla="*/ 1331843 h 2449001"/>
              <a:gd name="connsiteX14" fmla="*/ 218310 w 791740"/>
              <a:gd name="connsiteY14" fmla="*/ 0 h 2449001"/>
              <a:gd name="connsiteX15" fmla="*/ 570023 w 791740"/>
              <a:gd name="connsiteY15" fmla="*/ 3422 h 2449001"/>
              <a:gd name="connsiteX16" fmla="*/ 677271 w 791740"/>
              <a:gd name="connsiteY16" fmla="*/ 938156 h 2449001"/>
              <a:gd name="connsiteX17" fmla="*/ 719893 w 791740"/>
              <a:gd name="connsiteY17" fmla="*/ 1307990 h 2449001"/>
              <a:gd name="connsiteX18" fmla="*/ 409792 w 791740"/>
              <a:gd name="connsiteY18" fmla="*/ 1268233 h 2449001"/>
              <a:gd name="connsiteX19" fmla="*/ 99692 w 791740"/>
              <a:gd name="connsiteY19" fmla="*/ 1288111 h 2449001"/>
              <a:gd name="connsiteX20" fmla="*/ 133257 w 791740"/>
              <a:gd name="connsiteY20" fmla="*/ 945913 h 2449001"/>
              <a:gd name="connsiteX21" fmla="*/ 218310 w 791740"/>
              <a:gd name="connsiteY21" fmla="*/ 0 h 2449001"/>
              <a:gd name="connsiteX0" fmla="*/ 425696 w 798638"/>
              <a:gd name="connsiteY0" fmla="*/ 1331843 h 2449001"/>
              <a:gd name="connsiteX1" fmla="*/ 537015 w 798638"/>
              <a:gd name="connsiteY1" fmla="*/ 1379551 h 2449001"/>
              <a:gd name="connsiteX2" fmla="*/ 775553 w 798638"/>
              <a:gd name="connsiteY2" fmla="*/ 1406369 h 2449001"/>
              <a:gd name="connsiteX3" fmla="*/ 620503 w 798638"/>
              <a:gd name="connsiteY3" fmla="*/ 1741335 h 2449001"/>
              <a:gd name="connsiteX4" fmla="*/ 604600 w 798638"/>
              <a:gd name="connsiteY4" fmla="*/ 2441050 h 2449001"/>
              <a:gd name="connsiteX5" fmla="*/ 314378 w 798638"/>
              <a:gd name="connsiteY5" fmla="*/ 2445025 h 2449001"/>
              <a:gd name="connsiteX6" fmla="*/ 207035 w 798638"/>
              <a:gd name="connsiteY6" fmla="*/ 1673750 h 2449001"/>
              <a:gd name="connsiteX7" fmla="*/ 203060 w 798638"/>
              <a:gd name="connsiteY7" fmla="*/ 2441050 h 2449001"/>
              <a:gd name="connsiteX8" fmla="*/ 131498 w 798638"/>
              <a:gd name="connsiteY8" fmla="*/ 2449001 h 2449001"/>
              <a:gd name="connsiteX9" fmla="*/ 301 w 798638"/>
              <a:gd name="connsiteY9" fmla="*/ 1701579 h 2449001"/>
              <a:gd name="connsiteX10" fmla="*/ 95814 w 798638"/>
              <a:gd name="connsiteY10" fmla="*/ 1597201 h 2449001"/>
              <a:gd name="connsiteX11" fmla="*/ 84343 w 798638"/>
              <a:gd name="connsiteY11" fmla="*/ 1389262 h 2449001"/>
              <a:gd name="connsiteX12" fmla="*/ 334256 w 798638"/>
              <a:gd name="connsiteY12" fmla="*/ 1375575 h 2449001"/>
              <a:gd name="connsiteX13" fmla="*/ 425696 w 798638"/>
              <a:gd name="connsiteY13" fmla="*/ 1331843 h 2449001"/>
              <a:gd name="connsiteX14" fmla="*/ 218310 w 798638"/>
              <a:gd name="connsiteY14" fmla="*/ 0 h 2449001"/>
              <a:gd name="connsiteX15" fmla="*/ 570023 w 798638"/>
              <a:gd name="connsiteY15" fmla="*/ 3422 h 2449001"/>
              <a:gd name="connsiteX16" fmla="*/ 677271 w 798638"/>
              <a:gd name="connsiteY16" fmla="*/ 938156 h 2449001"/>
              <a:gd name="connsiteX17" fmla="*/ 719893 w 798638"/>
              <a:gd name="connsiteY17" fmla="*/ 1307990 h 2449001"/>
              <a:gd name="connsiteX18" fmla="*/ 409792 w 798638"/>
              <a:gd name="connsiteY18" fmla="*/ 1268233 h 2449001"/>
              <a:gd name="connsiteX19" fmla="*/ 99692 w 798638"/>
              <a:gd name="connsiteY19" fmla="*/ 1288111 h 2449001"/>
              <a:gd name="connsiteX20" fmla="*/ 133257 w 798638"/>
              <a:gd name="connsiteY20" fmla="*/ 945913 h 2449001"/>
              <a:gd name="connsiteX21" fmla="*/ 218310 w 798638"/>
              <a:gd name="connsiteY21" fmla="*/ 0 h 2449001"/>
              <a:gd name="connsiteX0" fmla="*/ 425696 w 798137"/>
              <a:gd name="connsiteY0" fmla="*/ 1331843 h 2449001"/>
              <a:gd name="connsiteX1" fmla="*/ 537015 w 798137"/>
              <a:gd name="connsiteY1" fmla="*/ 1379551 h 2449001"/>
              <a:gd name="connsiteX2" fmla="*/ 775553 w 798137"/>
              <a:gd name="connsiteY2" fmla="*/ 1406369 h 2449001"/>
              <a:gd name="connsiteX3" fmla="*/ 613659 w 798137"/>
              <a:gd name="connsiteY3" fmla="*/ 1785816 h 2449001"/>
              <a:gd name="connsiteX4" fmla="*/ 604600 w 798137"/>
              <a:gd name="connsiteY4" fmla="*/ 2441050 h 2449001"/>
              <a:gd name="connsiteX5" fmla="*/ 314378 w 798137"/>
              <a:gd name="connsiteY5" fmla="*/ 2445025 h 2449001"/>
              <a:gd name="connsiteX6" fmla="*/ 207035 w 798137"/>
              <a:gd name="connsiteY6" fmla="*/ 1673750 h 2449001"/>
              <a:gd name="connsiteX7" fmla="*/ 203060 w 798137"/>
              <a:gd name="connsiteY7" fmla="*/ 2441050 h 2449001"/>
              <a:gd name="connsiteX8" fmla="*/ 131498 w 798137"/>
              <a:gd name="connsiteY8" fmla="*/ 2449001 h 2449001"/>
              <a:gd name="connsiteX9" fmla="*/ 301 w 798137"/>
              <a:gd name="connsiteY9" fmla="*/ 1701579 h 2449001"/>
              <a:gd name="connsiteX10" fmla="*/ 95814 w 798137"/>
              <a:gd name="connsiteY10" fmla="*/ 1597201 h 2449001"/>
              <a:gd name="connsiteX11" fmla="*/ 84343 w 798137"/>
              <a:gd name="connsiteY11" fmla="*/ 1389262 h 2449001"/>
              <a:gd name="connsiteX12" fmla="*/ 334256 w 798137"/>
              <a:gd name="connsiteY12" fmla="*/ 1375575 h 2449001"/>
              <a:gd name="connsiteX13" fmla="*/ 425696 w 798137"/>
              <a:gd name="connsiteY13" fmla="*/ 1331843 h 2449001"/>
              <a:gd name="connsiteX14" fmla="*/ 218310 w 798137"/>
              <a:gd name="connsiteY14" fmla="*/ 0 h 2449001"/>
              <a:gd name="connsiteX15" fmla="*/ 570023 w 798137"/>
              <a:gd name="connsiteY15" fmla="*/ 3422 h 2449001"/>
              <a:gd name="connsiteX16" fmla="*/ 677271 w 798137"/>
              <a:gd name="connsiteY16" fmla="*/ 938156 h 2449001"/>
              <a:gd name="connsiteX17" fmla="*/ 719893 w 798137"/>
              <a:gd name="connsiteY17" fmla="*/ 1307990 h 2449001"/>
              <a:gd name="connsiteX18" fmla="*/ 409792 w 798137"/>
              <a:gd name="connsiteY18" fmla="*/ 1268233 h 2449001"/>
              <a:gd name="connsiteX19" fmla="*/ 99692 w 798137"/>
              <a:gd name="connsiteY19" fmla="*/ 1288111 h 2449001"/>
              <a:gd name="connsiteX20" fmla="*/ 133257 w 798137"/>
              <a:gd name="connsiteY20" fmla="*/ 945913 h 2449001"/>
              <a:gd name="connsiteX21" fmla="*/ 218310 w 798137"/>
              <a:gd name="connsiteY21" fmla="*/ 0 h 2449001"/>
              <a:gd name="connsiteX0" fmla="*/ 425696 w 797686"/>
              <a:gd name="connsiteY0" fmla="*/ 1331843 h 2449001"/>
              <a:gd name="connsiteX1" fmla="*/ 537015 w 797686"/>
              <a:gd name="connsiteY1" fmla="*/ 1379551 h 2449001"/>
              <a:gd name="connsiteX2" fmla="*/ 775553 w 797686"/>
              <a:gd name="connsiteY2" fmla="*/ 1406369 h 2449001"/>
              <a:gd name="connsiteX3" fmla="*/ 613659 w 797686"/>
              <a:gd name="connsiteY3" fmla="*/ 1785816 h 2449001"/>
              <a:gd name="connsiteX4" fmla="*/ 604600 w 797686"/>
              <a:gd name="connsiteY4" fmla="*/ 2441050 h 2449001"/>
              <a:gd name="connsiteX5" fmla="*/ 314378 w 797686"/>
              <a:gd name="connsiteY5" fmla="*/ 2445025 h 2449001"/>
              <a:gd name="connsiteX6" fmla="*/ 207035 w 797686"/>
              <a:gd name="connsiteY6" fmla="*/ 1673750 h 2449001"/>
              <a:gd name="connsiteX7" fmla="*/ 203060 w 797686"/>
              <a:gd name="connsiteY7" fmla="*/ 2441050 h 2449001"/>
              <a:gd name="connsiteX8" fmla="*/ 131498 w 797686"/>
              <a:gd name="connsiteY8" fmla="*/ 2449001 h 2449001"/>
              <a:gd name="connsiteX9" fmla="*/ 301 w 797686"/>
              <a:gd name="connsiteY9" fmla="*/ 1701579 h 2449001"/>
              <a:gd name="connsiteX10" fmla="*/ 95814 w 797686"/>
              <a:gd name="connsiteY10" fmla="*/ 1597201 h 2449001"/>
              <a:gd name="connsiteX11" fmla="*/ 84343 w 797686"/>
              <a:gd name="connsiteY11" fmla="*/ 1389262 h 2449001"/>
              <a:gd name="connsiteX12" fmla="*/ 334256 w 797686"/>
              <a:gd name="connsiteY12" fmla="*/ 1375575 h 2449001"/>
              <a:gd name="connsiteX13" fmla="*/ 425696 w 797686"/>
              <a:gd name="connsiteY13" fmla="*/ 1331843 h 2449001"/>
              <a:gd name="connsiteX14" fmla="*/ 218310 w 797686"/>
              <a:gd name="connsiteY14" fmla="*/ 0 h 2449001"/>
              <a:gd name="connsiteX15" fmla="*/ 570023 w 797686"/>
              <a:gd name="connsiteY15" fmla="*/ 3422 h 2449001"/>
              <a:gd name="connsiteX16" fmla="*/ 677271 w 797686"/>
              <a:gd name="connsiteY16" fmla="*/ 938156 h 2449001"/>
              <a:gd name="connsiteX17" fmla="*/ 719893 w 797686"/>
              <a:gd name="connsiteY17" fmla="*/ 1307990 h 2449001"/>
              <a:gd name="connsiteX18" fmla="*/ 409792 w 797686"/>
              <a:gd name="connsiteY18" fmla="*/ 1268233 h 2449001"/>
              <a:gd name="connsiteX19" fmla="*/ 99692 w 797686"/>
              <a:gd name="connsiteY19" fmla="*/ 1288111 h 2449001"/>
              <a:gd name="connsiteX20" fmla="*/ 133257 w 797686"/>
              <a:gd name="connsiteY20" fmla="*/ 945913 h 2449001"/>
              <a:gd name="connsiteX21" fmla="*/ 218310 w 797686"/>
              <a:gd name="connsiteY21" fmla="*/ 0 h 2449001"/>
              <a:gd name="connsiteX0" fmla="*/ 425696 w 797686"/>
              <a:gd name="connsiteY0" fmla="*/ 1331843 h 2449001"/>
              <a:gd name="connsiteX1" fmla="*/ 537015 w 797686"/>
              <a:gd name="connsiteY1" fmla="*/ 1379551 h 2449001"/>
              <a:gd name="connsiteX2" fmla="*/ 775553 w 797686"/>
              <a:gd name="connsiteY2" fmla="*/ 1406369 h 2449001"/>
              <a:gd name="connsiteX3" fmla="*/ 613659 w 797686"/>
              <a:gd name="connsiteY3" fmla="*/ 1785816 h 2449001"/>
              <a:gd name="connsiteX4" fmla="*/ 604600 w 797686"/>
              <a:gd name="connsiteY4" fmla="*/ 2441050 h 2449001"/>
              <a:gd name="connsiteX5" fmla="*/ 314378 w 797686"/>
              <a:gd name="connsiteY5" fmla="*/ 2445025 h 2449001"/>
              <a:gd name="connsiteX6" fmla="*/ 213878 w 797686"/>
              <a:gd name="connsiteY6" fmla="*/ 1707967 h 2449001"/>
              <a:gd name="connsiteX7" fmla="*/ 203060 w 797686"/>
              <a:gd name="connsiteY7" fmla="*/ 2441050 h 2449001"/>
              <a:gd name="connsiteX8" fmla="*/ 131498 w 797686"/>
              <a:gd name="connsiteY8" fmla="*/ 2449001 h 2449001"/>
              <a:gd name="connsiteX9" fmla="*/ 301 w 797686"/>
              <a:gd name="connsiteY9" fmla="*/ 1701579 h 2449001"/>
              <a:gd name="connsiteX10" fmla="*/ 95814 w 797686"/>
              <a:gd name="connsiteY10" fmla="*/ 1597201 h 2449001"/>
              <a:gd name="connsiteX11" fmla="*/ 84343 w 797686"/>
              <a:gd name="connsiteY11" fmla="*/ 1389262 h 2449001"/>
              <a:gd name="connsiteX12" fmla="*/ 334256 w 797686"/>
              <a:gd name="connsiteY12" fmla="*/ 1375575 h 2449001"/>
              <a:gd name="connsiteX13" fmla="*/ 425696 w 797686"/>
              <a:gd name="connsiteY13" fmla="*/ 1331843 h 2449001"/>
              <a:gd name="connsiteX14" fmla="*/ 218310 w 797686"/>
              <a:gd name="connsiteY14" fmla="*/ 0 h 2449001"/>
              <a:gd name="connsiteX15" fmla="*/ 570023 w 797686"/>
              <a:gd name="connsiteY15" fmla="*/ 3422 h 2449001"/>
              <a:gd name="connsiteX16" fmla="*/ 677271 w 797686"/>
              <a:gd name="connsiteY16" fmla="*/ 938156 h 2449001"/>
              <a:gd name="connsiteX17" fmla="*/ 719893 w 797686"/>
              <a:gd name="connsiteY17" fmla="*/ 1307990 h 2449001"/>
              <a:gd name="connsiteX18" fmla="*/ 409792 w 797686"/>
              <a:gd name="connsiteY18" fmla="*/ 1268233 h 2449001"/>
              <a:gd name="connsiteX19" fmla="*/ 99692 w 797686"/>
              <a:gd name="connsiteY19" fmla="*/ 1288111 h 2449001"/>
              <a:gd name="connsiteX20" fmla="*/ 133257 w 797686"/>
              <a:gd name="connsiteY20" fmla="*/ 945913 h 2449001"/>
              <a:gd name="connsiteX21" fmla="*/ 218310 w 797686"/>
              <a:gd name="connsiteY21" fmla="*/ 0 h 2449001"/>
              <a:gd name="connsiteX0" fmla="*/ 425696 w 797686"/>
              <a:gd name="connsiteY0" fmla="*/ 1331843 h 2449001"/>
              <a:gd name="connsiteX1" fmla="*/ 537015 w 797686"/>
              <a:gd name="connsiteY1" fmla="*/ 1379551 h 2449001"/>
              <a:gd name="connsiteX2" fmla="*/ 775553 w 797686"/>
              <a:gd name="connsiteY2" fmla="*/ 1406369 h 2449001"/>
              <a:gd name="connsiteX3" fmla="*/ 613659 w 797686"/>
              <a:gd name="connsiteY3" fmla="*/ 1785816 h 2449001"/>
              <a:gd name="connsiteX4" fmla="*/ 604600 w 797686"/>
              <a:gd name="connsiteY4" fmla="*/ 2441050 h 2449001"/>
              <a:gd name="connsiteX5" fmla="*/ 314378 w 797686"/>
              <a:gd name="connsiteY5" fmla="*/ 2445025 h 2449001"/>
              <a:gd name="connsiteX6" fmla="*/ 213878 w 797686"/>
              <a:gd name="connsiteY6" fmla="*/ 1707967 h 2449001"/>
              <a:gd name="connsiteX7" fmla="*/ 203060 w 797686"/>
              <a:gd name="connsiteY7" fmla="*/ 2441050 h 2449001"/>
              <a:gd name="connsiteX8" fmla="*/ 131498 w 797686"/>
              <a:gd name="connsiteY8" fmla="*/ 2449001 h 2449001"/>
              <a:gd name="connsiteX9" fmla="*/ 301 w 797686"/>
              <a:gd name="connsiteY9" fmla="*/ 1701579 h 2449001"/>
              <a:gd name="connsiteX10" fmla="*/ 95814 w 797686"/>
              <a:gd name="connsiteY10" fmla="*/ 1597201 h 2449001"/>
              <a:gd name="connsiteX11" fmla="*/ 84343 w 797686"/>
              <a:gd name="connsiteY11" fmla="*/ 1389262 h 2449001"/>
              <a:gd name="connsiteX12" fmla="*/ 334256 w 797686"/>
              <a:gd name="connsiteY12" fmla="*/ 1375575 h 2449001"/>
              <a:gd name="connsiteX13" fmla="*/ 425696 w 797686"/>
              <a:gd name="connsiteY13" fmla="*/ 1331843 h 2449001"/>
              <a:gd name="connsiteX14" fmla="*/ 218310 w 797686"/>
              <a:gd name="connsiteY14" fmla="*/ 0 h 2449001"/>
              <a:gd name="connsiteX15" fmla="*/ 570023 w 797686"/>
              <a:gd name="connsiteY15" fmla="*/ 3422 h 2449001"/>
              <a:gd name="connsiteX16" fmla="*/ 677271 w 797686"/>
              <a:gd name="connsiteY16" fmla="*/ 938156 h 2449001"/>
              <a:gd name="connsiteX17" fmla="*/ 719893 w 797686"/>
              <a:gd name="connsiteY17" fmla="*/ 1307990 h 2449001"/>
              <a:gd name="connsiteX18" fmla="*/ 409792 w 797686"/>
              <a:gd name="connsiteY18" fmla="*/ 1268233 h 2449001"/>
              <a:gd name="connsiteX19" fmla="*/ 99692 w 797686"/>
              <a:gd name="connsiteY19" fmla="*/ 1288111 h 2449001"/>
              <a:gd name="connsiteX20" fmla="*/ 133257 w 797686"/>
              <a:gd name="connsiteY20" fmla="*/ 945913 h 2449001"/>
              <a:gd name="connsiteX21" fmla="*/ 218310 w 797686"/>
              <a:gd name="connsiteY21" fmla="*/ 0 h 2449001"/>
              <a:gd name="connsiteX0" fmla="*/ 425696 w 797686"/>
              <a:gd name="connsiteY0" fmla="*/ 1331843 h 2449001"/>
              <a:gd name="connsiteX1" fmla="*/ 537015 w 797686"/>
              <a:gd name="connsiteY1" fmla="*/ 1379551 h 2449001"/>
              <a:gd name="connsiteX2" fmla="*/ 775553 w 797686"/>
              <a:gd name="connsiteY2" fmla="*/ 1406369 h 2449001"/>
              <a:gd name="connsiteX3" fmla="*/ 613659 w 797686"/>
              <a:gd name="connsiteY3" fmla="*/ 1785816 h 2449001"/>
              <a:gd name="connsiteX4" fmla="*/ 604600 w 797686"/>
              <a:gd name="connsiteY4" fmla="*/ 2441050 h 2449001"/>
              <a:gd name="connsiteX5" fmla="*/ 314378 w 797686"/>
              <a:gd name="connsiteY5" fmla="*/ 2445025 h 2449001"/>
              <a:gd name="connsiteX6" fmla="*/ 224143 w 797686"/>
              <a:gd name="connsiteY6" fmla="*/ 1721654 h 2449001"/>
              <a:gd name="connsiteX7" fmla="*/ 203060 w 797686"/>
              <a:gd name="connsiteY7" fmla="*/ 2441050 h 2449001"/>
              <a:gd name="connsiteX8" fmla="*/ 131498 w 797686"/>
              <a:gd name="connsiteY8" fmla="*/ 2449001 h 2449001"/>
              <a:gd name="connsiteX9" fmla="*/ 301 w 797686"/>
              <a:gd name="connsiteY9" fmla="*/ 1701579 h 2449001"/>
              <a:gd name="connsiteX10" fmla="*/ 95814 w 797686"/>
              <a:gd name="connsiteY10" fmla="*/ 1597201 h 2449001"/>
              <a:gd name="connsiteX11" fmla="*/ 84343 w 797686"/>
              <a:gd name="connsiteY11" fmla="*/ 1389262 h 2449001"/>
              <a:gd name="connsiteX12" fmla="*/ 334256 w 797686"/>
              <a:gd name="connsiteY12" fmla="*/ 1375575 h 2449001"/>
              <a:gd name="connsiteX13" fmla="*/ 425696 w 797686"/>
              <a:gd name="connsiteY13" fmla="*/ 1331843 h 2449001"/>
              <a:gd name="connsiteX14" fmla="*/ 218310 w 797686"/>
              <a:gd name="connsiteY14" fmla="*/ 0 h 2449001"/>
              <a:gd name="connsiteX15" fmla="*/ 570023 w 797686"/>
              <a:gd name="connsiteY15" fmla="*/ 3422 h 2449001"/>
              <a:gd name="connsiteX16" fmla="*/ 677271 w 797686"/>
              <a:gd name="connsiteY16" fmla="*/ 938156 h 2449001"/>
              <a:gd name="connsiteX17" fmla="*/ 719893 w 797686"/>
              <a:gd name="connsiteY17" fmla="*/ 1307990 h 2449001"/>
              <a:gd name="connsiteX18" fmla="*/ 409792 w 797686"/>
              <a:gd name="connsiteY18" fmla="*/ 1268233 h 2449001"/>
              <a:gd name="connsiteX19" fmla="*/ 99692 w 797686"/>
              <a:gd name="connsiteY19" fmla="*/ 1288111 h 2449001"/>
              <a:gd name="connsiteX20" fmla="*/ 133257 w 797686"/>
              <a:gd name="connsiteY20" fmla="*/ 945913 h 2449001"/>
              <a:gd name="connsiteX21" fmla="*/ 218310 w 797686"/>
              <a:gd name="connsiteY21" fmla="*/ 0 h 2449001"/>
              <a:gd name="connsiteX0" fmla="*/ 425647 w 797637"/>
              <a:gd name="connsiteY0" fmla="*/ 1331843 h 2449001"/>
              <a:gd name="connsiteX1" fmla="*/ 536966 w 797637"/>
              <a:gd name="connsiteY1" fmla="*/ 1379551 h 2449001"/>
              <a:gd name="connsiteX2" fmla="*/ 775504 w 797637"/>
              <a:gd name="connsiteY2" fmla="*/ 1406369 h 2449001"/>
              <a:gd name="connsiteX3" fmla="*/ 613610 w 797637"/>
              <a:gd name="connsiteY3" fmla="*/ 1785816 h 2449001"/>
              <a:gd name="connsiteX4" fmla="*/ 604551 w 797637"/>
              <a:gd name="connsiteY4" fmla="*/ 2441050 h 2449001"/>
              <a:gd name="connsiteX5" fmla="*/ 314329 w 797637"/>
              <a:gd name="connsiteY5" fmla="*/ 2445025 h 2449001"/>
              <a:gd name="connsiteX6" fmla="*/ 224094 w 797637"/>
              <a:gd name="connsiteY6" fmla="*/ 1721654 h 2449001"/>
              <a:gd name="connsiteX7" fmla="*/ 203011 w 797637"/>
              <a:gd name="connsiteY7" fmla="*/ 2441050 h 2449001"/>
              <a:gd name="connsiteX8" fmla="*/ 131449 w 797637"/>
              <a:gd name="connsiteY8" fmla="*/ 2449001 h 2449001"/>
              <a:gd name="connsiteX9" fmla="*/ 252 w 797637"/>
              <a:gd name="connsiteY9" fmla="*/ 1701579 h 2449001"/>
              <a:gd name="connsiteX10" fmla="*/ 112873 w 797637"/>
              <a:gd name="connsiteY10" fmla="*/ 1641682 h 2449001"/>
              <a:gd name="connsiteX11" fmla="*/ 84294 w 797637"/>
              <a:gd name="connsiteY11" fmla="*/ 1389262 h 2449001"/>
              <a:gd name="connsiteX12" fmla="*/ 334207 w 797637"/>
              <a:gd name="connsiteY12" fmla="*/ 1375575 h 2449001"/>
              <a:gd name="connsiteX13" fmla="*/ 425647 w 797637"/>
              <a:gd name="connsiteY13" fmla="*/ 1331843 h 2449001"/>
              <a:gd name="connsiteX14" fmla="*/ 218261 w 797637"/>
              <a:gd name="connsiteY14" fmla="*/ 0 h 2449001"/>
              <a:gd name="connsiteX15" fmla="*/ 569974 w 797637"/>
              <a:gd name="connsiteY15" fmla="*/ 3422 h 2449001"/>
              <a:gd name="connsiteX16" fmla="*/ 677222 w 797637"/>
              <a:gd name="connsiteY16" fmla="*/ 938156 h 2449001"/>
              <a:gd name="connsiteX17" fmla="*/ 719844 w 797637"/>
              <a:gd name="connsiteY17" fmla="*/ 1307990 h 2449001"/>
              <a:gd name="connsiteX18" fmla="*/ 409743 w 797637"/>
              <a:gd name="connsiteY18" fmla="*/ 1268233 h 2449001"/>
              <a:gd name="connsiteX19" fmla="*/ 99643 w 797637"/>
              <a:gd name="connsiteY19" fmla="*/ 1288111 h 2449001"/>
              <a:gd name="connsiteX20" fmla="*/ 133208 w 797637"/>
              <a:gd name="connsiteY20" fmla="*/ 945913 h 2449001"/>
              <a:gd name="connsiteX21" fmla="*/ 218261 w 797637"/>
              <a:gd name="connsiteY21" fmla="*/ 0 h 2449001"/>
              <a:gd name="connsiteX0" fmla="*/ 425647 w 797637"/>
              <a:gd name="connsiteY0" fmla="*/ 1331843 h 2449001"/>
              <a:gd name="connsiteX1" fmla="*/ 536966 w 797637"/>
              <a:gd name="connsiteY1" fmla="*/ 1379551 h 2449001"/>
              <a:gd name="connsiteX2" fmla="*/ 775504 w 797637"/>
              <a:gd name="connsiteY2" fmla="*/ 1406369 h 2449001"/>
              <a:gd name="connsiteX3" fmla="*/ 613610 w 797637"/>
              <a:gd name="connsiteY3" fmla="*/ 1785816 h 2449001"/>
              <a:gd name="connsiteX4" fmla="*/ 604551 w 797637"/>
              <a:gd name="connsiteY4" fmla="*/ 2441050 h 2449001"/>
              <a:gd name="connsiteX5" fmla="*/ 314329 w 797637"/>
              <a:gd name="connsiteY5" fmla="*/ 2445025 h 2449001"/>
              <a:gd name="connsiteX6" fmla="*/ 224094 w 797637"/>
              <a:gd name="connsiteY6" fmla="*/ 1721654 h 2449001"/>
              <a:gd name="connsiteX7" fmla="*/ 203011 w 797637"/>
              <a:gd name="connsiteY7" fmla="*/ 2441050 h 2449001"/>
              <a:gd name="connsiteX8" fmla="*/ 131449 w 797637"/>
              <a:gd name="connsiteY8" fmla="*/ 2449001 h 2449001"/>
              <a:gd name="connsiteX9" fmla="*/ 252 w 797637"/>
              <a:gd name="connsiteY9" fmla="*/ 1701579 h 2449001"/>
              <a:gd name="connsiteX10" fmla="*/ 112873 w 797637"/>
              <a:gd name="connsiteY10" fmla="*/ 1641682 h 2449001"/>
              <a:gd name="connsiteX11" fmla="*/ 84294 w 797637"/>
              <a:gd name="connsiteY11" fmla="*/ 1389262 h 2449001"/>
              <a:gd name="connsiteX12" fmla="*/ 334207 w 797637"/>
              <a:gd name="connsiteY12" fmla="*/ 1375575 h 2449001"/>
              <a:gd name="connsiteX13" fmla="*/ 425647 w 797637"/>
              <a:gd name="connsiteY13" fmla="*/ 1331843 h 2449001"/>
              <a:gd name="connsiteX14" fmla="*/ 218261 w 797637"/>
              <a:gd name="connsiteY14" fmla="*/ 0 h 2449001"/>
              <a:gd name="connsiteX15" fmla="*/ 569974 w 797637"/>
              <a:gd name="connsiteY15" fmla="*/ 3422 h 2449001"/>
              <a:gd name="connsiteX16" fmla="*/ 677222 w 797637"/>
              <a:gd name="connsiteY16" fmla="*/ 938156 h 2449001"/>
              <a:gd name="connsiteX17" fmla="*/ 719844 w 797637"/>
              <a:gd name="connsiteY17" fmla="*/ 1307990 h 2449001"/>
              <a:gd name="connsiteX18" fmla="*/ 409743 w 797637"/>
              <a:gd name="connsiteY18" fmla="*/ 1268233 h 2449001"/>
              <a:gd name="connsiteX19" fmla="*/ 99643 w 797637"/>
              <a:gd name="connsiteY19" fmla="*/ 1288111 h 2449001"/>
              <a:gd name="connsiteX20" fmla="*/ 133208 w 797637"/>
              <a:gd name="connsiteY20" fmla="*/ 945913 h 2449001"/>
              <a:gd name="connsiteX21" fmla="*/ 218261 w 797637"/>
              <a:gd name="connsiteY21" fmla="*/ 0 h 2449001"/>
              <a:gd name="connsiteX0" fmla="*/ 425647 w 797637"/>
              <a:gd name="connsiteY0" fmla="*/ 1331843 h 2449001"/>
              <a:gd name="connsiteX1" fmla="*/ 536966 w 797637"/>
              <a:gd name="connsiteY1" fmla="*/ 1379551 h 2449001"/>
              <a:gd name="connsiteX2" fmla="*/ 775504 w 797637"/>
              <a:gd name="connsiteY2" fmla="*/ 1406369 h 2449001"/>
              <a:gd name="connsiteX3" fmla="*/ 613610 w 797637"/>
              <a:gd name="connsiteY3" fmla="*/ 1785816 h 2449001"/>
              <a:gd name="connsiteX4" fmla="*/ 604551 w 797637"/>
              <a:gd name="connsiteY4" fmla="*/ 2441050 h 2449001"/>
              <a:gd name="connsiteX5" fmla="*/ 314329 w 797637"/>
              <a:gd name="connsiteY5" fmla="*/ 2445025 h 2449001"/>
              <a:gd name="connsiteX6" fmla="*/ 224094 w 797637"/>
              <a:gd name="connsiteY6" fmla="*/ 1721654 h 2449001"/>
              <a:gd name="connsiteX7" fmla="*/ 203011 w 797637"/>
              <a:gd name="connsiteY7" fmla="*/ 2441050 h 2449001"/>
              <a:gd name="connsiteX8" fmla="*/ 131449 w 797637"/>
              <a:gd name="connsiteY8" fmla="*/ 2449001 h 2449001"/>
              <a:gd name="connsiteX9" fmla="*/ 252 w 797637"/>
              <a:gd name="connsiteY9" fmla="*/ 1701579 h 2449001"/>
              <a:gd name="connsiteX10" fmla="*/ 112873 w 797637"/>
              <a:gd name="connsiteY10" fmla="*/ 1641682 h 2449001"/>
              <a:gd name="connsiteX11" fmla="*/ 84294 w 797637"/>
              <a:gd name="connsiteY11" fmla="*/ 1389262 h 2449001"/>
              <a:gd name="connsiteX12" fmla="*/ 334207 w 797637"/>
              <a:gd name="connsiteY12" fmla="*/ 1375575 h 2449001"/>
              <a:gd name="connsiteX13" fmla="*/ 425647 w 797637"/>
              <a:gd name="connsiteY13" fmla="*/ 1331843 h 2449001"/>
              <a:gd name="connsiteX14" fmla="*/ 218261 w 797637"/>
              <a:gd name="connsiteY14" fmla="*/ 0 h 2449001"/>
              <a:gd name="connsiteX15" fmla="*/ 569974 w 797637"/>
              <a:gd name="connsiteY15" fmla="*/ 3422 h 2449001"/>
              <a:gd name="connsiteX16" fmla="*/ 677222 w 797637"/>
              <a:gd name="connsiteY16" fmla="*/ 938156 h 2449001"/>
              <a:gd name="connsiteX17" fmla="*/ 719844 w 797637"/>
              <a:gd name="connsiteY17" fmla="*/ 1307990 h 2449001"/>
              <a:gd name="connsiteX18" fmla="*/ 409743 w 797637"/>
              <a:gd name="connsiteY18" fmla="*/ 1268233 h 2449001"/>
              <a:gd name="connsiteX19" fmla="*/ 99643 w 797637"/>
              <a:gd name="connsiteY19" fmla="*/ 1288111 h 2449001"/>
              <a:gd name="connsiteX20" fmla="*/ 133208 w 797637"/>
              <a:gd name="connsiteY20" fmla="*/ 945913 h 2449001"/>
              <a:gd name="connsiteX21" fmla="*/ 218261 w 797637"/>
              <a:gd name="connsiteY21" fmla="*/ 0 h 2449001"/>
              <a:gd name="connsiteX0" fmla="*/ 405179 w 777169"/>
              <a:gd name="connsiteY0" fmla="*/ 1331843 h 2449001"/>
              <a:gd name="connsiteX1" fmla="*/ 516498 w 777169"/>
              <a:gd name="connsiteY1" fmla="*/ 1379551 h 2449001"/>
              <a:gd name="connsiteX2" fmla="*/ 755036 w 777169"/>
              <a:gd name="connsiteY2" fmla="*/ 1406369 h 2449001"/>
              <a:gd name="connsiteX3" fmla="*/ 593142 w 777169"/>
              <a:gd name="connsiteY3" fmla="*/ 1785816 h 2449001"/>
              <a:gd name="connsiteX4" fmla="*/ 584083 w 777169"/>
              <a:gd name="connsiteY4" fmla="*/ 2441050 h 2449001"/>
              <a:gd name="connsiteX5" fmla="*/ 293861 w 777169"/>
              <a:gd name="connsiteY5" fmla="*/ 2445025 h 2449001"/>
              <a:gd name="connsiteX6" fmla="*/ 203626 w 777169"/>
              <a:gd name="connsiteY6" fmla="*/ 1721654 h 2449001"/>
              <a:gd name="connsiteX7" fmla="*/ 182543 w 777169"/>
              <a:gd name="connsiteY7" fmla="*/ 2441050 h 2449001"/>
              <a:gd name="connsiteX8" fmla="*/ 110981 w 777169"/>
              <a:gd name="connsiteY8" fmla="*/ 2449001 h 2449001"/>
              <a:gd name="connsiteX9" fmla="*/ 313 w 777169"/>
              <a:gd name="connsiteY9" fmla="*/ 1749481 h 2449001"/>
              <a:gd name="connsiteX10" fmla="*/ 92405 w 777169"/>
              <a:gd name="connsiteY10" fmla="*/ 1641682 h 2449001"/>
              <a:gd name="connsiteX11" fmla="*/ 63826 w 777169"/>
              <a:gd name="connsiteY11" fmla="*/ 1389262 h 2449001"/>
              <a:gd name="connsiteX12" fmla="*/ 313739 w 777169"/>
              <a:gd name="connsiteY12" fmla="*/ 1375575 h 2449001"/>
              <a:gd name="connsiteX13" fmla="*/ 405179 w 777169"/>
              <a:gd name="connsiteY13" fmla="*/ 1331843 h 2449001"/>
              <a:gd name="connsiteX14" fmla="*/ 197793 w 777169"/>
              <a:gd name="connsiteY14" fmla="*/ 0 h 2449001"/>
              <a:gd name="connsiteX15" fmla="*/ 549506 w 777169"/>
              <a:gd name="connsiteY15" fmla="*/ 3422 h 2449001"/>
              <a:gd name="connsiteX16" fmla="*/ 656754 w 777169"/>
              <a:gd name="connsiteY16" fmla="*/ 938156 h 2449001"/>
              <a:gd name="connsiteX17" fmla="*/ 699376 w 777169"/>
              <a:gd name="connsiteY17" fmla="*/ 1307990 h 2449001"/>
              <a:gd name="connsiteX18" fmla="*/ 389275 w 777169"/>
              <a:gd name="connsiteY18" fmla="*/ 1268233 h 2449001"/>
              <a:gd name="connsiteX19" fmla="*/ 79175 w 777169"/>
              <a:gd name="connsiteY19" fmla="*/ 1288111 h 2449001"/>
              <a:gd name="connsiteX20" fmla="*/ 112740 w 777169"/>
              <a:gd name="connsiteY20" fmla="*/ 945913 h 2449001"/>
              <a:gd name="connsiteX21" fmla="*/ 197793 w 777169"/>
              <a:gd name="connsiteY21" fmla="*/ 0 h 2449001"/>
              <a:gd name="connsiteX0" fmla="*/ 413332 w 785322"/>
              <a:gd name="connsiteY0" fmla="*/ 1331843 h 2449001"/>
              <a:gd name="connsiteX1" fmla="*/ 524651 w 785322"/>
              <a:gd name="connsiteY1" fmla="*/ 1379551 h 2449001"/>
              <a:gd name="connsiteX2" fmla="*/ 763189 w 785322"/>
              <a:gd name="connsiteY2" fmla="*/ 1406369 h 2449001"/>
              <a:gd name="connsiteX3" fmla="*/ 601295 w 785322"/>
              <a:gd name="connsiteY3" fmla="*/ 1785816 h 2449001"/>
              <a:gd name="connsiteX4" fmla="*/ 592236 w 785322"/>
              <a:gd name="connsiteY4" fmla="*/ 2441050 h 2449001"/>
              <a:gd name="connsiteX5" fmla="*/ 302014 w 785322"/>
              <a:gd name="connsiteY5" fmla="*/ 2445025 h 2449001"/>
              <a:gd name="connsiteX6" fmla="*/ 211779 w 785322"/>
              <a:gd name="connsiteY6" fmla="*/ 1721654 h 2449001"/>
              <a:gd name="connsiteX7" fmla="*/ 190696 w 785322"/>
              <a:gd name="connsiteY7" fmla="*/ 2441050 h 2449001"/>
              <a:gd name="connsiteX8" fmla="*/ 119134 w 785322"/>
              <a:gd name="connsiteY8" fmla="*/ 2449001 h 2449001"/>
              <a:gd name="connsiteX9" fmla="*/ 8466 w 785322"/>
              <a:gd name="connsiteY9" fmla="*/ 1749481 h 2449001"/>
              <a:gd name="connsiteX10" fmla="*/ 100558 w 785322"/>
              <a:gd name="connsiteY10" fmla="*/ 1641682 h 2449001"/>
              <a:gd name="connsiteX11" fmla="*/ 71979 w 785322"/>
              <a:gd name="connsiteY11" fmla="*/ 1389262 h 2449001"/>
              <a:gd name="connsiteX12" fmla="*/ 321892 w 785322"/>
              <a:gd name="connsiteY12" fmla="*/ 1375575 h 2449001"/>
              <a:gd name="connsiteX13" fmla="*/ 413332 w 785322"/>
              <a:gd name="connsiteY13" fmla="*/ 1331843 h 2449001"/>
              <a:gd name="connsiteX14" fmla="*/ 205946 w 785322"/>
              <a:gd name="connsiteY14" fmla="*/ 0 h 2449001"/>
              <a:gd name="connsiteX15" fmla="*/ 557659 w 785322"/>
              <a:gd name="connsiteY15" fmla="*/ 3422 h 2449001"/>
              <a:gd name="connsiteX16" fmla="*/ 664907 w 785322"/>
              <a:gd name="connsiteY16" fmla="*/ 938156 h 2449001"/>
              <a:gd name="connsiteX17" fmla="*/ 707529 w 785322"/>
              <a:gd name="connsiteY17" fmla="*/ 1307990 h 2449001"/>
              <a:gd name="connsiteX18" fmla="*/ 397428 w 785322"/>
              <a:gd name="connsiteY18" fmla="*/ 1268233 h 2449001"/>
              <a:gd name="connsiteX19" fmla="*/ 87328 w 785322"/>
              <a:gd name="connsiteY19" fmla="*/ 1288111 h 2449001"/>
              <a:gd name="connsiteX20" fmla="*/ 120893 w 785322"/>
              <a:gd name="connsiteY20" fmla="*/ 945913 h 2449001"/>
              <a:gd name="connsiteX21" fmla="*/ 205946 w 785322"/>
              <a:gd name="connsiteY21" fmla="*/ 0 h 244900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</a:cxnLst>
            <a:rect l="l" t="t" r="r" b="b"/>
            <a:pathLst>
              <a:path w="785322" h="2449001">
                <a:moveTo>
                  <a:pt x="413332" y="1331843"/>
                </a:moveTo>
                <a:cubicBezTo>
                  <a:pt x="470316" y="1339795"/>
                  <a:pt x="487545" y="1363648"/>
                  <a:pt x="524651" y="1379551"/>
                </a:cubicBezTo>
                <a:cubicBezTo>
                  <a:pt x="598461" y="1388490"/>
                  <a:pt x="730438" y="1342684"/>
                  <a:pt x="763189" y="1406369"/>
                </a:cubicBezTo>
                <a:cubicBezTo>
                  <a:pt x="860365" y="1644887"/>
                  <a:pt x="606378" y="1660931"/>
                  <a:pt x="601295" y="1785816"/>
                </a:cubicBezTo>
                <a:cubicBezTo>
                  <a:pt x="592018" y="1995200"/>
                  <a:pt x="585610" y="2024932"/>
                  <a:pt x="592236" y="2441050"/>
                </a:cubicBezTo>
                <a:lnTo>
                  <a:pt x="302014" y="2445025"/>
                </a:lnTo>
                <a:cubicBezTo>
                  <a:pt x="266233" y="2198535"/>
                  <a:pt x="340856" y="1660357"/>
                  <a:pt x="211779" y="1721654"/>
                </a:cubicBezTo>
                <a:cubicBezTo>
                  <a:pt x="170697" y="1762736"/>
                  <a:pt x="192021" y="2185283"/>
                  <a:pt x="190696" y="2441050"/>
                </a:cubicBezTo>
                <a:cubicBezTo>
                  <a:pt x="146301" y="2445688"/>
                  <a:pt x="179432" y="2445688"/>
                  <a:pt x="119134" y="2449001"/>
                </a:cubicBezTo>
                <a:cubicBezTo>
                  <a:pt x="103231" y="1623390"/>
                  <a:pt x="60150" y="1875377"/>
                  <a:pt x="8466" y="1749481"/>
                </a:cubicBezTo>
                <a:cubicBezTo>
                  <a:pt x="-31697" y="1604092"/>
                  <a:pt x="83130" y="1642413"/>
                  <a:pt x="100558" y="1641682"/>
                </a:cubicBezTo>
                <a:cubicBezTo>
                  <a:pt x="5622" y="1561516"/>
                  <a:pt x="-3874" y="1450657"/>
                  <a:pt x="71979" y="1389262"/>
                </a:cubicBezTo>
                <a:cubicBezTo>
                  <a:pt x="119567" y="1358010"/>
                  <a:pt x="239728" y="1375575"/>
                  <a:pt x="321892" y="1375575"/>
                </a:cubicBezTo>
                <a:cubicBezTo>
                  <a:pt x="347071" y="1360998"/>
                  <a:pt x="364299" y="1334493"/>
                  <a:pt x="413332" y="1331843"/>
                </a:cubicBezTo>
                <a:close/>
                <a:moveTo>
                  <a:pt x="205946" y="0"/>
                </a:moveTo>
                <a:lnTo>
                  <a:pt x="557659" y="3422"/>
                </a:lnTo>
                <a:cubicBezTo>
                  <a:pt x="580863" y="327547"/>
                  <a:pt x="489978" y="820211"/>
                  <a:pt x="664907" y="938156"/>
                </a:cubicBezTo>
                <a:cubicBezTo>
                  <a:pt x="834535" y="1061401"/>
                  <a:pt x="785141" y="1256861"/>
                  <a:pt x="707529" y="1307990"/>
                </a:cubicBezTo>
                <a:cubicBezTo>
                  <a:pt x="596211" y="1362324"/>
                  <a:pt x="496819" y="1313291"/>
                  <a:pt x="397428" y="1268233"/>
                </a:cubicBezTo>
                <a:cubicBezTo>
                  <a:pt x="324542" y="1317265"/>
                  <a:pt x="192020" y="1358347"/>
                  <a:pt x="87328" y="1288111"/>
                </a:cubicBezTo>
                <a:cubicBezTo>
                  <a:pt x="-33267" y="1184744"/>
                  <a:pt x="58608" y="985670"/>
                  <a:pt x="120893" y="945913"/>
                </a:cubicBezTo>
                <a:cubicBezTo>
                  <a:pt x="259584" y="846619"/>
                  <a:pt x="211126" y="365206"/>
                  <a:pt x="205946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70" name="Freeform 108">
            <a:extLst>
              <a:ext uri="{FF2B5EF4-FFF2-40B4-BE49-F238E27FC236}">
                <a16:creationId xmlns:a16="http://schemas.microsoft.com/office/drawing/2014/main" id="{6A02011B-41CE-4E20-9214-001F7D847E12}"/>
              </a:ext>
            </a:extLst>
          </p:cNvPr>
          <p:cNvSpPr/>
          <p:nvPr/>
        </p:nvSpPr>
        <p:spPr>
          <a:xfrm>
            <a:off x="6129967" y="2416730"/>
            <a:ext cx="501857" cy="554554"/>
          </a:xfrm>
          <a:custGeom>
            <a:avLst/>
            <a:gdLst/>
            <a:ahLst/>
            <a:cxnLst/>
            <a:rect l="l" t="t" r="r" b="b"/>
            <a:pathLst>
              <a:path w="341005" h="376812">
                <a:moveTo>
                  <a:pt x="179590" y="105941"/>
                </a:moveTo>
                <a:cubicBezTo>
                  <a:pt x="189466" y="103284"/>
                  <a:pt x="200229" y="106383"/>
                  <a:pt x="207502" y="113978"/>
                </a:cubicBezTo>
                <a:lnTo>
                  <a:pt x="205155" y="116193"/>
                </a:lnTo>
                <a:cubicBezTo>
                  <a:pt x="198727" y="109493"/>
                  <a:pt x="189244" y="106732"/>
                  <a:pt x="180543" y="109027"/>
                </a:cubicBezTo>
                <a:cubicBezTo>
                  <a:pt x="171284" y="111470"/>
                  <a:pt x="164597" y="119184"/>
                  <a:pt x="163491" y="128699"/>
                </a:cubicBezTo>
                <a:lnTo>
                  <a:pt x="160301" y="128192"/>
                </a:lnTo>
                <a:cubicBezTo>
                  <a:pt x="160626" y="125509"/>
                  <a:pt x="161343" y="122953"/>
                  <a:pt x="162397" y="120583"/>
                </a:cubicBezTo>
                <a:cubicBezTo>
                  <a:pt x="163188" y="118806"/>
                  <a:pt x="164168" y="117134"/>
                  <a:pt x="165317" y="115593"/>
                </a:cubicBezTo>
                <a:close/>
                <a:moveTo>
                  <a:pt x="184774" y="76800"/>
                </a:moveTo>
                <a:cubicBezTo>
                  <a:pt x="189722" y="75892"/>
                  <a:pt x="194950" y="76276"/>
                  <a:pt x="199898" y="78055"/>
                </a:cubicBezTo>
                <a:lnTo>
                  <a:pt x="198784" y="81085"/>
                </a:lnTo>
                <a:cubicBezTo>
                  <a:pt x="190044" y="77951"/>
                  <a:pt x="180324" y="79705"/>
                  <a:pt x="173557" y="85636"/>
                </a:cubicBezTo>
                <a:cubicBezTo>
                  <a:pt x="166357" y="91948"/>
                  <a:pt x="163808" y="101834"/>
                  <a:pt x="167057" y="110845"/>
                </a:cubicBezTo>
                <a:lnTo>
                  <a:pt x="163976" y="111813"/>
                </a:lnTo>
                <a:cubicBezTo>
                  <a:pt x="161264" y="104174"/>
                  <a:pt x="162206" y="95982"/>
                  <a:pt x="166259" y="89343"/>
                </a:cubicBezTo>
                <a:lnTo>
                  <a:pt x="171329" y="83298"/>
                </a:lnTo>
                <a:cubicBezTo>
                  <a:pt x="175158" y="79908"/>
                  <a:pt x="179826" y="77708"/>
                  <a:pt x="184774" y="76800"/>
                </a:cubicBezTo>
                <a:close/>
                <a:moveTo>
                  <a:pt x="179076" y="24908"/>
                </a:moveTo>
                <a:cubicBezTo>
                  <a:pt x="173882" y="25821"/>
                  <a:pt x="169065" y="28595"/>
                  <a:pt x="165693" y="33023"/>
                </a:cubicBezTo>
                <a:lnTo>
                  <a:pt x="165081" y="32645"/>
                </a:lnTo>
                <a:lnTo>
                  <a:pt x="164343" y="33841"/>
                </a:lnTo>
                <a:lnTo>
                  <a:pt x="159156" y="28989"/>
                </a:lnTo>
                <a:cubicBezTo>
                  <a:pt x="147650" y="21890"/>
                  <a:pt x="132568" y="25462"/>
                  <a:pt x="125468" y="36968"/>
                </a:cubicBezTo>
                <a:cubicBezTo>
                  <a:pt x="125028" y="37682"/>
                  <a:pt x="124628" y="38410"/>
                  <a:pt x="124607" y="39302"/>
                </a:cubicBezTo>
                <a:cubicBezTo>
                  <a:pt x="121192" y="53871"/>
                  <a:pt x="126621" y="67918"/>
                  <a:pt x="137512" y="72288"/>
                </a:cubicBezTo>
                <a:lnTo>
                  <a:pt x="136408" y="75373"/>
                </a:lnTo>
                <a:cubicBezTo>
                  <a:pt x="125065" y="70889"/>
                  <a:pt x="118824" y="57470"/>
                  <a:pt x="120792" y="42874"/>
                </a:cubicBezTo>
                <a:cubicBezTo>
                  <a:pt x="110219" y="38045"/>
                  <a:pt x="97555" y="41998"/>
                  <a:pt x="91229" y="52250"/>
                </a:cubicBezTo>
                <a:cubicBezTo>
                  <a:pt x="86215" y="60377"/>
                  <a:pt x="87164" y="68019"/>
                  <a:pt x="90995" y="75559"/>
                </a:cubicBezTo>
                <a:cubicBezTo>
                  <a:pt x="88405" y="77546"/>
                  <a:pt x="86197" y="80074"/>
                  <a:pt x="84391" y="83001"/>
                </a:cubicBezTo>
                <a:cubicBezTo>
                  <a:pt x="75261" y="97799"/>
                  <a:pt x="79855" y="117197"/>
                  <a:pt x="94653" y="126328"/>
                </a:cubicBezTo>
                <a:cubicBezTo>
                  <a:pt x="99603" y="129383"/>
                  <a:pt x="105068" y="130901"/>
                  <a:pt x="110449" y="130283"/>
                </a:cubicBezTo>
                <a:cubicBezTo>
                  <a:pt x="111461" y="121556"/>
                  <a:pt x="114239" y="112980"/>
                  <a:pt x="118788" y="105103"/>
                </a:cubicBezTo>
                <a:lnTo>
                  <a:pt x="122060" y="106993"/>
                </a:lnTo>
                <a:cubicBezTo>
                  <a:pt x="117549" y="114804"/>
                  <a:pt x="114885" y="123345"/>
                  <a:pt x="114602" y="132066"/>
                </a:cubicBezTo>
                <a:cubicBezTo>
                  <a:pt x="118189" y="142541"/>
                  <a:pt x="127538" y="149533"/>
                  <a:pt x="138054" y="150704"/>
                </a:cubicBezTo>
                <a:lnTo>
                  <a:pt x="138622" y="157584"/>
                </a:lnTo>
                <a:cubicBezTo>
                  <a:pt x="141809" y="168599"/>
                  <a:pt x="152592" y="175355"/>
                  <a:pt x="163536" y="173320"/>
                </a:cubicBezTo>
                <a:lnTo>
                  <a:pt x="163736" y="174011"/>
                </a:lnTo>
                <a:lnTo>
                  <a:pt x="165086" y="173621"/>
                </a:lnTo>
                <a:lnTo>
                  <a:pt x="165671" y="180699"/>
                </a:lnTo>
                <a:cubicBezTo>
                  <a:pt x="169429" y="193686"/>
                  <a:pt x="183003" y="201168"/>
                  <a:pt x="195990" y="197411"/>
                </a:cubicBezTo>
                <a:cubicBezTo>
                  <a:pt x="196796" y="197178"/>
                  <a:pt x="197581" y="196907"/>
                  <a:pt x="198196" y="196260"/>
                </a:cubicBezTo>
                <a:cubicBezTo>
                  <a:pt x="209934" y="188156"/>
                  <a:pt x="215400" y="175007"/>
                  <a:pt x="211155" y="164763"/>
                </a:cubicBezTo>
                <a:cubicBezTo>
                  <a:pt x="205121" y="170199"/>
                  <a:pt x="196738" y="172687"/>
                  <a:pt x="188343" y="171472"/>
                </a:cubicBezTo>
                <a:lnTo>
                  <a:pt x="188829" y="168281"/>
                </a:lnTo>
                <a:cubicBezTo>
                  <a:pt x="198020" y="169602"/>
                  <a:pt x="207192" y="165939"/>
                  <a:pt x="212635" y="158774"/>
                </a:cubicBezTo>
                <a:cubicBezTo>
                  <a:pt x="218427" y="151149"/>
                  <a:pt x="218946" y="140953"/>
                  <a:pt x="213960" y="132774"/>
                </a:cubicBezTo>
                <a:lnTo>
                  <a:pt x="216785" y="131210"/>
                </a:lnTo>
                <a:cubicBezTo>
                  <a:pt x="222366" y="140465"/>
                  <a:pt x="221779" y="151983"/>
                  <a:pt x="215286" y="160619"/>
                </a:cubicBezTo>
                <a:lnTo>
                  <a:pt x="213805" y="162105"/>
                </a:lnTo>
                <a:cubicBezTo>
                  <a:pt x="218946" y="172938"/>
                  <a:pt x="214526" y="186813"/>
                  <a:pt x="203421" y="196175"/>
                </a:cubicBezTo>
                <a:cubicBezTo>
                  <a:pt x="208012" y="206854"/>
                  <a:pt x="220050" y="212429"/>
                  <a:pt x="231622" y="209082"/>
                </a:cubicBezTo>
                <a:cubicBezTo>
                  <a:pt x="239377" y="206838"/>
                  <a:pt x="243741" y="201989"/>
                  <a:pt x="246092" y="195539"/>
                </a:cubicBezTo>
                <a:cubicBezTo>
                  <a:pt x="255042" y="199507"/>
                  <a:pt x="265290" y="198199"/>
                  <a:pt x="272958" y="192601"/>
                </a:cubicBezTo>
                <a:lnTo>
                  <a:pt x="276795" y="193971"/>
                </a:lnTo>
                <a:cubicBezTo>
                  <a:pt x="289009" y="194016"/>
                  <a:pt x="298363" y="193248"/>
                  <a:pt x="304258" y="183694"/>
                </a:cubicBezTo>
                <a:cubicBezTo>
                  <a:pt x="309343" y="175453"/>
                  <a:pt x="308953" y="165378"/>
                  <a:pt x="303795" y="157923"/>
                </a:cubicBezTo>
                <a:cubicBezTo>
                  <a:pt x="298315" y="164420"/>
                  <a:pt x="291041" y="168177"/>
                  <a:pt x="283702" y="168174"/>
                </a:cubicBezTo>
                <a:lnTo>
                  <a:pt x="283555" y="164527"/>
                </a:lnTo>
                <a:cubicBezTo>
                  <a:pt x="293404" y="164978"/>
                  <a:pt x="303289" y="157339"/>
                  <a:pt x="308110" y="145450"/>
                </a:cubicBezTo>
                <a:cubicBezTo>
                  <a:pt x="311022" y="136198"/>
                  <a:pt x="308752" y="126109"/>
                  <a:pt x="302169" y="119023"/>
                </a:cubicBezTo>
                <a:cubicBezTo>
                  <a:pt x="296249" y="127191"/>
                  <a:pt x="286098" y="131525"/>
                  <a:pt x="275782" y="130309"/>
                </a:cubicBezTo>
                <a:lnTo>
                  <a:pt x="276183" y="127106"/>
                </a:lnTo>
                <a:cubicBezTo>
                  <a:pt x="285405" y="128184"/>
                  <a:pt x="294478" y="124281"/>
                  <a:pt x="299730" y="116974"/>
                </a:cubicBezTo>
                <a:lnTo>
                  <a:pt x="300207" y="116045"/>
                </a:lnTo>
                <a:cubicBezTo>
                  <a:pt x="300079" y="107222"/>
                  <a:pt x="295342" y="98867"/>
                  <a:pt x="287259" y="93880"/>
                </a:cubicBezTo>
                <a:cubicBezTo>
                  <a:pt x="284295" y="92051"/>
                  <a:pt x="281129" y="90828"/>
                  <a:pt x="277855" y="90561"/>
                </a:cubicBezTo>
                <a:cubicBezTo>
                  <a:pt x="271916" y="104194"/>
                  <a:pt x="259881" y="112708"/>
                  <a:pt x="248172" y="111695"/>
                </a:cubicBezTo>
                <a:cubicBezTo>
                  <a:pt x="248002" y="114741"/>
                  <a:pt x="246936" y="117719"/>
                  <a:pt x="245089" y="120348"/>
                </a:cubicBezTo>
                <a:cubicBezTo>
                  <a:pt x="241307" y="125729"/>
                  <a:pt x="234825" y="128827"/>
                  <a:pt x="228007" y="128511"/>
                </a:cubicBezTo>
                <a:lnTo>
                  <a:pt x="228158" y="125380"/>
                </a:lnTo>
                <a:cubicBezTo>
                  <a:pt x="233848" y="125642"/>
                  <a:pt x="239262" y="123097"/>
                  <a:pt x="242439" y="118667"/>
                </a:cubicBezTo>
                <a:cubicBezTo>
                  <a:pt x="244071" y="116391"/>
                  <a:pt x="244987" y="113796"/>
                  <a:pt x="245116" y="111152"/>
                </a:cubicBezTo>
                <a:lnTo>
                  <a:pt x="243716" y="110904"/>
                </a:lnTo>
                <a:lnTo>
                  <a:pt x="244539" y="108155"/>
                </a:lnTo>
                <a:cubicBezTo>
                  <a:pt x="244792" y="106166"/>
                  <a:pt x="244131" y="104285"/>
                  <a:pt x="243078" y="102544"/>
                </a:cubicBezTo>
                <a:cubicBezTo>
                  <a:pt x="240257" y="97875"/>
                  <a:pt x="235048" y="94922"/>
                  <a:pt x="229344" y="94755"/>
                </a:cubicBezTo>
                <a:lnTo>
                  <a:pt x="229436" y="91621"/>
                </a:lnTo>
                <a:cubicBezTo>
                  <a:pt x="236268" y="91821"/>
                  <a:pt x="242499" y="95409"/>
                  <a:pt x="245850" y="101072"/>
                </a:cubicBezTo>
                <a:cubicBezTo>
                  <a:pt x="247129" y="103235"/>
                  <a:pt x="247915" y="105575"/>
                  <a:pt x="248037" y="107973"/>
                </a:cubicBezTo>
                <a:cubicBezTo>
                  <a:pt x="258268" y="109553"/>
                  <a:pt x="268981" y="102051"/>
                  <a:pt x="274232" y="89778"/>
                </a:cubicBezTo>
                <a:cubicBezTo>
                  <a:pt x="278708" y="77339"/>
                  <a:pt x="274020" y="63056"/>
                  <a:pt x="262316" y="55834"/>
                </a:cubicBezTo>
                <a:cubicBezTo>
                  <a:pt x="257734" y="53007"/>
                  <a:pt x="252666" y="51626"/>
                  <a:pt x="247691" y="52231"/>
                </a:cubicBezTo>
                <a:cubicBezTo>
                  <a:pt x="248705" y="60913"/>
                  <a:pt x="245967" y="69020"/>
                  <a:pt x="239739" y="74185"/>
                </a:cubicBezTo>
                <a:lnTo>
                  <a:pt x="237649" y="71664"/>
                </a:lnTo>
                <a:cubicBezTo>
                  <a:pt x="244579" y="65918"/>
                  <a:pt x="246481" y="55888"/>
                  <a:pt x="243151" y="45920"/>
                </a:cubicBezTo>
                <a:cubicBezTo>
                  <a:pt x="241194" y="40124"/>
                  <a:pt x="237183" y="35004"/>
                  <a:pt x="231542" y="31523"/>
                </a:cubicBezTo>
                <a:cubicBezTo>
                  <a:pt x="221392" y="25261"/>
                  <a:pt x="208864" y="26095"/>
                  <a:pt x="199763" y="32668"/>
                </a:cubicBezTo>
                <a:lnTo>
                  <a:pt x="194721" y="27952"/>
                </a:lnTo>
                <a:cubicBezTo>
                  <a:pt x="189842" y="24941"/>
                  <a:pt x="184271" y="23995"/>
                  <a:pt x="179076" y="24908"/>
                </a:cubicBezTo>
                <a:close/>
                <a:moveTo>
                  <a:pt x="190632" y="62"/>
                </a:moveTo>
                <a:cubicBezTo>
                  <a:pt x="300121" y="2329"/>
                  <a:pt x="391248" y="125645"/>
                  <a:pt x="309641" y="225160"/>
                </a:cubicBezTo>
                <a:cubicBezTo>
                  <a:pt x="282892" y="251229"/>
                  <a:pt x="279266" y="288859"/>
                  <a:pt x="302841" y="374772"/>
                </a:cubicBezTo>
                <a:lnTo>
                  <a:pt x="121266" y="376812"/>
                </a:lnTo>
                <a:lnTo>
                  <a:pt x="109025" y="322355"/>
                </a:lnTo>
                <a:cubicBezTo>
                  <a:pt x="76580" y="333165"/>
                  <a:pt x="40716" y="329924"/>
                  <a:pt x="28778" y="318327"/>
                </a:cubicBezTo>
                <a:cubicBezTo>
                  <a:pt x="22923" y="311868"/>
                  <a:pt x="25422" y="291738"/>
                  <a:pt x="32859" y="276164"/>
                </a:cubicBezTo>
                <a:cubicBezTo>
                  <a:pt x="35235" y="270344"/>
                  <a:pt x="23179" y="268321"/>
                  <a:pt x="20618" y="259843"/>
                </a:cubicBezTo>
                <a:cubicBezTo>
                  <a:pt x="19440" y="251965"/>
                  <a:pt x="27377" y="251682"/>
                  <a:pt x="30757" y="247602"/>
                </a:cubicBezTo>
                <a:lnTo>
                  <a:pt x="18516" y="238938"/>
                </a:lnTo>
                <a:cubicBezTo>
                  <a:pt x="12669" y="232923"/>
                  <a:pt x="25811" y="221592"/>
                  <a:pt x="29458" y="212919"/>
                </a:cubicBezTo>
                <a:cubicBezTo>
                  <a:pt x="16679" y="208924"/>
                  <a:pt x="7006" y="203466"/>
                  <a:pt x="307" y="196983"/>
                </a:cubicBezTo>
                <a:cubicBezTo>
                  <a:pt x="-2572" y="186228"/>
                  <a:pt x="15339" y="171234"/>
                  <a:pt x="31089" y="151672"/>
                </a:cubicBezTo>
                <a:cubicBezTo>
                  <a:pt x="47602" y="132201"/>
                  <a:pt x="33821" y="117353"/>
                  <a:pt x="46470" y="75544"/>
                </a:cubicBezTo>
                <a:cubicBezTo>
                  <a:pt x="66559" y="23813"/>
                  <a:pt x="114124" y="-1423"/>
                  <a:pt x="190632" y="62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71" name="Oval 8">
            <a:extLst>
              <a:ext uri="{FF2B5EF4-FFF2-40B4-BE49-F238E27FC236}">
                <a16:creationId xmlns:a16="http://schemas.microsoft.com/office/drawing/2014/main" id="{E3D5639C-49CF-43D9-965F-7653D69F451F}"/>
              </a:ext>
            </a:extLst>
          </p:cNvPr>
          <p:cNvSpPr/>
          <p:nvPr/>
        </p:nvSpPr>
        <p:spPr>
          <a:xfrm>
            <a:off x="6967308" y="2429072"/>
            <a:ext cx="527152" cy="529870"/>
          </a:xfrm>
          <a:custGeom>
            <a:avLst/>
            <a:gdLst/>
            <a:ahLst/>
            <a:cxnLst/>
            <a:rect l="l" t="t" r="r" b="b"/>
            <a:pathLst>
              <a:path w="3068057" h="3083879">
                <a:moveTo>
                  <a:pt x="1943022" y="0"/>
                </a:moveTo>
                <a:cubicBezTo>
                  <a:pt x="2091435" y="0"/>
                  <a:pt x="2214809" y="107202"/>
                  <a:pt x="2232575" y="249298"/>
                </a:cubicBezTo>
                <a:cubicBezTo>
                  <a:pt x="2066806" y="323095"/>
                  <a:pt x="1966497" y="475331"/>
                  <a:pt x="1992863" y="623272"/>
                </a:cubicBezTo>
                <a:lnTo>
                  <a:pt x="2032344" y="614884"/>
                </a:lnTo>
                <a:cubicBezTo>
                  <a:pt x="2007703" y="472429"/>
                  <a:pt x="2119863" y="324636"/>
                  <a:pt x="2294697" y="266187"/>
                </a:cubicBezTo>
                <a:cubicBezTo>
                  <a:pt x="2304190" y="260641"/>
                  <a:pt x="2314409" y="260119"/>
                  <a:pt x="2324748" y="260119"/>
                </a:cubicBezTo>
                <a:cubicBezTo>
                  <a:pt x="2491310" y="260119"/>
                  <a:pt x="2626336" y="395145"/>
                  <a:pt x="2626336" y="561708"/>
                </a:cubicBezTo>
                <a:lnTo>
                  <a:pt x="2609021" y="647481"/>
                </a:lnTo>
                <a:lnTo>
                  <a:pt x="2626336" y="647481"/>
                </a:lnTo>
                <a:lnTo>
                  <a:pt x="2626336" y="656343"/>
                </a:lnTo>
                <a:cubicBezTo>
                  <a:pt x="2762823" y="669742"/>
                  <a:pt x="2867295" y="786613"/>
                  <a:pt x="2867295" y="927882"/>
                </a:cubicBezTo>
                <a:lnTo>
                  <a:pt x="2850464" y="1011252"/>
                </a:lnTo>
                <a:cubicBezTo>
                  <a:pt x="2978255" y="1064152"/>
                  <a:pt x="3068057" y="1190111"/>
                  <a:pt x="3068057" y="1337042"/>
                </a:cubicBezTo>
                <a:cubicBezTo>
                  <a:pt x="3068057" y="1418703"/>
                  <a:pt x="3040320" y="1493884"/>
                  <a:pt x="2992210" y="1551889"/>
                </a:cubicBezTo>
                <a:cubicBezTo>
                  <a:pt x="2909241" y="1651289"/>
                  <a:pt x="2791782" y="1696238"/>
                  <a:pt x="2686704" y="1660749"/>
                </a:cubicBezTo>
                <a:lnTo>
                  <a:pt x="2673794" y="1698968"/>
                </a:lnTo>
                <a:cubicBezTo>
                  <a:pt x="2768232" y="1730865"/>
                  <a:pt x="2870956" y="1707121"/>
                  <a:pt x="2955415" y="1640323"/>
                </a:cubicBezTo>
                <a:cubicBezTo>
                  <a:pt x="2993943" y="1688574"/>
                  <a:pt x="3012247" y="1750635"/>
                  <a:pt x="3012247" y="1816968"/>
                </a:cubicBezTo>
                <a:cubicBezTo>
                  <a:pt x="3012247" y="1986406"/>
                  <a:pt x="2892829" y="2127952"/>
                  <a:pt x="2733451" y="2161496"/>
                </a:cubicBezTo>
                <a:cubicBezTo>
                  <a:pt x="2570803" y="2185843"/>
                  <a:pt x="2422847" y="2122052"/>
                  <a:pt x="2373218" y="2004561"/>
                </a:cubicBezTo>
                <a:cubicBezTo>
                  <a:pt x="2397575" y="1987765"/>
                  <a:pt x="2417022" y="1964396"/>
                  <a:pt x="2431421" y="1936987"/>
                </a:cubicBezTo>
                <a:cubicBezTo>
                  <a:pt x="2469123" y="1865220"/>
                  <a:pt x="2466430" y="1776674"/>
                  <a:pt x="2424327" y="1703750"/>
                </a:cubicBezTo>
                <a:lnTo>
                  <a:pt x="2390880" y="1723060"/>
                </a:lnTo>
                <a:cubicBezTo>
                  <a:pt x="2426033" y="1783948"/>
                  <a:pt x="2428758" y="1857660"/>
                  <a:pt x="2398065" y="1917447"/>
                </a:cubicBezTo>
                <a:cubicBezTo>
                  <a:pt x="2386618" y="1939743"/>
                  <a:pt x="2371177" y="1958844"/>
                  <a:pt x="2348681" y="1969064"/>
                </a:cubicBezTo>
                <a:lnTo>
                  <a:pt x="2314536" y="1978212"/>
                </a:lnTo>
                <a:lnTo>
                  <a:pt x="2320989" y="1994504"/>
                </a:lnTo>
                <a:cubicBezTo>
                  <a:pt x="2292439" y="2010252"/>
                  <a:pt x="2259301" y="2017439"/>
                  <a:pt x="2224883" y="2015050"/>
                </a:cubicBezTo>
                <a:cubicBezTo>
                  <a:pt x="2157880" y="2010397"/>
                  <a:pt x="2096183" y="1970105"/>
                  <a:pt x="2062112" y="1908746"/>
                </a:cubicBezTo>
                <a:lnTo>
                  <a:pt x="2028307" y="1927422"/>
                </a:lnTo>
                <a:cubicBezTo>
                  <a:pt x="2069101" y="2000945"/>
                  <a:pt x="2143517" y="2048870"/>
                  <a:pt x="2224395" y="2053708"/>
                </a:cubicBezTo>
                <a:cubicBezTo>
                  <a:pt x="2263912" y="2056070"/>
                  <a:pt x="2302036" y="2047984"/>
                  <a:pt x="2335071" y="2030056"/>
                </a:cubicBezTo>
                <a:cubicBezTo>
                  <a:pt x="2400196" y="2159379"/>
                  <a:pt x="2567325" y="2230480"/>
                  <a:pt x="2748680" y="2204554"/>
                </a:cubicBezTo>
                <a:cubicBezTo>
                  <a:pt x="2767068" y="2240602"/>
                  <a:pt x="2774723" y="2281713"/>
                  <a:pt x="2774723" y="2324613"/>
                </a:cubicBezTo>
                <a:cubicBezTo>
                  <a:pt x="2774723" y="2444667"/>
                  <a:pt x="2714770" y="2550720"/>
                  <a:pt x="2619461" y="2609132"/>
                </a:cubicBezTo>
                <a:cubicBezTo>
                  <a:pt x="2594093" y="2739763"/>
                  <a:pt x="2496512" y="2844553"/>
                  <a:pt x="2368919" y="2876858"/>
                </a:cubicBezTo>
                <a:cubicBezTo>
                  <a:pt x="2184369" y="2908073"/>
                  <a:pt x="2016372" y="2826285"/>
                  <a:pt x="1978290" y="2684161"/>
                </a:cubicBezTo>
                <a:lnTo>
                  <a:pt x="1939323" y="2694602"/>
                </a:lnTo>
                <a:cubicBezTo>
                  <a:pt x="1970494" y="2810931"/>
                  <a:pt x="2075973" y="2892306"/>
                  <a:pt x="2210223" y="2912307"/>
                </a:cubicBezTo>
                <a:cubicBezTo>
                  <a:pt x="2165434" y="3014618"/>
                  <a:pt x="2062317" y="3083879"/>
                  <a:pt x="1943022" y="3083879"/>
                </a:cubicBezTo>
                <a:cubicBezTo>
                  <a:pt x="1804718" y="3083879"/>
                  <a:pt x="1736151" y="2990782"/>
                  <a:pt x="1657612" y="2862428"/>
                </a:cubicBezTo>
                <a:cubicBezTo>
                  <a:pt x="1632100" y="2775963"/>
                  <a:pt x="1598588" y="2449530"/>
                  <a:pt x="1653064" y="2147091"/>
                </a:cubicBezTo>
                <a:cubicBezTo>
                  <a:pt x="1775302" y="2294672"/>
                  <a:pt x="1947360" y="2360889"/>
                  <a:pt x="2101389" y="2319520"/>
                </a:cubicBezTo>
                <a:lnTo>
                  <a:pt x="2085913" y="2268654"/>
                </a:lnTo>
                <a:cubicBezTo>
                  <a:pt x="1935632" y="2308197"/>
                  <a:pt x="1765039" y="2228547"/>
                  <a:pt x="1652548" y="2065927"/>
                </a:cubicBezTo>
                <a:cubicBezTo>
                  <a:pt x="1594744" y="1988631"/>
                  <a:pt x="1552933" y="1543383"/>
                  <a:pt x="1647107" y="1210118"/>
                </a:cubicBezTo>
                <a:cubicBezTo>
                  <a:pt x="1757451" y="1073526"/>
                  <a:pt x="1924310" y="1023711"/>
                  <a:pt x="2044795" y="1095494"/>
                </a:cubicBezTo>
                <a:lnTo>
                  <a:pt x="2046624" y="1092427"/>
                </a:lnTo>
                <a:cubicBezTo>
                  <a:pt x="2044963" y="1115904"/>
                  <a:pt x="2049817" y="1139574"/>
                  <a:pt x="2059741" y="1162003"/>
                </a:cubicBezTo>
                <a:cubicBezTo>
                  <a:pt x="2085174" y="1219476"/>
                  <a:pt x="2140055" y="1259997"/>
                  <a:pt x="2204060" y="1268556"/>
                </a:cubicBezTo>
                <a:lnTo>
                  <a:pt x="2208020" y="1238949"/>
                </a:lnTo>
                <a:cubicBezTo>
                  <a:pt x="2154665" y="1231814"/>
                  <a:pt x="2108853" y="1198319"/>
                  <a:pt x="2087448" y="1150798"/>
                </a:cubicBezTo>
                <a:cubicBezTo>
                  <a:pt x="2064784" y="1100476"/>
                  <a:pt x="2073123" y="1042569"/>
                  <a:pt x="2109077" y="1000639"/>
                </a:cubicBezTo>
                <a:cubicBezTo>
                  <a:pt x="2142987" y="961090"/>
                  <a:pt x="2196315" y="941798"/>
                  <a:pt x="2249471" y="949847"/>
                </a:cubicBezTo>
                <a:lnTo>
                  <a:pt x="2253988" y="920317"/>
                </a:lnTo>
                <a:cubicBezTo>
                  <a:pt x="2190211" y="910645"/>
                  <a:pt x="2126205" y="934132"/>
                  <a:pt x="2085632" y="982099"/>
                </a:cubicBezTo>
                <a:lnTo>
                  <a:pt x="2052614" y="1055246"/>
                </a:lnTo>
                <a:cubicBezTo>
                  <a:pt x="1928226" y="988072"/>
                  <a:pt x="1765306" y="1028878"/>
                  <a:pt x="1646726" y="1149851"/>
                </a:cubicBezTo>
                <a:cubicBezTo>
                  <a:pt x="1576863" y="1018908"/>
                  <a:pt x="1584053" y="461235"/>
                  <a:pt x="1633436" y="269593"/>
                </a:cubicBezTo>
                <a:cubicBezTo>
                  <a:pt x="1697428" y="119029"/>
                  <a:pt x="1776459" y="0"/>
                  <a:pt x="1943022" y="0"/>
                </a:cubicBezTo>
                <a:close/>
                <a:moveTo>
                  <a:pt x="1125035" y="0"/>
                </a:moveTo>
                <a:cubicBezTo>
                  <a:pt x="1263339" y="0"/>
                  <a:pt x="1331906" y="93097"/>
                  <a:pt x="1410445" y="221451"/>
                </a:cubicBezTo>
                <a:cubicBezTo>
                  <a:pt x="1435957" y="307916"/>
                  <a:pt x="1469469" y="634350"/>
                  <a:pt x="1414993" y="936788"/>
                </a:cubicBezTo>
                <a:cubicBezTo>
                  <a:pt x="1292755" y="789207"/>
                  <a:pt x="1120697" y="722990"/>
                  <a:pt x="966668" y="764359"/>
                </a:cubicBezTo>
                <a:lnTo>
                  <a:pt x="982144" y="815225"/>
                </a:lnTo>
                <a:cubicBezTo>
                  <a:pt x="1132425" y="775682"/>
                  <a:pt x="1303018" y="855332"/>
                  <a:pt x="1415509" y="1017952"/>
                </a:cubicBezTo>
                <a:cubicBezTo>
                  <a:pt x="1473313" y="1095249"/>
                  <a:pt x="1515123" y="1540497"/>
                  <a:pt x="1420950" y="1873762"/>
                </a:cubicBezTo>
                <a:cubicBezTo>
                  <a:pt x="1310606" y="2010353"/>
                  <a:pt x="1143747" y="2060168"/>
                  <a:pt x="1023262" y="1988385"/>
                </a:cubicBezTo>
                <a:lnTo>
                  <a:pt x="1021433" y="1991453"/>
                </a:lnTo>
                <a:cubicBezTo>
                  <a:pt x="1023094" y="1967976"/>
                  <a:pt x="1018240" y="1944306"/>
                  <a:pt x="1008316" y="1921877"/>
                </a:cubicBezTo>
                <a:cubicBezTo>
                  <a:pt x="982883" y="1864403"/>
                  <a:pt x="928002" y="1823883"/>
                  <a:pt x="863997" y="1815323"/>
                </a:cubicBezTo>
                <a:lnTo>
                  <a:pt x="860037" y="1844930"/>
                </a:lnTo>
                <a:cubicBezTo>
                  <a:pt x="913392" y="1852066"/>
                  <a:pt x="959204" y="1885560"/>
                  <a:pt x="980609" y="1933082"/>
                </a:cubicBezTo>
                <a:cubicBezTo>
                  <a:pt x="1003273" y="1983404"/>
                  <a:pt x="994934" y="2041310"/>
                  <a:pt x="958980" y="2083241"/>
                </a:cubicBezTo>
                <a:cubicBezTo>
                  <a:pt x="925070" y="2122789"/>
                  <a:pt x="871742" y="2142082"/>
                  <a:pt x="818586" y="2134033"/>
                </a:cubicBezTo>
                <a:lnTo>
                  <a:pt x="814069" y="2163562"/>
                </a:lnTo>
                <a:cubicBezTo>
                  <a:pt x="877846" y="2173235"/>
                  <a:pt x="941852" y="2149747"/>
                  <a:pt x="982425" y="2101780"/>
                </a:cubicBezTo>
                <a:lnTo>
                  <a:pt x="1015443" y="2028633"/>
                </a:lnTo>
                <a:cubicBezTo>
                  <a:pt x="1139831" y="2095808"/>
                  <a:pt x="1302751" y="2055001"/>
                  <a:pt x="1421331" y="1934029"/>
                </a:cubicBezTo>
                <a:cubicBezTo>
                  <a:pt x="1491194" y="2064971"/>
                  <a:pt x="1484003" y="2622644"/>
                  <a:pt x="1434621" y="2814287"/>
                </a:cubicBezTo>
                <a:cubicBezTo>
                  <a:pt x="1370629" y="2964850"/>
                  <a:pt x="1291598" y="3083879"/>
                  <a:pt x="1125035" y="3083879"/>
                </a:cubicBezTo>
                <a:cubicBezTo>
                  <a:pt x="976622" y="3083879"/>
                  <a:pt x="853248" y="2976677"/>
                  <a:pt x="835482" y="2834581"/>
                </a:cubicBezTo>
                <a:cubicBezTo>
                  <a:pt x="1001251" y="2760784"/>
                  <a:pt x="1101560" y="2608549"/>
                  <a:pt x="1075194" y="2460607"/>
                </a:cubicBezTo>
                <a:lnTo>
                  <a:pt x="1035713" y="2468996"/>
                </a:lnTo>
                <a:cubicBezTo>
                  <a:pt x="1060354" y="2611450"/>
                  <a:pt x="948194" y="2759243"/>
                  <a:pt x="773360" y="2817692"/>
                </a:cubicBezTo>
                <a:cubicBezTo>
                  <a:pt x="763867" y="2823239"/>
                  <a:pt x="753648" y="2823760"/>
                  <a:pt x="743309" y="2823760"/>
                </a:cubicBezTo>
                <a:cubicBezTo>
                  <a:pt x="576747" y="2823760"/>
                  <a:pt x="441721" y="2688734"/>
                  <a:pt x="441721" y="2522172"/>
                </a:cubicBezTo>
                <a:lnTo>
                  <a:pt x="459036" y="2436399"/>
                </a:lnTo>
                <a:lnTo>
                  <a:pt x="441721" y="2436399"/>
                </a:lnTo>
                <a:lnTo>
                  <a:pt x="441721" y="2427537"/>
                </a:lnTo>
                <a:cubicBezTo>
                  <a:pt x="305234" y="2414137"/>
                  <a:pt x="200762" y="2297266"/>
                  <a:pt x="200762" y="2155997"/>
                </a:cubicBezTo>
                <a:lnTo>
                  <a:pt x="217593" y="2072628"/>
                </a:lnTo>
                <a:cubicBezTo>
                  <a:pt x="89802" y="2019727"/>
                  <a:pt x="0" y="1893768"/>
                  <a:pt x="0" y="1746838"/>
                </a:cubicBezTo>
                <a:cubicBezTo>
                  <a:pt x="0" y="1665177"/>
                  <a:pt x="27737" y="1589996"/>
                  <a:pt x="75847" y="1531990"/>
                </a:cubicBezTo>
                <a:cubicBezTo>
                  <a:pt x="158816" y="1432590"/>
                  <a:pt x="276275" y="1387641"/>
                  <a:pt x="381353" y="1423131"/>
                </a:cubicBezTo>
                <a:lnTo>
                  <a:pt x="394263" y="1384911"/>
                </a:lnTo>
                <a:cubicBezTo>
                  <a:pt x="299825" y="1353014"/>
                  <a:pt x="197101" y="1376758"/>
                  <a:pt x="112642" y="1443556"/>
                </a:cubicBezTo>
                <a:cubicBezTo>
                  <a:pt x="74114" y="1395305"/>
                  <a:pt x="55810" y="1333244"/>
                  <a:pt x="55810" y="1266911"/>
                </a:cubicBezTo>
                <a:cubicBezTo>
                  <a:pt x="55810" y="1097473"/>
                  <a:pt x="175228" y="955927"/>
                  <a:pt x="334606" y="922383"/>
                </a:cubicBezTo>
                <a:cubicBezTo>
                  <a:pt x="497254" y="898036"/>
                  <a:pt x="645210" y="961827"/>
                  <a:pt x="694839" y="1079319"/>
                </a:cubicBezTo>
                <a:cubicBezTo>
                  <a:pt x="670482" y="1096114"/>
                  <a:pt x="651035" y="1119484"/>
                  <a:pt x="636636" y="1146893"/>
                </a:cubicBezTo>
                <a:cubicBezTo>
                  <a:pt x="598934" y="1218660"/>
                  <a:pt x="601627" y="1307205"/>
                  <a:pt x="643730" y="1380130"/>
                </a:cubicBezTo>
                <a:lnTo>
                  <a:pt x="677177" y="1360819"/>
                </a:lnTo>
                <a:cubicBezTo>
                  <a:pt x="642024" y="1299932"/>
                  <a:pt x="639299" y="1226219"/>
                  <a:pt x="669992" y="1166433"/>
                </a:cubicBezTo>
                <a:cubicBezTo>
                  <a:pt x="681439" y="1144136"/>
                  <a:pt x="696880" y="1125036"/>
                  <a:pt x="719376" y="1114815"/>
                </a:cubicBezTo>
                <a:lnTo>
                  <a:pt x="753521" y="1105667"/>
                </a:lnTo>
                <a:lnTo>
                  <a:pt x="747068" y="1089375"/>
                </a:lnTo>
                <a:cubicBezTo>
                  <a:pt x="775618" y="1073627"/>
                  <a:pt x="808756" y="1066440"/>
                  <a:pt x="843174" y="1068829"/>
                </a:cubicBezTo>
                <a:cubicBezTo>
                  <a:pt x="910177" y="1073482"/>
                  <a:pt x="971874" y="1113774"/>
                  <a:pt x="1005945" y="1175134"/>
                </a:cubicBezTo>
                <a:lnTo>
                  <a:pt x="1039750" y="1156458"/>
                </a:lnTo>
                <a:cubicBezTo>
                  <a:pt x="998956" y="1082934"/>
                  <a:pt x="924540" y="1035010"/>
                  <a:pt x="843662" y="1030172"/>
                </a:cubicBezTo>
                <a:cubicBezTo>
                  <a:pt x="804145" y="1027809"/>
                  <a:pt x="766021" y="1035895"/>
                  <a:pt x="732986" y="1053824"/>
                </a:cubicBezTo>
                <a:cubicBezTo>
                  <a:pt x="667861" y="924500"/>
                  <a:pt x="500732" y="853399"/>
                  <a:pt x="319377" y="879325"/>
                </a:cubicBezTo>
                <a:cubicBezTo>
                  <a:pt x="300989" y="843277"/>
                  <a:pt x="293334" y="802167"/>
                  <a:pt x="293334" y="759266"/>
                </a:cubicBezTo>
                <a:cubicBezTo>
                  <a:pt x="293334" y="639212"/>
                  <a:pt x="353287" y="533159"/>
                  <a:pt x="448596" y="474747"/>
                </a:cubicBezTo>
                <a:cubicBezTo>
                  <a:pt x="473964" y="344116"/>
                  <a:pt x="571545" y="239326"/>
                  <a:pt x="699138" y="207021"/>
                </a:cubicBezTo>
                <a:cubicBezTo>
                  <a:pt x="883688" y="175806"/>
                  <a:pt x="1051685" y="257594"/>
                  <a:pt x="1089767" y="399718"/>
                </a:cubicBezTo>
                <a:lnTo>
                  <a:pt x="1128734" y="389277"/>
                </a:lnTo>
                <a:cubicBezTo>
                  <a:pt x="1097563" y="272948"/>
                  <a:pt x="992084" y="191573"/>
                  <a:pt x="857834" y="171572"/>
                </a:cubicBezTo>
                <a:cubicBezTo>
                  <a:pt x="902623" y="69261"/>
                  <a:pt x="1005740" y="0"/>
                  <a:pt x="1125035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grpSp>
        <p:nvGrpSpPr>
          <p:cNvPr id="72" name="Group 110">
            <a:extLst>
              <a:ext uri="{FF2B5EF4-FFF2-40B4-BE49-F238E27FC236}">
                <a16:creationId xmlns:a16="http://schemas.microsoft.com/office/drawing/2014/main" id="{D519BD50-C580-4623-8810-E04695FA5F45}"/>
              </a:ext>
            </a:extLst>
          </p:cNvPr>
          <p:cNvGrpSpPr/>
          <p:nvPr/>
        </p:nvGrpSpPr>
        <p:grpSpPr>
          <a:xfrm>
            <a:off x="5291981" y="2416730"/>
            <a:ext cx="501857" cy="554554"/>
            <a:chOff x="4835382" y="73243"/>
            <a:chExt cx="2920830" cy="3227535"/>
          </a:xfrm>
          <a:solidFill>
            <a:schemeClr val="accent4"/>
          </a:solidFill>
        </p:grpSpPr>
        <p:sp>
          <p:nvSpPr>
            <p:cNvPr id="73" name="Freeform 111">
              <a:extLst>
                <a:ext uri="{FF2B5EF4-FFF2-40B4-BE49-F238E27FC236}">
                  <a16:creationId xmlns:a16="http://schemas.microsoft.com/office/drawing/2014/main" id="{BBCCCC44-B257-423A-BB40-01303C1A40E8}"/>
                </a:ext>
              </a:extLst>
            </p:cNvPr>
            <p:cNvSpPr/>
            <p:nvPr/>
          </p:nvSpPr>
          <p:spPr>
            <a:xfrm>
              <a:off x="4835382" y="73243"/>
              <a:ext cx="2920830" cy="3227535"/>
            </a:xfrm>
            <a:custGeom>
              <a:avLst/>
              <a:gdLst>
                <a:gd name="connsiteX0" fmla="*/ 3030279 w 4784651"/>
                <a:gd name="connsiteY0" fmla="*/ 0 h 5890437"/>
                <a:gd name="connsiteX1" fmla="*/ 765544 w 4784651"/>
                <a:gd name="connsiteY1" fmla="*/ 1935126 h 5890437"/>
                <a:gd name="connsiteX2" fmla="*/ 0 w 4784651"/>
                <a:gd name="connsiteY2" fmla="*/ 3051544 h 5890437"/>
                <a:gd name="connsiteX3" fmla="*/ 510363 w 4784651"/>
                <a:gd name="connsiteY3" fmla="*/ 3327991 h 5890437"/>
                <a:gd name="connsiteX4" fmla="*/ 297711 w 4784651"/>
                <a:gd name="connsiteY4" fmla="*/ 3657600 h 5890437"/>
                <a:gd name="connsiteX5" fmla="*/ 489097 w 4784651"/>
                <a:gd name="connsiteY5" fmla="*/ 3870251 h 5890437"/>
                <a:gd name="connsiteX6" fmla="*/ 372139 w 4784651"/>
                <a:gd name="connsiteY6" fmla="*/ 4061637 h 5890437"/>
                <a:gd name="connsiteX7" fmla="*/ 563525 w 4784651"/>
                <a:gd name="connsiteY7" fmla="*/ 4316819 h 5890437"/>
                <a:gd name="connsiteX8" fmla="*/ 499730 w 4784651"/>
                <a:gd name="connsiteY8" fmla="*/ 4976037 h 5890437"/>
                <a:gd name="connsiteX9" fmla="*/ 1754372 w 4784651"/>
                <a:gd name="connsiteY9" fmla="*/ 5199321 h 5890437"/>
                <a:gd name="connsiteX10" fmla="*/ 1945758 w 4784651"/>
                <a:gd name="connsiteY10" fmla="*/ 5890437 h 5890437"/>
                <a:gd name="connsiteX11" fmla="*/ 4784651 w 4784651"/>
                <a:gd name="connsiteY11" fmla="*/ 5858540 h 5890437"/>
                <a:gd name="connsiteX12" fmla="*/ 4561367 w 4784651"/>
                <a:gd name="connsiteY12" fmla="*/ 4189228 h 5890437"/>
                <a:gd name="connsiteX13" fmla="*/ 3030279 w 4784651"/>
                <a:gd name="connsiteY13" fmla="*/ 0 h 5890437"/>
                <a:gd name="connsiteX0" fmla="*/ 3030279 w 4784651"/>
                <a:gd name="connsiteY0" fmla="*/ 114 h 5890551"/>
                <a:gd name="connsiteX1" fmla="*/ 765544 w 4784651"/>
                <a:gd name="connsiteY1" fmla="*/ 1935240 h 5890551"/>
                <a:gd name="connsiteX2" fmla="*/ 0 w 4784651"/>
                <a:gd name="connsiteY2" fmla="*/ 3051658 h 5890551"/>
                <a:gd name="connsiteX3" fmla="*/ 510363 w 4784651"/>
                <a:gd name="connsiteY3" fmla="*/ 3328105 h 5890551"/>
                <a:gd name="connsiteX4" fmla="*/ 297711 w 4784651"/>
                <a:gd name="connsiteY4" fmla="*/ 3657714 h 5890551"/>
                <a:gd name="connsiteX5" fmla="*/ 489097 w 4784651"/>
                <a:gd name="connsiteY5" fmla="*/ 3870365 h 5890551"/>
                <a:gd name="connsiteX6" fmla="*/ 372139 w 4784651"/>
                <a:gd name="connsiteY6" fmla="*/ 4061751 h 5890551"/>
                <a:gd name="connsiteX7" fmla="*/ 563525 w 4784651"/>
                <a:gd name="connsiteY7" fmla="*/ 4316933 h 5890551"/>
                <a:gd name="connsiteX8" fmla="*/ 499730 w 4784651"/>
                <a:gd name="connsiteY8" fmla="*/ 4976151 h 5890551"/>
                <a:gd name="connsiteX9" fmla="*/ 1754372 w 4784651"/>
                <a:gd name="connsiteY9" fmla="*/ 5199435 h 5890551"/>
                <a:gd name="connsiteX10" fmla="*/ 1945758 w 4784651"/>
                <a:gd name="connsiteY10" fmla="*/ 5890551 h 5890551"/>
                <a:gd name="connsiteX11" fmla="*/ 4784651 w 4784651"/>
                <a:gd name="connsiteY11" fmla="*/ 5858654 h 5890551"/>
                <a:gd name="connsiteX12" fmla="*/ 4561367 w 4784651"/>
                <a:gd name="connsiteY12" fmla="*/ 4189342 h 5890551"/>
                <a:gd name="connsiteX13" fmla="*/ 3030279 w 4784651"/>
                <a:gd name="connsiteY13" fmla="*/ 114 h 5890551"/>
                <a:gd name="connsiteX0" fmla="*/ 3030279 w 4784651"/>
                <a:gd name="connsiteY0" fmla="*/ 398 h 5890835"/>
                <a:gd name="connsiteX1" fmla="*/ 765544 w 4784651"/>
                <a:gd name="connsiteY1" fmla="*/ 1935524 h 5890835"/>
                <a:gd name="connsiteX2" fmla="*/ 0 w 4784651"/>
                <a:gd name="connsiteY2" fmla="*/ 3051942 h 5890835"/>
                <a:gd name="connsiteX3" fmla="*/ 510363 w 4784651"/>
                <a:gd name="connsiteY3" fmla="*/ 3328389 h 5890835"/>
                <a:gd name="connsiteX4" fmla="*/ 297711 w 4784651"/>
                <a:gd name="connsiteY4" fmla="*/ 3657998 h 5890835"/>
                <a:gd name="connsiteX5" fmla="*/ 489097 w 4784651"/>
                <a:gd name="connsiteY5" fmla="*/ 3870649 h 5890835"/>
                <a:gd name="connsiteX6" fmla="*/ 372139 w 4784651"/>
                <a:gd name="connsiteY6" fmla="*/ 4062035 h 5890835"/>
                <a:gd name="connsiteX7" fmla="*/ 563525 w 4784651"/>
                <a:gd name="connsiteY7" fmla="*/ 4317217 h 5890835"/>
                <a:gd name="connsiteX8" fmla="*/ 499730 w 4784651"/>
                <a:gd name="connsiteY8" fmla="*/ 4976435 h 5890835"/>
                <a:gd name="connsiteX9" fmla="*/ 1754372 w 4784651"/>
                <a:gd name="connsiteY9" fmla="*/ 5199719 h 5890835"/>
                <a:gd name="connsiteX10" fmla="*/ 1945758 w 4784651"/>
                <a:gd name="connsiteY10" fmla="*/ 5890835 h 5890835"/>
                <a:gd name="connsiteX11" fmla="*/ 4784651 w 4784651"/>
                <a:gd name="connsiteY11" fmla="*/ 5858938 h 5890835"/>
                <a:gd name="connsiteX12" fmla="*/ 4561367 w 4784651"/>
                <a:gd name="connsiteY12" fmla="*/ 4189626 h 5890835"/>
                <a:gd name="connsiteX13" fmla="*/ 3030279 w 4784651"/>
                <a:gd name="connsiteY13" fmla="*/ 398 h 5890835"/>
                <a:gd name="connsiteX0" fmla="*/ 3030279 w 5042277"/>
                <a:gd name="connsiteY0" fmla="*/ 663 h 5891100"/>
                <a:gd name="connsiteX1" fmla="*/ 765544 w 5042277"/>
                <a:gd name="connsiteY1" fmla="*/ 1935789 h 5891100"/>
                <a:gd name="connsiteX2" fmla="*/ 0 w 5042277"/>
                <a:gd name="connsiteY2" fmla="*/ 3052207 h 5891100"/>
                <a:gd name="connsiteX3" fmla="*/ 510363 w 5042277"/>
                <a:gd name="connsiteY3" fmla="*/ 3328654 h 5891100"/>
                <a:gd name="connsiteX4" fmla="*/ 297711 w 5042277"/>
                <a:gd name="connsiteY4" fmla="*/ 3658263 h 5891100"/>
                <a:gd name="connsiteX5" fmla="*/ 489097 w 5042277"/>
                <a:gd name="connsiteY5" fmla="*/ 3870914 h 5891100"/>
                <a:gd name="connsiteX6" fmla="*/ 372139 w 5042277"/>
                <a:gd name="connsiteY6" fmla="*/ 4062300 h 5891100"/>
                <a:gd name="connsiteX7" fmla="*/ 563525 w 5042277"/>
                <a:gd name="connsiteY7" fmla="*/ 4317482 h 5891100"/>
                <a:gd name="connsiteX8" fmla="*/ 499730 w 5042277"/>
                <a:gd name="connsiteY8" fmla="*/ 4976700 h 5891100"/>
                <a:gd name="connsiteX9" fmla="*/ 1754372 w 5042277"/>
                <a:gd name="connsiteY9" fmla="*/ 5199984 h 5891100"/>
                <a:gd name="connsiteX10" fmla="*/ 1945758 w 5042277"/>
                <a:gd name="connsiteY10" fmla="*/ 5891100 h 5891100"/>
                <a:gd name="connsiteX11" fmla="*/ 4784651 w 5042277"/>
                <a:gd name="connsiteY11" fmla="*/ 5859203 h 5891100"/>
                <a:gd name="connsiteX12" fmla="*/ 4561367 w 5042277"/>
                <a:gd name="connsiteY12" fmla="*/ 4189891 h 5891100"/>
                <a:gd name="connsiteX13" fmla="*/ 3030279 w 5042277"/>
                <a:gd name="connsiteY13" fmla="*/ 663 h 5891100"/>
                <a:gd name="connsiteX0" fmla="*/ 3030279 w 5316637"/>
                <a:gd name="connsiteY0" fmla="*/ 1079 h 5891516"/>
                <a:gd name="connsiteX1" fmla="*/ 765544 w 5316637"/>
                <a:gd name="connsiteY1" fmla="*/ 1936205 h 5891516"/>
                <a:gd name="connsiteX2" fmla="*/ 0 w 5316637"/>
                <a:gd name="connsiteY2" fmla="*/ 3052623 h 5891516"/>
                <a:gd name="connsiteX3" fmla="*/ 510363 w 5316637"/>
                <a:gd name="connsiteY3" fmla="*/ 3329070 h 5891516"/>
                <a:gd name="connsiteX4" fmla="*/ 297711 w 5316637"/>
                <a:gd name="connsiteY4" fmla="*/ 3658679 h 5891516"/>
                <a:gd name="connsiteX5" fmla="*/ 489097 w 5316637"/>
                <a:gd name="connsiteY5" fmla="*/ 3871330 h 5891516"/>
                <a:gd name="connsiteX6" fmla="*/ 372139 w 5316637"/>
                <a:gd name="connsiteY6" fmla="*/ 4062716 h 5891516"/>
                <a:gd name="connsiteX7" fmla="*/ 563525 w 5316637"/>
                <a:gd name="connsiteY7" fmla="*/ 4317898 h 5891516"/>
                <a:gd name="connsiteX8" fmla="*/ 499730 w 5316637"/>
                <a:gd name="connsiteY8" fmla="*/ 4977116 h 5891516"/>
                <a:gd name="connsiteX9" fmla="*/ 1754372 w 5316637"/>
                <a:gd name="connsiteY9" fmla="*/ 5200400 h 5891516"/>
                <a:gd name="connsiteX10" fmla="*/ 1945758 w 5316637"/>
                <a:gd name="connsiteY10" fmla="*/ 5891516 h 5891516"/>
                <a:gd name="connsiteX11" fmla="*/ 4784651 w 5316637"/>
                <a:gd name="connsiteY11" fmla="*/ 5859619 h 5891516"/>
                <a:gd name="connsiteX12" fmla="*/ 4890977 w 5316637"/>
                <a:gd name="connsiteY12" fmla="*/ 3520456 h 5891516"/>
                <a:gd name="connsiteX13" fmla="*/ 3030279 w 5316637"/>
                <a:gd name="connsiteY13" fmla="*/ 1079 h 5891516"/>
                <a:gd name="connsiteX0" fmla="*/ 3030279 w 5338934"/>
                <a:gd name="connsiteY0" fmla="*/ 561 h 5890998"/>
                <a:gd name="connsiteX1" fmla="*/ 765544 w 5338934"/>
                <a:gd name="connsiteY1" fmla="*/ 1935687 h 5890998"/>
                <a:gd name="connsiteX2" fmla="*/ 0 w 5338934"/>
                <a:gd name="connsiteY2" fmla="*/ 3052105 h 5890998"/>
                <a:gd name="connsiteX3" fmla="*/ 510363 w 5338934"/>
                <a:gd name="connsiteY3" fmla="*/ 3328552 h 5890998"/>
                <a:gd name="connsiteX4" fmla="*/ 297711 w 5338934"/>
                <a:gd name="connsiteY4" fmla="*/ 3658161 h 5890998"/>
                <a:gd name="connsiteX5" fmla="*/ 489097 w 5338934"/>
                <a:gd name="connsiteY5" fmla="*/ 3870812 h 5890998"/>
                <a:gd name="connsiteX6" fmla="*/ 372139 w 5338934"/>
                <a:gd name="connsiteY6" fmla="*/ 4062198 h 5890998"/>
                <a:gd name="connsiteX7" fmla="*/ 563525 w 5338934"/>
                <a:gd name="connsiteY7" fmla="*/ 4317380 h 5890998"/>
                <a:gd name="connsiteX8" fmla="*/ 499730 w 5338934"/>
                <a:gd name="connsiteY8" fmla="*/ 4976598 h 5890998"/>
                <a:gd name="connsiteX9" fmla="*/ 1754372 w 5338934"/>
                <a:gd name="connsiteY9" fmla="*/ 5199882 h 5890998"/>
                <a:gd name="connsiteX10" fmla="*/ 1945758 w 5338934"/>
                <a:gd name="connsiteY10" fmla="*/ 5890998 h 5890998"/>
                <a:gd name="connsiteX11" fmla="*/ 4784651 w 5338934"/>
                <a:gd name="connsiteY11" fmla="*/ 5859101 h 5890998"/>
                <a:gd name="connsiteX12" fmla="*/ 4890977 w 5338934"/>
                <a:gd name="connsiteY12" fmla="*/ 3519938 h 5890998"/>
                <a:gd name="connsiteX13" fmla="*/ 3030279 w 5338934"/>
                <a:gd name="connsiteY13" fmla="*/ 561 h 5890998"/>
                <a:gd name="connsiteX0" fmla="*/ 3030279 w 5381346"/>
                <a:gd name="connsiteY0" fmla="*/ 115 h 5890552"/>
                <a:gd name="connsiteX1" fmla="*/ 765544 w 5381346"/>
                <a:gd name="connsiteY1" fmla="*/ 1935241 h 5890552"/>
                <a:gd name="connsiteX2" fmla="*/ 0 w 5381346"/>
                <a:gd name="connsiteY2" fmla="*/ 3051659 h 5890552"/>
                <a:gd name="connsiteX3" fmla="*/ 510363 w 5381346"/>
                <a:gd name="connsiteY3" fmla="*/ 3328106 h 5890552"/>
                <a:gd name="connsiteX4" fmla="*/ 297711 w 5381346"/>
                <a:gd name="connsiteY4" fmla="*/ 3657715 h 5890552"/>
                <a:gd name="connsiteX5" fmla="*/ 489097 w 5381346"/>
                <a:gd name="connsiteY5" fmla="*/ 3870366 h 5890552"/>
                <a:gd name="connsiteX6" fmla="*/ 372139 w 5381346"/>
                <a:gd name="connsiteY6" fmla="*/ 4061752 h 5890552"/>
                <a:gd name="connsiteX7" fmla="*/ 563525 w 5381346"/>
                <a:gd name="connsiteY7" fmla="*/ 4316934 h 5890552"/>
                <a:gd name="connsiteX8" fmla="*/ 499730 w 5381346"/>
                <a:gd name="connsiteY8" fmla="*/ 4976152 h 5890552"/>
                <a:gd name="connsiteX9" fmla="*/ 1754372 w 5381346"/>
                <a:gd name="connsiteY9" fmla="*/ 5199436 h 5890552"/>
                <a:gd name="connsiteX10" fmla="*/ 1945758 w 5381346"/>
                <a:gd name="connsiteY10" fmla="*/ 5890552 h 5890552"/>
                <a:gd name="connsiteX11" fmla="*/ 4784651 w 5381346"/>
                <a:gd name="connsiteY11" fmla="*/ 5858655 h 5890552"/>
                <a:gd name="connsiteX12" fmla="*/ 4890977 w 5381346"/>
                <a:gd name="connsiteY12" fmla="*/ 3519492 h 5890552"/>
                <a:gd name="connsiteX13" fmla="*/ 3030279 w 5381346"/>
                <a:gd name="connsiteY13" fmla="*/ 115 h 5890552"/>
                <a:gd name="connsiteX0" fmla="*/ 3030279 w 5381346"/>
                <a:gd name="connsiteY0" fmla="*/ 115 h 5890552"/>
                <a:gd name="connsiteX1" fmla="*/ 765544 w 5381346"/>
                <a:gd name="connsiteY1" fmla="*/ 1935241 h 5890552"/>
                <a:gd name="connsiteX2" fmla="*/ 0 w 5381346"/>
                <a:gd name="connsiteY2" fmla="*/ 3051659 h 5890552"/>
                <a:gd name="connsiteX3" fmla="*/ 510363 w 5381346"/>
                <a:gd name="connsiteY3" fmla="*/ 3328106 h 5890552"/>
                <a:gd name="connsiteX4" fmla="*/ 297711 w 5381346"/>
                <a:gd name="connsiteY4" fmla="*/ 3657715 h 5890552"/>
                <a:gd name="connsiteX5" fmla="*/ 489097 w 5381346"/>
                <a:gd name="connsiteY5" fmla="*/ 3870366 h 5890552"/>
                <a:gd name="connsiteX6" fmla="*/ 372139 w 5381346"/>
                <a:gd name="connsiteY6" fmla="*/ 4061752 h 5890552"/>
                <a:gd name="connsiteX7" fmla="*/ 563525 w 5381346"/>
                <a:gd name="connsiteY7" fmla="*/ 4316934 h 5890552"/>
                <a:gd name="connsiteX8" fmla="*/ 499730 w 5381346"/>
                <a:gd name="connsiteY8" fmla="*/ 4976152 h 5890552"/>
                <a:gd name="connsiteX9" fmla="*/ 1754372 w 5381346"/>
                <a:gd name="connsiteY9" fmla="*/ 5199436 h 5890552"/>
                <a:gd name="connsiteX10" fmla="*/ 1945758 w 5381346"/>
                <a:gd name="connsiteY10" fmla="*/ 5890552 h 5890552"/>
                <a:gd name="connsiteX11" fmla="*/ 4784651 w 5381346"/>
                <a:gd name="connsiteY11" fmla="*/ 5858655 h 5890552"/>
                <a:gd name="connsiteX12" fmla="*/ 4890977 w 5381346"/>
                <a:gd name="connsiteY12" fmla="*/ 3519492 h 5890552"/>
                <a:gd name="connsiteX13" fmla="*/ 3030279 w 5381346"/>
                <a:gd name="connsiteY13" fmla="*/ 115 h 5890552"/>
                <a:gd name="connsiteX0" fmla="*/ 3030279 w 5381346"/>
                <a:gd name="connsiteY0" fmla="*/ 115 h 5890552"/>
                <a:gd name="connsiteX1" fmla="*/ 765544 w 5381346"/>
                <a:gd name="connsiteY1" fmla="*/ 1935241 h 5890552"/>
                <a:gd name="connsiteX2" fmla="*/ 0 w 5381346"/>
                <a:gd name="connsiteY2" fmla="*/ 3051659 h 5890552"/>
                <a:gd name="connsiteX3" fmla="*/ 510363 w 5381346"/>
                <a:gd name="connsiteY3" fmla="*/ 3328106 h 5890552"/>
                <a:gd name="connsiteX4" fmla="*/ 297711 w 5381346"/>
                <a:gd name="connsiteY4" fmla="*/ 3657715 h 5890552"/>
                <a:gd name="connsiteX5" fmla="*/ 489097 w 5381346"/>
                <a:gd name="connsiteY5" fmla="*/ 3870366 h 5890552"/>
                <a:gd name="connsiteX6" fmla="*/ 372139 w 5381346"/>
                <a:gd name="connsiteY6" fmla="*/ 4061752 h 5890552"/>
                <a:gd name="connsiteX7" fmla="*/ 563525 w 5381346"/>
                <a:gd name="connsiteY7" fmla="*/ 4316934 h 5890552"/>
                <a:gd name="connsiteX8" fmla="*/ 499730 w 5381346"/>
                <a:gd name="connsiteY8" fmla="*/ 4976152 h 5890552"/>
                <a:gd name="connsiteX9" fmla="*/ 1754372 w 5381346"/>
                <a:gd name="connsiteY9" fmla="*/ 5199436 h 5890552"/>
                <a:gd name="connsiteX10" fmla="*/ 1945758 w 5381346"/>
                <a:gd name="connsiteY10" fmla="*/ 5890552 h 5890552"/>
                <a:gd name="connsiteX11" fmla="*/ 4784651 w 5381346"/>
                <a:gd name="connsiteY11" fmla="*/ 5858655 h 5890552"/>
                <a:gd name="connsiteX12" fmla="*/ 4890977 w 5381346"/>
                <a:gd name="connsiteY12" fmla="*/ 3519492 h 5890552"/>
                <a:gd name="connsiteX13" fmla="*/ 3030279 w 5381346"/>
                <a:gd name="connsiteY13" fmla="*/ 115 h 5890552"/>
                <a:gd name="connsiteX0" fmla="*/ 3030279 w 5381346"/>
                <a:gd name="connsiteY0" fmla="*/ 115 h 5890552"/>
                <a:gd name="connsiteX1" fmla="*/ 765544 w 5381346"/>
                <a:gd name="connsiteY1" fmla="*/ 1935241 h 5890552"/>
                <a:gd name="connsiteX2" fmla="*/ 0 w 5381346"/>
                <a:gd name="connsiteY2" fmla="*/ 3051659 h 5890552"/>
                <a:gd name="connsiteX3" fmla="*/ 510363 w 5381346"/>
                <a:gd name="connsiteY3" fmla="*/ 3328106 h 5890552"/>
                <a:gd name="connsiteX4" fmla="*/ 297711 w 5381346"/>
                <a:gd name="connsiteY4" fmla="*/ 3657715 h 5890552"/>
                <a:gd name="connsiteX5" fmla="*/ 489097 w 5381346"/>
                <a:gd name="connsiteY5" fmla="*/ 3870366 h 5890552"/>
                <a:gd name="connsiteX6" fmla="*/ 372139 w 5381346"/>
                <a:gd name="connsiteY6" fmla="*/ 4061752 h 5890552"/>
                <a:gd name="connsiteX7" fmla="*/ 563525 w 5381346"/>
                <a:gd name="connsiteY7" fmla="*/ 4316934 h 5890552"/>
                <a:gd name="connsiteX8" fmla="*/ 499730 w 5381346"/>
                <a:gd name="connsiteY8" fmla="*/ 4976152 h 5890552"/>
                <a:gd name="connsiteX9" fmla="*/ 1754372 w 5381346"/>
                <a:gd name="connsiteY9" fmla="*/ 5199436 h 5890552"/>
                <a:gd name="connsiteX10" fmla="*/ 1945758 w 5381346"/>
                <a:gd name="connsiteY10" fmla="*/ 5890552 h 5890552"/>
                <a:gd name="connsiteX11" fmla="*/ 4784651 w 5381346"/>
                <a:gd name="connsiteY11" fmla="*/ 5858655 h 5890552"/>
                <a:gd name="connsiteX12" fmla="*/ 4890977 w 5381346"/>
                <a:gd name="connsiteY12" fmla="*/ 3519492 h 5890552"/>
                <a:gd name="connsiteX13" fmla="*/ 3030279 w 5381346"/>
                <a:gd name="connsiteY13" fmla="*/ 115 h 5890552"/>
                <a:gd name="connsiteX0" fmla="*/ 3030279 w 5381346"/>
                <a:gd name="connsiteY0" fmla="*/ 115 h 5890552"/>
                <a:gd name="connsiteX1" fmla="*/ 765544 w 5381346"/>
                <a:gd name="connsiteY1" fmla="*/ 1935241 h 5890552"/>
                <a:gd name="connsiteX2" fmla="*/ 0 w 5381346"/>
                <a:gd name="connsiteY2" fmla="*/ 3051659 h 5890552"/>
                <a:gd name="connsiteX3" fmla="*/ 510363 w 5381346"/>
                <a:gd name="connsiteY3" fmla="*/ 3328106 h 5890552"/>
                <a:gd name="connsiteX4" fmla="*/ 297711 w 5381346"/>
                <a:gd name="connsiteY4" fmla="*/ 3657715 h 5890552"/>
                <a:gd name="connsiteX5" fmla="*/ 489097 w 5381346"/>
                <a:gd name="connsiteY5" fmla="*/ 3870366 h 5890552"/>
                <a:gd name="connsiteX6" fmla="*/ 372139 w 5381346"/>
                <a:gd name="connsiteY6" fmla="*/ 4061752 h 5890552"/>
                <a:gd name="connsiteX7" fmla="*/ 563525 w 5381346"/>
                <a:gd name="connsiteY7" fmla="*/ 4316934 h 5890552"/>
                <a:gd name="connsiteX8" fmla="*/ 499730 w 5381346"/>
                <a:gd name="connsiteY8" fmla="*/ 4976152 h 5890552"/>
                <a:gd name="connsiteX9" fmla="*/ 1754372 w 5381346"/>
                <a:gd name="connsiteY9" fmla="*/ 5199436 h 5890552"/>
                <a:gd name="connsiteX10" fmla="*/ 1945758 w 5381346"/>
                <a:gd name="connsiteY10" fmla="*/ 5890552 h 5890552"/>
                <a:gd name="connsiteX11" fmla="*/ 4784651 w 5381346"/>
                <a:gd name="connsiteY11" fmla="*/ 5858655 h 5890552"/>
                <a:gd name="connsiteX12" fmla="*/ 4890977 w 5381346"/>
                <a:gd name="connsiteY12" fmla="*/ 3519492 h 5890552"/>
                <a:gd name="connsiteX13" fmla="*/ 3030279 w 5381346"/>
                <a:gd name="connsiteY13" fmla="*/ 115 h 5890552"/>
                <a:gd name="connsiteX0" fmla="*/ 3030279 w 5381346"/>
                <a:gd name="connsiteY0" fmla="*/ 175 h 5890612"/>
                <a:gd name="connsiteX1" fmla="*/ 765544 w 5381346"/>
                <a:gd name="connsiteY1" fmla="*/ 1935301 h 5890612"/>
                <a:gd name="connsiteX2" fmla="*/ 0 w 5381346"/>
                <a:gd name="connsiteY2" fmla="*/ 3051719 h 5890612"/>
                <a:gd name="connsiteX3" fmla="*/ 510363 w 5381346"/>
                <a:gd name="connsiteY3" fmla="*/ 3328166 h 5890612"/>
                <a:gd name="connsiteX4" fmla="*/ 297711 w 5381346"/>
                <a:gd name="connsiteY4" fmla="*/ 3657775 h 5890612"/>
                <a:gd name="connsiteX5" fmla="*/ 489097 w 5381346"/>
                <a:gd name="connsiteY5" fmla="*/ 3870426 h 5890612"/>
                <a:gd name="connsiteX6" fmla="*/ 372139 w 5381346"/>
                <a:gd name="connsiteY6" fmla="*/ 4061812 h 5890612"/>
                <a:gd name="connsiteX7" fmla="*/ 563525 w 5381346"/>
                <a:gd name="connsiteY7" fmla="*/ 4316994 h 5890612"/>
                <a:gd name="connsiteX8" fmla="*/ 499730 w 5381346"/>
                <a:gd name="connsiteY8" fmla="*/ 4976212 h 5890612"/>
                <a:gd name="connsiteX9" fmla="*/ 1754372 w 5381346"/>
                <a:gd name="connsiteY9" fmla="*/ 5199496 h 5890612"/>
                <a:gd name="connsiteX10" fmla="*/ 1945758 w 5381346"/>
                <a:gd name="connsiteY10" fmla="*/ 5890612 h 5890612"/>
                <a:gd name="connsiteX11" fmla="*/ 4784651 w 5381346"/>
                <a:gd name="connsiteY11" fmla="*/ 5858715 h 5890612"/>
                <a:gd name="connsiteX12" fmla="*/ 4890977 w 5381346"/>
                <a:gd name="connsiteY12" fmla="*/ 3519552 h 5890612"/>
                <a:gd name="connsiteX13" fmla="*/ 3030279 w 5381346"/>
                <a:gd name="connsiteY13" fmla="*/ 175 h 5890612"/>
                <a:gd name="connsiteX0" fmla="*/ 3030279 w 5381346"/>
                <a:gd name="connsiteY0" fmla="*/ 1733 h 5892170"/>
                <a:gd name="connsiteX1" fmla="*/ 0 w 5381346"/>
                <a:gd name="connsiteY1" fmla="*/ 3053277 h 5892170"/>
                <a:gd name="connsiteX2" fmla="*/ 510363 w 5381346"/>
                <a:gd name="connsiteY2" fmla="*/ 3329724 h 5892170"/>
                <a:gd name="connsiteX3" fmla="*/ 297711 w 5381346"/>
                <a:gd name="connsiteY3" fmla="*/ 3659333 h 5892170"/>
                <a:gd name="connsiteX4" fmla="*/ 489097 w 5381346"/>
                <a:gd name="connsiteY4" fmla="*/ 3871984 h 5892170"/>
                <a:gd name="connsiteX5" fmla="*/ 372139 w 5381346"/>
                <a:gd name="connsiteY5" fmla="*/ 4063370 h 5892170"/>
                <a:gd name="connsiteX6" fmla="*/ 563525 w 5381346"/>
                <a:gd name="connsiteY6" fmla="*/ 4318552 h 5892170"/>
                <a:gd name="connsiteX7" fmla="*/ 499730 w 5381346"/>
                <a:gd name="connsiteY7" fmla="*/ 4977770 h 5892170"/>
                <a:gd name="connsiteX8" fmla="*/ 1754372 w 5381346"/>
                <a:gd name="connsiteY8" fmla="*/ 5201054 h 5892170"/>
                <a:gd name="connsiteX9" fmla="*/ 1945758 w 5381346"/>
                <a:gd name="connsiteY9" fmla="*/ 5892170 h 5892170"/>
                <a:gd name="connsiteX10" fmla="*/ 4784651 w 5381346"/>
                <a:gd name="connsiteY10" fmla="*/ 5860273 h 5892170"/>
                <a:gd name="connsiteX11" fmla="*/ 4890977 w 5381346"/>
                <a:gd name="connsiteY11" fmla="*/ 3521110 h 5892170"/>
                <a:gd name="connsiteX12" fmla="*/ 3030279 w 5381346"/>
                <a:gd name="connsiteY12" fmla="*/ 1733 h 5892170"/>
                <a:gd name="connsiteX0" fmla="*/ 3030279 w 5381346"/>
                <a:gd name="connsiteY0" fmla="*/ 4 h 5890441"/>
                <a:gd name="connsiteX1" fmla="*/ 0 w 5381346"/>
                <a:gd name="connsiteY1" fmla="*/ 3051548 h 5890441"/>
                <a:gd name="connsiteX2" fmla="*/ 510363 w 5381346"/>
                <a:gd name="connsiteY2" fmla="*/ 3327995 h 5890441"/>
                <a:gd name="connsiteX3" fmla="*/ 297711 w 5381346"/>
                <a:gd name="connsiteY3" fmla="*/ 3657604 h 5890441"/>
                <a:gd name="connsiteX4" fmla="*/ 489097 w 5381346"/>
                <a:gd name="connsiteY4" fmla="*/ 3870255 h 5890441"/>
                <a:gd name="connsiteX5" fmla="*/ 372139 w 5381346"/>
                <a:gd name="connsiteY5" fmla="*/ 4061641 h 5890441"/>
                <a:gd name="connsiteX6" fmla="*/ 563525 w 5381346"/>
                <a:gd name="connsiteY6" fmla="*/ 4316823 h 5890441"/>
                <a:gd name="connsiteX7" fmla="*/ 499730 w 5381346"/>
                <a:gd name="connsiteY7" fmla="*/ 4976041 h 5890441"/>
                <a:gd name="connsiteX8" fmla="*/ 1754372 w 5381346"/>
                <a:gd name="connsiteY8" fmla="*/ 5199325 h 5890441"/>
                <a:gd name="connsiteX9" fmla="*/ 1945758 w 5381346"/>
                <a:gd name="connsiteY9" fmla="*/ 5890441 h 5890441"/>
                <a:gd name="connsiteX10" fmla="*/ 4784651 w 5381346"/>
                <a:gd name="connsiteY10" fmla="*/ 5858544 h 5890441"/>
                <a:gd name="connsiteX11" fmla="*/ 4890977 w 5381346"/>
                <a:gd name="connsiteY11" fmla="*/ 3519381 h 5890441"/>
                <a:gd name="connsiteX12" fmla="*/ 3030279 w 5381346"/>
                <a:gd name="connsiteY12" fmla="*/ 4 h 5890441"/>
                <a:gd name="connsiteX0" fmla="*/ 3040277 w 5391344"/>
                <a:gd name="connsiteY0" fmla="*/ 4 h 5890441"/>
                <a:gd name="connsiteX1" fmla="*/ 9998 w 5391344"/>
                <a:gd name="connsiteY1" fmla="*/ 3051548 h 5890441"/>
                <a:gd name="connsiteX2" fmla="*/ 520361 w 5391344"/>
                <a:gd name="connsiteY2" fmla="*/ 3327995 h 5890441"/>
                <a:gd name="connsiteX3" fmla="*/ 307709 w 5391344"/>
                <a:gd name="connsiteY3" fmla="*/ 3657604 h 5890441"/>
                <a:gd name="connsiteX4" fmla="*/ 499095 w 5391344"/>
                <a:gd name="connsiteY4" fmla="*/ 3870255 h 5890441"/>
                <a:gd name="connsiteX5" fmla="*/ 382137 w 5391344"/>
                <a:gd name="connsiteY5" fmla="*/ 4061641 h 5890441"/>
                <a:gd name="connsiteX6" fmla="*/ 573523 w 5391344"/>
                <a:gd name="connsiteY6" fmla="*/ 4316823 h 5890441"/>
                <a:gd name="connsiteX7" fmla="*/ 509728 w 5391344"/>
                <a:gd name="connsiteY7" fmla="*/ 4976041 h 5890441"/>
                <a:gd name="connsiteX8" fmla="*/ 1764370 w 5391344"/>
                <a:gd name="connsiteY8" fmla="*/ 5199325 h 5890441"/>
                <a:gd name="connsiteX9" fmla="*/ 1955756 w 5391344"/>
                <a:gd name="connsiteY9" fmla="*/ 5890441 h 5890441"/>
                <a:gd name="connsiteX10" fmla="*/ 4794649 w 5391344"/>
                <a:gd name="connsiteY10" fmla="*/ 5858544 h 5890441"/>
                <a:gd name="connsiteX11" fmla="*/ 4900975 w 5391344"/>
                <a:gd name="connsiteY11" fmla="*/ 3519381 h 5890441"/>
                <a:gd name="connsiteX12" fmla="*/ 3040277 w 5391344"/>
                <a:gd name="connsiteY12" fmla="*/ 4 h 5890441"/>
                <a:gd name="connsiteX0" fmla="*/ 3040277 w 5391344"/>
                <a:gd name="connsiteY0" fmla="*/ 4 h 5890441"/>
                <a:gd name="connsiteX1" fmla="*/ 9998 w 5391344"/>
                <a:gd name="connsiteY1" fmla="*/ 3051548 h 5890441"/>
                <a:gd name="connsiteX2" fmla="*/ 520361 w 5391344"/>
                <a:gd name="connsiteY2" fmla="*/ 3327995 h 5890441"/>
                <a:gd name="connsiteX3" fmla="*/ 307709 w 5391344"/>
                <a:gd name="connsiteY3" fmla="*/ 3657604 h 5890441"/>
                <a:gd name="connsiteX4" fmla="*/ 499095 w 5391344"/>
                <a:gd name="connsiteY4" fmla="*/ 3870255 h 5890441"/>
                <a:gd name="connsiteX5" fmla="*/ 382137 w 5391344"/>
                <a:gd name="connsiteY5" fmla="*/ 4061641 h 5890441"/>
                <a:gd name="connsiteX6" fmla="*/ 573523 w 5391344"/>
                <a:gd name="connsiteY6" fmla="*/ 4316823 h 5890441"/>
                <a:gd name="connsiteX7" fmla="*/ 509728 w 5391344"/>
                <a:gd name="connsiteY7" fmla="*/ 4976041 h 5890441"/>
                <a:gd name="connsiteX8" fmla="*/ 1764370 w 5391344"/>
                <a:gd name="connsiteY8" fmla="*/ 5199325 h 5890441"/>
                <a:gd name="connsiteX9" fmla="*/ 1955756 w 5391344"/>
                <a:gd name="connsiteY9" fmla="*/ 5890441 h 5890441"/>
                <a:gd name="connsiteX10" fmla="*/ 4794649 w 5391344"/>
                <a:gd name="connsiteY10" fmla="*/ 5858544 h 5890441"/>
                <a:gd name="connsiteX11" fmla="*/ 4900975 w 5391344"/>
                <a:gd name="connsiteY11" fmla="*/ 3519381 h 5890441"/>
                <a:gd name="connsiteX12" fmla="*/ 3040277 w 5391344"/>
                <a:gd name="connsiteY12" fmla="*/ 4 h 5890441"/>
                <a:gd name="connsiteX0" fmla="*/ 3030279 w 5381346"/>
                <a:gd name="connsiteY0" fmla="*/ 92120 h 5982557"/>
                <a:gd name="connsiteX1" fmla="*/ 914399 w 5381346"/>
                <a:gd name="connsiteY1" fmla="*/ 1187274 h 5982557"/>
                <a:gd name="connsiteX2" fmla="*/ 0 w 5381346"/>
                <a:gd name="connsiteY2" fmla="*/ 3143664 h 5982557"/>
                <a:gd name="connsiteX3" fmla="*/ 510363 w 5381346"/>
                <a:gd name="connsiteY3" fmla="*/ 3420111 h 5982557"/>
                <a:gd name="connsiteX4" fmla="*/ 297711 w 5381346"/>
                <a:gd name="connsiteY4" fmla="*/ 3749720 h 5982557"/>
                <a:gd name="connsiteX5" fmla="*/ 489097 w 5381346"/>
                <a:gd name="connsiteY5" fmla="*/ 3962371 h 5982557"/>
                <a:gd name="connsiteX6" fmla="*/ 372139 w 5381346"/>
                <a:gd name="connsiteY6" fmla="*/ 4153757 h 5982557"/>
                <a:gd name="connsiteX7" fmla="*/ 563525 w 5381346"/>
                <a:gd name="connsiteY7" fmla="*/ 4408939 h 5982557"/>
                <a:gd name="connsiteX8" fmla="*/ 499730 w 5381346"/>
                <a:gd name="connsiteY8" fmla="*/ 5068157 h 5982557"/>
                <a:gd name="connsiteX9" fmla="*/ 1754372 w 5381346"/>
                <a:gd name="connsiteY9" fmla="*/ 5291441 h 5982557"/>
                <a:gd name="connsiteX10" fmla="*/ 1945758 w 5381346"/>
                <a:gd name="connsiteY10" fmla="*/ 5982557 h 5982557"/>
                <a:gd name="connsiteX11" fmla="*/ 4784651 w 5381346"/>
                <a:gd name="connsiteY11" fmla="*/ 5950660 h 5982557"/>
                <a:gd name="connsiteX12" fmla="*/ 4890977 w 5381346"/>
                <a:gd name="connsiteY12" fmla="*/ 3611497 h 5982557"/>
                <a:gd name="connsiteX13" fmla="*/ 3030279 w 5381346"/>
                <a:gd name="connsiteY13" fmla="*/ 92120 h 5982557"/>
                <a:gd name="connsiteX0" fmla="*/ 3030279 w 5381346"/>
                <a:gd name="connsiteY0" fmla="*/ 94250 h 5984687"/>
                <a:gd name="connsiteX1" fmla="*/ 914399 w 5381346"/>
                <a:gd name="connsiteY1" fmla="*/ 1189404 h 5984687"/>
                <a:gd name="connsiteX2" fmla="*/ 0 w 5381346"/>
                <a:gd name="connsiteY2" fmla="*/ 3145794 h 5984687"/>
                <a:gd name="connsiteX3" fmla="*/ 510363 w 5381346"/>
                <a:gd name="connsiteY3" fmla="*/ 3422241 h 5984687"/>
                <a:gd name="connsiteX4" fmla="*/ 297711 w 5381346"/>
                <a:gd name="connsiteY4" fmla="*/ 3751850 h 5984687"/>
                <a:gd name="connsiteX5" fmla="*/ 489097 w 5381346"/>
                <a:gd name="connsiteY5" fmla="*/ 3964501 h 5984687"/>
                <a:gd name="connsiteX6" fmla="*/ 372139 w 5381346"/>
                <a:gd name="connsiteY6" fmla="*/ 4155887 h 5984687"/>
                <a:gd name="connsiteX7" fmla="*/ 563525 w 5381346"/>
                <a:gd name="connsiteY7" fmla="*/ 4411069 h 5984687"/>
                <a:gd name="connsiteX8" fmla="*/ 499730 w 5381346"/>
                <a:gd name="connsiteY8" fmla="*/ 5070287 h 5984687"/>
                <a:gd name="connsiteX9" fmla="*/ 1754372 w 5381346"/>
                <a:gd name="connsiteY9" fmla="*/ 5293571 h 5984687"/>
                <a:gd name="connsiteX10" fmla="*/ 1945758 w 5381346"/>
                <a:gd name="connsiteY10" fmla="*/ 5984687 h 5984687"/>
                <a:gd name="connsiteX11" fmla="*/ 4784651 w 5381346"/>
                <a:gd name="connsiteY11" fmla="*/ 5952790 h 5984687"/>
                <a:gd name="connsiteX12" fmla="*/ 4890977 w 5381346"/>
                <a:gd name="connsiteY12" fmla="*/ 3613627 h 5984687"/>
                <a:gd name="connsiteX13" fmla="*/ 3030279 w 5381346"/>
                <a:gd name="connsiteY13" fmla="*/ 94250 h 5984687"/>
                <a:gd name="connsiteX0" fmla="*/ 3030279 w 5381346"/>
                <a:gd name="connsiteY0" fmla="*/ 0 h 5890437"/>
                <a:gd name="connsiteX1" fmla="*/ 914399 w 5381346"/>
                <a:gd name="connsiteY1" fmla="*/ 1095154 h 5890437"/>
                <a:gd name="connsiteX2" fmla="*/ 0 w 5381346"/>
                <a:gd name="connsiteY2" fmla="*/ 3051544 h 5890437"/>
                <a:gd name="connsiteX3" fmla="*/ 510363 w 5381346"/>
                <a:gd name="connsiteY3" fmla="*/ 3327991 h 5890437"/>
                <a:gd name="connsiteX4" fmla="*/ 297711 w 5381346"/>
                <a:gd name="connsiteY4" fmla="*/ 3657600 h 5890437"/>
                <a:gd name="connsiteX5" fmla="*/ 489097 w 5381346"/>
                <a:gd name="connsiteY5" fmla="*/ 3870251 h 5890437"/>
                <a:gd name="connsiteX6" fmla="*/ 372139 w 5381346"/>
                <a:gd name="connsiteY6" fmla="*/ 4061637 h 5890437"/>
                <a:gd name="connsiteX7" fmla="*/ 563525 w 5381346"/>
                <a:gd name="connsiteY7" fmla="*/ 4316819 h 5890437"/>
                <a:gd name="connsiteX8" fmla="*/ 499730 w 5381346"/>
                <a:gd name="connsiteY8" fmla="*/ 4976037 h 5890437"/>
                <a:gd name="connsiteX9" fmla="*/ 1754372 w 5381346"/>
                <a:gd name="connsiteY9" fmla="*/ 5199321 h 5890437"/>
                <a:gd name="connsiteX10" fmla="*/ 1945758 w 5381346"/>
                <a:gd name="connsiteY10" fmla="*/ 5890437 h 5890437"/>
                <a:gd name="connsiteX11" fmla="*/ 4784651 w 5381346"/>
                <a:gd name="connsiteY11" fmla="*/ 5858540 h 5890437"/>
                <a:gd name="connsiteX12" fmla="*/ 4890977 w 5381346"/>
                <a:gd name="connsiteY12" fmla="*/ 3519377 h 5890437"/>
                <a:gd name="connsiteX13" fmla="*/ 3030279 w 5381346"/>
                <a:gd name="connsiteY13" fmla="*/ 0 h 5890437"/>
                <a:gd name="connsiteX0" fmla="*/ 3030279 w 5381346"/>
                <a:gd name="connsiteY0" fmla="*/ 0 h 5890437"/>
                <a:gd name="connsiteX1" fmla="*/ 914399 w 5381346"/>
                <a:gd name="connsiteY1" fmla="*/ 1095154 h 5890437"/>
                <a:gd name="connsiteX2" fmla="*/ 0 w 5381346"/>
                <a:gd name="connsiteY2" fmla="*/ 3051544 h 5890437"/>
                <a:gd name="connsiteX3" fmla="*/ 510363 w 5381346"/>
                <a:gd name="connsiteY3" fmla="*/ 3327991 h 5890437"/>
                <a:gd name="connsiteX4" fmla="*/ 297711 w 5381346"/>
                <a:gd name="connsiteY4" fmla="*/ 3657600 h 5890437"/>
                <a:gd name="connsiteX5" fmla="*/ 489097 w 5381346"/>
                <a:gd name="connsiteY5" fmla="*/ 3870251 h 5890437"/>
                <a:gd name="connsiteX6" fmla="*/ 372139 w 5381346"/>
                <a:gd name="connsiteY6" fmla="*/ 4061637 h 5890437"/>
                <a:gd name="connsiteX7" fmla="*/ 563525 w 5381346"/>
                <a:gd name="connsiteY7" fmla="*/ 4316819 h 5890437"/>
                <a:gd name="connsiteX8" fmla="*/ 499730 w 5381346"/>
                <a:gd name="connsiteY8" fmla="*/ 4976037 h 5890437"/>
                <a:gd name="connsiteX9" fmla="*/ 1754372 w 5381346"/>
                <a:gd name="connsiteY9" fmla="*/ 5199321 h 5890437"/>
                <a:gd name="connsiteX10" fmla="*/ 1945758 w 5381346"/>
                <a:gd name="connsiteY10" fmla="*/ 5890437 h 5890437"/>
                <a:gd name="connsiteX11" fmla="*/ 4784651 w 5381346"/>
                <a:gd name="connsiteY11" fmla="*/ 5858540 h 5890437"/>
                <a:gd name="connsiteX12" fmla="*/ 4890977 w 5381346"/>
                <a:gd name="connsiteY12" fmla="*/ 3519377 h 5890437"/>
                <a:gd name="connsiteX13" fmla="*/ 3030279 w 5381346"/>
                <a:gd name="connsiteY13" fmla="*/ 0 h 5890437"/>
                <a:gd name="connsiteX0" fmla="*/ 3030726 w 5381793"/>
                <a:gd name="connsiteY0" fmla="*/ 0 h 5890437"/>
                <a:gd name="connsiteX1" fmla="*/ 914846 w 5381793"/>
                <a:gd name="connsiteY1" fmla="*/ 1095154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26 w 5381793"/>
                <a:gd name="connsiteY0" fmla="*/ 0 h 5890437"/>
                <a:gd name="connsiteX1" fmla="*/ 914846 w 5381793"/>
                <a:gd name="connsiteY1" fmla="*/ 1095154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26 w 5381793"/>
                <a:gd name="connsiteY0" fmla="*/ 0 h 5890437"/>
                <a:gd name="connsiteX1" fmla="*/ 914846 w 5381793"/>
                <a:gd name="connsiteY1" fmla="*/ 1095154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26 w 5381793"/>
                <a:gd name="connsiteY0" fmla="*/ 0 h 5890437"/>
                <a:gd name="connsiteX1" fmla="*/ 872315 w 5381793"/>
                <a:gd name="connsiteY1" fmla="*/ 1063257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26 w 5381793"/>
                <a:gd name="connsiteY0" fmla="*/ 0 h 5890437"/>
                <a:gd name="connsiteX1" fmla="*/ 872315 w 5381793"/>
                <a:gd name="connsiteY1" fmla="*/ 1063257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26 w 5381793"/>
                <a:gd name="connsiteY0" fmla="*/ 0 h 5890437"/>
                <a:gd name="connsiteX1" fmla="*/ 872315 w 5381793"/>
                <a:gd name="connsiteY1" fmla="*/ 1063257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26 w 5381793"/>
                <a:gd name="connsiteY0" fmla="*/ 0 h 5890437"/>
                <a:gd name="connsiteX1" fmla="*/ 872315 w 5381793"/>
                <a:gd name="connsiteY1" fmla="*/ 1063257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26 w 5381793"/>
                <a:gd name="connsiteY0" fmla="*/ 0 h 5890437"/>
                <a:gd name="connsiteX1" fmla="*/ 872315 w 5381793"/>
                <a:gd name="connsiteY1" fmla="*/ 1063257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26 w 5381793"/>
                <a:gd name="connsiteY0" fmla="*/ 0 h 5890437"/>
                <a:gd name="connsiteX1" fmla="*/ 890128 w 5381793"/>
                <a:gd name="connsiteY1" fmla="*/ 1098883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26 w 5381793"/>
                <a:gd name="connsiteY0" fmla="*/ 0 h 5890437"/>
                <a:gd name="connsiteX1" fmla="*/ 890128 w 5381793"/>
                <a:gd name="connsiteY1" fmla="*/ 1098883 h 5890437"/>
                <a:gd name="connsiteX2" fmla="*/ 649032 w 5381793"/>
                <a:gd name="connsiteY2" fmla="*/ 2137144 h 5890437"/>
                <a:gd name="connsiteX3" fmla="*/ 447 w 5381793"/>
                <a:gd name="connsiteY3" fmla="*/ 3051544 h 5890437"/>
                <a:gd name="connsiteX4" fmla="*/ 510810 w 5381793"/>
                <a:gd name="connsiteY4" fmla="*/ 3327991 h 5890437"/>
                <a:gd name="connsiteX5" fmla="*/ 298158 w 5381793"/>
                <a:gd name="connsiteY5" fmla="*/ 3657600 h 5890437"/>
                <a:gd name="connsiteX6" fmla="*/ 489544 w 5381793"/>
                <a:gd name="connsiteY6" fmla="*/ 3870251 h 5890437"/>
                <a:gd name="connsiteX7" fmla="*/ 372586 w 5381793"/>
                <a:gd name="connsiteY7" fmla="*/ 4061637 h 5890437"/>
                <a:gd name="connsiteX8" fmla="*/ 563972 w 5381793"/>
                <a:gd name="connsiteY8" fmla="*/ 4316819 h 5890437"/>
                <a:gd name="connsiteX9" fmla="*/ 500177 w 5381793"/>
                <a:gd name="connsiteY9" fmla="*/ 4976037 h 5890437"/>
                <a:gd name="connsiteX10" fmla="*/ 1754819 w 5381793"/>
                <a:gd name="connsiteY10" fmla="*/ 5199321 h 5890437"/>
                <a:gd name="connsiteX11" fmla="*/ 1946205 w 5381793"/>
                <a:gd name="connsiteY11" fmla="*/ 5890437 h 5890437"/>
                <a:gd name="connsiteX12" fmla="*/ 4785098 w 5381793"/>
                <a:gd name="connsiteY12" fmla="*/ 5858540 h 5890437"/>
                <a:gd name="connsiteX13" fmla="*/ 4891424 w 5381793"/>
                <a:gd name="connsiteY13" fmla="*/ 3519377 h 5890437"/>
                <a:gd name="connsiteX14" fmla="*/ 3030726 w 5381793"/>
                <a:gd name="connsiteY14" fmla="*/ 0 h 5890437"/>
                <a:gd name="connsiteX0" fmla="*/ 3030764 w 5381831"/>
                <a:gd name="connsiteY0" fmla="*/ 0 h 5890437"/>
                <a:gd name="connsiteX1" fmla="*/ 890166 w 5381831"/>
                <a:gd name="connsiteY1" fmla="*/ 1098883 h 5890437"/>
                <a:gd name="connsiteX2" fmla="*/ 607506 w 5381831"/>
                <a:gd name="connsiteY2" fmla="*/ 2172770 h 5890437"/>
                <a:gd name="connsiteX3" fmla="*/ 485 w 5381831"/>
                <a:gd name="connsiteY3" fmla="*/ 3051544 h 5890437"/>
                <a:gd name="connsiteX4" fmla="*/ 510848 w 5381831"/>
                <a:gd name="connsiteY4" fmla="*/ 3327991 h 5890437"/>
                <a:gd name="connsiteX5" fmla="*/ 298196 w 5381831"/>
                <a:gd name="connsiteY5" fmla="*/ 3657600 h 5890437"/>
                <a:gd name="connsiteX6" fmla="*/ 489582 w 5381831"/>
                <a:gd name="connsiteY6" fmla="*/ 3870251 h 5890437"/>
                <a:gd name="connsiteX7" fmla="*/ 372624 w 5381831"/>
                <a:gd name="connsiteY7" fmla="*/ 4061637 h 5890437"/>
                <a:gd name="connsiteX8" fmla="*/ 564010 w 5381831"/>
                <a:gd name="connsiteY8" fmla="*/ 4316819 h 5890437"/>
                <a:gd name="connsiteX9" fmla="*/ 500215 w 5381831"/>
                <a:gd name="connsiteY9" fmla="*/ 4976037 h 5890437"/>
                <a:gd name="connsiteX10" fmla="*/ 1754857 w 5381831"/>
                <a:gd name="connsiteY10" fmla="*/ 5199321 h 5890437"/>
                <a:gd name="connsiteX11" fmla="*/ 1946243 w 5381831"/>
                <a:gd name="connsiteY11" fmla="*/ 5890437 h 5890437"/>
                <a:gd name="connsiteX12" fmla="*/ 4785136 w 5381831"/>
                <a:gd name="connsiteY12" fmla="*/ 5858540 h 5890437"/>
                <a:gd name="connsiteX13" fmla="*/ 4891462 w 5381831"/>
                <a:gd name="connsiteY13" fmla="*/ 3519377 h 5890437"/>
                <a:gd name="connsiteX14" fmla="*/ 3030764 w 5381831"/>
                <a:gd name="connsiteY14" fmla="*/ 0 h 5890437"/>
                <a:gd name="connsiteX0" fmla="*/ 3030764 w 5381831"/>
                <a:gd name="connsiteY0" fmla="*/ 0 h 5890437"/>
                <a:gd name="connsiteX1" fmla="*/ 890166 w 5381831"/>
                <a:gd name="connsiteY1" fmla="*/ 1098883 h 5890437"/>
                <a:gd name="connsiteX2" fmla="*/ 607506 w 5381831"/>
                <a:gd name="connsiteY2" fmla="*/ 2172770 h 5890437"/>
                <a:gd name="connsiteX3" fmla="*/ 485 w 5381831"/>
                <a:gd name="connsiteY3" fmla="*/ 3051544 h 5890437"/>
                <a:gd name="connsiteX4" fmla="*/ 510848 w 5381831"/>
                <a:gd name="connsiteY4" fmla="*/ 3327991 h 5890437"/>
                <a:gd name="connsiteX5" fmla="*/ 298196 w 5381831"/>
                <a:gd name="connsiteY5" fmla="*/ 3657600 h 5890437"/>
                <a:gd name="connsiteX6" fmla="*/ 489582 w 5381831"/>
                <a:gd name="connsiteY6" fmla="*/ 3870251 h 5890437"/>
                <a:gd name="connsiteX7" fmla="*/ 372624 w 5381831"/>
                <a:gd name="connsiteY7" fmla="*/ 4061637 h 5890437"/>
                <a:gd name="connsiteX8" fmla="*/ 564010 w 5381831"/>
                <a:gd name="connsiteY8" fmla="*/ 4316819 h 5890437"/>
                <a:gd name="connsiteX9" fmla="*/ 500215 w 5381831"/>
                <a:gd name="connsiteY9" fmla="*/ 4976037 h 5890437"/>
                <a:gd name="connsiteX10" fmla="*/ 1754857 w 5381831"/>
                <a:gd name="connsiteY10" fmla="*/ 5199321 h 5890437"/>
                <a:gd name="connsiteX11" fmla="*/ 1946243 w 5381831"/>
                <a:gd name="connsiteY11" fmla="*/ 5890437 h 5890437"/>
                <a:gd name="connsiteX12" fmla="*/ 4785136 w 5381831"/>
                <a:gd name="connsiteY12" fmla="*/ 5858540 h 5890437"/>
                <a:gd name="connsiteX13" fmla="*/ 4891462 w 5381831"/>
                <a:gd name="connsiteY13" fmla="*/ 3519377 h 5890437"/>
                <a:gd name="connsiteX14" fmla="*/ 3030764 w 5381831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298271 w 5381906"/>
                <a:gd name="connsiteY5" fmla="*/ 3657600 h 5890437"/>
                <a:gd name="connsiteX6" fmla="*/ 489657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298271 w 5381906"/>
                <a:gd name="connsiteY5" fmla="*/ 3657600 h 5890437"/>
                <a:gd name="connsiteX6" fmla="*/ 489657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298271 w 5381906"/>
                <a:gd name="connsiteY5" fmla="*/ 3657600 h 5890437"/>
                <a:gd name="connsiteX6" fmla="*/ 489657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489657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489657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199321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039004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039004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039004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039004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839 w 5381906"/>
                <a:gd name="connsiteY0" fmla="*/ 0 h 5890437"/>
                <a:gd name="connsiteX1" fmla="*/ 890241 w 5381906"/>
                <a:gd name="connsiteY1" fmla="*/ 1098883 h 5890437"/>
                <a:gd name="connsiteX2" fmla="*/ 607581 w 5381906"/>
                <a:gd name="connsiteY2" fmla="*/ 2172770 h 5890437"/>
                <a:gd name="connsiteX3" fmla="*/ 560 w 5381906"/>
                <a:gd name="connsiteY3" fmla="*/ 3051544 h 5890437"/>
                <a:gd name="connsiteX4" fmla="*/ 510923 w 5381906"/>
                <a:gd name="connsiteY4" fmla="*/ 3327991 h 5890437"/>
                <a:gd name="connsiteX5" fmla="*/ 339835 w 5381906"/>
                <a:gd name="connsiteY5" fmla="*/ 3734790 h 5890437"/>
                <a:gd name="connsiteX6" fmla="*/ 531221 w 5381906"/>
                <a:gd name="connsiteY6" fmla="*/ 3870251 h 5890437"/>
                <a:gd name="connsiteX7" fmla="*/ 372699 w 5381906"/>
                <a:gd name="connsiteY7" fmla="*/ 4061637 h 5890437"/>
                <a:gd name="connsiteX8" fmla="*/ 564085 w 5381906"/>
                <a:gd name="connsiteY8" fmla="*/ 4316819 h 5890437"/>
                <a:gd name="connsiteX9" fmla="*/ 500290 w 5381906"/>
                <a:gd name="connsiteY9" fmla="*/ 4976037 h 5890437"/>
                <a:gd name="connsiteX10" fmla="*/ 1754932 w 5381906"/>
                <a:gd name="connsiteY10" fmla="*/ 5039004 h 5890437"/>
                <a:gd name="connsiteX11" fmla="*/ 1946318 w 5381906"/>
                <a:gd name="connsiteY11" fmla="*/ 5890437 h 5890437"/>
                <a:gd name="connsiteX12" fmla="*/ 4785211 w 5381906"/>
                <a:gd name="connsiteY12" fmla="*/ 5858540 h 5890437"/>
                <a:gd name="connsiteX13" fmla="*/ 4891537 w 5381906"/>
                <a:gd name="connsiteY13" fmla="*/ 3519377 h 5890437"/>
                <a:gd name="connsiteX14" fmla="*/ 3030839 w 5381906"/>
                <a:gd name="connsiteY14" fmla="*/ 0 h 5890437"/>
                <a:gd name="connsiteX0" fmla="*/ 3030765 w 5381832"/>
                <a:gd name="connsiteY0" fmla="*/ 0 h 5890437"/>
                <a:gd name="connsiteX1" fmla="*/ 890167 w 5381832"/>
                <a:gd name="connsiteY1" fmla="*/ 1098883 h 5890437"/>
                <a:gd name="connsiteX2" fmla="*/ 672821 w 5381832"/>
                <a:gd name="connsiteY2" fmla="*/ 2220272 h 5890437"/>
                <a:gd name="connsiteX3" fmla="*/ 486 w 5381832"/>
                <a:gd name="connsiteY3" fmla="*/ 3051544 h 5890437"/>
                <a:gd name="connsiteX4" fmla="*/ 510849 w 5381832"/>
                <a:gd name="connsiteY4" fmla="*/ 3327991 h 5890437"/>
                <a:gd name="connsiteX5" fmla="*/ 339761 w 5381832"/>
                <a:gd name="connsiteY5" fmla="*/ 3734790 h 5890437"/>
                <a:gd name="connsiteX6" fmla="*/ 531147 w 5381832"/>
                <a:gd name="connsiteY6" fmla="*/ 3870251 h 5890437"/>
                <a:gd name="connsiteX7" fmla="*/ 372625 w 5381832"/>
                <a:gd name="connsiteY7" fmla="*/ 4061637 h 5890437"/>
                <a:gd name="connsiteX8" fmla="*/ 564011 w 5381832"/>
                <a:gd name="connsiteY8" fmla="*/ 4316819 h 5890437"/>
                <a:gd name="connsiteX9" fmla="*/ 500216 w 5381832"/>
                <a:gd name="connsiteY9" fmla="*/ 4976037 h 5890437"/>
                <a:gd name="connsiteX10" fmla="*/ 1754858 w 5381832"/>
                <a:gd name="connsiteY10" fmla="*/ 5039004 h 5890437"/>
                <a:gd name="connsiteX11" fmla="*/ 1946244 w 5381832"/>
                <a:gd name="connsiteY11" fmla="*/ 5890437 h 5890437"/>
                <a:gd name="connsiteX12" fmla="*/ 4785137 w 5381832"/>
                <a:gd name="connsiteY12" fmla="*/ 5858540 h 5890437"/>
                <a:gd name="connsiteX13" fmla="*/ 4891463 w 5381832"/>
                <a:gd name="connsiteY13" fmla="*/ 3519377 h 5890437"/>
                <a:gd name="connsiteX14" fmla="*/ 3030765 w 5381832"/>
                <a:gd name="connsiteY14" fmla="*/ 0 h 5890437"/>
                <a:gd name="connsiteX0" fmla="*/ 3030862 w 5381929"/>
                <a:gd name="connsiteY0" fmla="*/ 0 h 5890437"/>
                <a:gd name="connsiteX1" fmla="*/ 890264 w 5381929"/>
                <a:gd name="connsiteY1" fmla="*/ 1098883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890264 w 5381929"/>
                <a:gd name="connsiteY1" fmla="*/ 1098883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890264 w 5381929"/>
                <a:gd name="connsiteY1" fmla="*/ 1098883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890264 w 5381929"/>
                <a:gd name="connsiteY1" fmla="*/ 1098883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872451 w 5381929"/>
                <a:gd name="connsiteY1" fmla="*/ 1057320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872451 w 5381929"/>
                <a:gd name="connsiteY1" fmla="*/ 1057320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981633 w 5381929"/>
                <a:gd name="connsiteY1" fmla="*/ 920842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981633 w 5381929"/>
                <a:gd name="connsiteY1" fmla="*/ 920842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927042 w 5381929"/>
                <a:gd name="connsiteY1" fmla="*/ 866251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927042 w 5381929"/>
                <a:gd name="connsiteY1" fmla="*/ 866251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0 h 5890437"/>
                <a:gd name="connsiteX1" fmla="*/ 927042 w 5381929"/>
                <a:gd name="connsiteY1" fmla="*/ 866251 h 5890437"/>
                <a:gd name="connsiteX2" fmla="*/ 672918 w 5381929"/>
                <a:gd name="connsiteY2" fmla="*/ 2220272 h 5890437"/>
                <a:gd name="connsiteX3" fmla="*/ 583 w 5381929"/>
                <a:gd name="connsiteY3" fmla="*/ 3051544 h 5890437"/>
                <a:gd name="connsiteX4" fmla="*/ 510946 w 5381929"/>
                <a:gd name="connsiteY4" fmla="*/ 3327991 h 5890437"/>
                <a:gd name="connsiteX5" fmla="*/ 339858 w 5381929"/>
                <a:gd name="connsiteY5" fmla="*/ 3734790 h 5890437"/>
                <a:gd name="connsiteX6" fmla="*/ 531244 w 5381929"/>
                <a:gd name="connsiteY6" fmla="*/ 3870251 h 5890437"/>
                <a:gd name="connsiteX7" fmla="*/ 372722 w 5381929"/>
                <a:gd name="connsiteY7" fmla="*/ 4061637 h 5890437"/>
                <a:gd name="connsiteX8" fmla="*/ 564108 w 5381929"/>
                <a:gd name="connsiteY8" fmla="*/ 4316819 h 5890437"/>
                <a:gd name="connsiteX9" fmla="*/ 500313 w 5381929"/>
                <a:gd name="connsiteY9" fmla="*/ 4976037 h 5890437"/>
                <a:gd name="connsiteX10" fmla="*/ 1754955 w 5381929"/>
                <a:gd name="connsiteY10" fmla="*/ 5039004 h 5890437"/>
                <a:gd name="connsiteX11" fmla="*/ 1946341 w 5381929"/>
                <a:gd name="connsiteY11" fmla="*/ 5890437 h 5890437"/>
                <a:gd name="connsiteX12" fmla="*/ 4785234 w 5381929"/>
                <a:gd name="connsiteY12" fmla="*/ 5858540 h 5890437"/>
                <a:gd name="connsiteX13" fmla="*/ 4891560 w 5381929"/>
                <a:gd name="connsiteY13" fmla="*/ 3519377 h 5890437"/>
                <a:gd name="connsiteX14" fmla="*/ 3030862 w 5381929"/>
                <a:gd name="connsiteY14" fmla="*/ 0 h 5890437"/>
                <a:gd name="connsiteX0" fmla="*/ 3030862 w 5381929"/>
                <a:gd name="connsiteY0" fmla="*/ 1751 h 5892188"/>
                <a:gd name="connsiteX1" fmla="*/ 927042 w 5381929"/>
                <a:gd name="connsiteY1" fmla="*/ 868002 h 5892188"/>
                <a:gd name="connsiteX2" fmla="*/ 672918 w 5381929"/>
                <a:gd name="connsiteY2" fmla="*/ 2222023 h 5892188"/>
                <a:gd name="connsiteX3" fmla="*/ 583 w 5381929"/>
                <a:gd name="connsiteY3" fmla="*/ 3053295 h 5892188"/>
                <a:gd name="connsiteX4" fmla="*/ 510946 w 5381929"/>
                <a:gd name="connsiteY4" fmla="*/ 3329742 h 5892188"/>
                <a:gd name="connsiteX5" fmla="*/ 339858 w 5381929"/>
                <a:gd name="connsiteY5" fmla="*/ 3736541 h 5892188"/>
                <a:gd name="connsiteX6" fmla="*/ 531244 w 5381929"/>
                <a:gd name="connsiteY6" fmla="*/ 3872002 h 5892188"/>
                <a:gd name="connsiteX7" fmla="*/ 372722 w 5381929"/>
                <a:gd name="connsiteY7" fmla="*/ 4063388 h 5892188"/>
                <a:gd name="connsiteX8" fmla="*/ 564108 w 5381929"/>
                <a:gd name="connsiteY8" fmla="*/ 4318570 h 5892188"/>
                <a:gd name="connsiteX9" fmla="*/ 500313 w 5381929"/>
                <a:gd name="connsiteY9" fmla="*/ 4977788 h 5892188"/>
                <a:gd name="connsiteX10" fmla="*/ 1754955 w 5381929"/>
                <a:gd name="connsiteY10" fmla="*/ 5040755 h 5892188"/>
                <a:gd name="connsiteX11" fmla="*/ 1946341 w 5381929"/>
                <a:gd name="connsiteY11" fmla="*/ 5892188 h 5892188"/>
                <a:gd name="connsiteX12" fmla="*/ 4785234 w 5381929"/>
                <a:gd name="connsiteY12" fmla="*/ 5860291 h 5892188"/>
                <a:gd name="connsiteX13" fmla="*/ 4891560 w 5381929"/>
                <a:gd name="connsiteY13" fmla="*/ 3521128 h 5892188"/>
                <a:gd name="connsiteX14" fmla="*/ 3030862 w 5381929"/>
                <a:gd name="connsiteY14" fmla="*/ 1751 h 5892188"/>
                <a:gd name="connsiteX0" fmla="*/ 3031042 w 5382109"/>
                <a:gd name="connsiteY0" fmla="*/ 1751 h 5892188"/>
                <a:gd name="connsiteX1" fmla="*/ 927222 w 5382109"/>
                <a:gd name="connsiteY1" fmla="*/ 868002 h 5892188"/>
                <a:gd name="connsiteX2" fmla="*/ 577563 w 5382109"/>
                <a:gd name="connsiteY2" fmla="*/ 2303910 h 5892188"/>
                <a:gd name="connsiteX3" fmla="*/ 763 w 5382109"/>
                <a:gd name="connsiteY3" fmla="*/ 3053295 h 5892188"/>
                <a:gd name="connsiteX4" fmla="*/ 511126 w 5382109"/>
                <a:gd name="connsiteY4" fmla="*/ 3329742 h 5892188"/>
                <a:gd name="connsiteX5" fmla="*/ 340038 w 5382109"/>
                <a:gd name="connsiteY5" fmla="*/ 3736541 h 5892188"/>
                <a:gd name="connsiteX6" fmla="*/ 531424 w 5382109"/>
                <a:gd name="connsiteY6" fmla="*/ 3872002 h 5892188"/>
                <a:gd name="connsiteX7" fmla="*/ 372902 w 5382109"/>
                <a:gd name="connsiteY7" fmla="*/ 4063388 h 5892188"/>
                <a:gd name="connsiteX8" fmla="*/ 564288 w 5382109"/>
                <a:gd name="connsiteY8" fmla="*/ 4318570 h 5892188"/>
                <a:gd name="connsiteX9" fmla="*/ 500493 w 5382109"/>
                <a:gd name="connsiteY9" fmla="*/ 4977788 h 5892188"/>
                <a:gd name="connsiteX10" fmla="*/ 1755135 w 5382109"/>
                <a:gd name="connsiteY10" fmla="*/ 5040755 h 5892188"/>
                <a:gd name="connsiteX11" fmla="*/ 1946521 w 5382109"/>
                <a:gd name="connsiteY11" fmla="*/ 5892188 h 5892188"/>
                <a:gd name="connsiteX12" fmla="*/ 4785414 w 5382109"/>
                <a:gd name="connsiteY12" fmla="*/ 5860291 h 5892188"/>
                <a:gd name="connsiteX13" fmla="*/ 4891740 w 5382109"/>
                <a:gd name="connsiteY13" fmla="*/ 3521128 h 5892188"/>
                <a:gd name="connsiteX14" fmla="*/ 3031042 w 5382109"/>
                <a:gd name="connsiteY14" fmla="*/ 1751 h 5892188"/>
                <a:gd name="connsiteX0" fmla="*/ 3031042 w 5382109"/>
                <a:gd name="connsiteY0" fmla="*/ 2101 h 5892538"/>
                <a:gd name="connsiteX1" fmla="*/ 913575 w 5382109"/>
                <a:gd name="connsiteY1" fmla="*/ 827408 h 5892538"/>
                <a:gd name="connsiteX2" fmla="*/ 577563 w 5382109"/>
                <a:gd name="connsiteY2" fmla="*/ 2304260 h 5892538"/>
                <a:gd name="connsiteX3" fmla="*/ 763 w 5382109"/>
                <a:gd name="connsiteY3" fmla="*/ 3053645 h 5892538"/>
                <a:gd name="connsiteX4" fmla="*/ 511126 w 5382109"/>
                <a:gd name="connsiteY4" fmla="*/ 3330092 h 5892538"/>
                <a:gd name="connsiteX5" fmla="*/ 340038 w 5382109"/>
                <a:gd name="connsiteY5" fmla="*/ 3736891 h 5892538"/>
                <a:gd name="connsiteX6" fmla="*/ 531424 w 5382109"/>
                <a:gd name="connsiteY6" fmla="*/ 3872352 h 5892538"/>
                <a:gd name="connsiteX7" fmla="*/ 372902 w 5382109"/>
                <a:gd name="connsiteY7" fmla="*/ 4063738 h 5892538"/>
                <a:gd name="connsiteX8" fmla="*/ 564288 w 5382109"/>
                <a:gd name="connsiteY8" fmla="*/ 4318920 h 5892538"/>
                <a:gd name="connsiteX9" fmla="*/ 500493 w 5382109"/>
                <a:gd name="connsiteY9" fmla="*/ 4978138 h 5892538"/>
                <a:gd name="connsiteX10" fmla="*/ 1755135 w 5382109"/>
                <a:gd name="connsiteY10" fmla="*/ 5041105 h 5892538"/>
                <a:gd name="connsiteX11" fmla="*/ 1946521 w 5382109"/>
                <a:gd name="connsiteY11" fmla="*/ 5892538 h 5892538"/>
                <a:gd name="connsiteX12" fmla="*/ 4785414 w 5382109"/>
                <a:gd name="connsiteY12" fmla="*/ 5860641 h 5892538"/>
                <a:gd name="connsiteX13" fmla="*/ 4891740 w 5382109"/>
                <a:gd name="connsiteY13" fmla="*/ 3521478 h 5892538"/>
                <a:gd name="connsiteX14" fmla="*/ 3031042 w 5382109"/>
                <a:gd name="connsiteY14" fmla="*/ 2101 h 5892538"/>
                <a:gd name="connsiteX0" fmla="*/ 3031042 w 5382109"/>
                <a:gd name="connsiteY0" fmla="*/ 941 h 5891378"/>
                <a:gd name="connsiteX1" fmla="*/ 886280 w 5382109"/>
                <a:gd name="connsiteY1" fmla="*/ 1071908 h 5891378"/>
                <a:gd name="connsiteX2" fmla="*/ 577563 w 5382109"/>
                <a:gd name="connsiteY2" fmla="*/ 2303100 h 5891378"/>
                <a:gd name="connsiteX3" fmla="*/ 763 w 5382109"/>
                <a:gd name="connsiteY3" fmla="*/ 3052485 h 5891378"/>
                <a:gd name="connsiteX4" fmla="*/ 511126 w 5382109"/>
                <a:gd name="connsiteY4" fmla="*/ 3328932 h 5891378"/>
                <a:gd name="connsiteX5" fmla="*/ 340038 w 5382109"/>
                <a:gd name="connsiteY5" fmla="*/ 3735731 h 5891378"/>
                <a:gd name="connsiteX6" fmla="*/ 531424 w 5382109"/>
                <a:gd name="connsiteY6" fmla="*/ 3871192 h 5891378"/>
                <a:gd name="connsiteX7" fmla="*/ 372902 w 5382109"/>
                <a:gd name="connsiteY7" fmla="*/ 4062578 h 5891378"/>
                <a:gd name="connsiteX8" fmla="*/ 564288 w 5382109"/>
                <a:gd name="connsiteY8" fmla="*/ 4317760 h 5891378"/>
                <a:gd name="connsiteX9" fmla="*/ 500493 w 5382109"/>
                <a:gd name="connsiteY9" fmla="*/ 4976978 h 5891378"/>
                <a:gd name="connsiteX10" fmla="*/ 1755135 w 5382109"/>
                <a:gd name="connsiteY10" fmla="*/ 5039945 h 5891378"/>
                <a:gd name="connsiteX11" fmla="*/ 1946521 w 5382109"/>
                <a:gd name="connsiteY11" fmla="*/ 5891378 h 5891378"/>
                <a:gd name="connsiteX12" fmla="*/ 4785414 w 5382109"/>
                <a:gd name="connsiteY12" fmla="*/ 5859481 h 5891378"/>
                <a:gd name="connsiteX13" fmla="*/ 4891740 w 5382109"/>
                <a:gd name="connsiteY13" fmla="*/ 3520318 h 5891378"/>
                <a:gd name="connsiteX14" fmla="*/ 3031042 w 5382109"/>
                <a:gd name="connsiteY14" fmla="*/ 941 h 5891378"/>
                <a:gd name="connsiteX0" fmla="*/ 3031042 w 5382109"/>
                <a:gd name="connsiteY0" fmla="*/ 753 h 5891190"/>
                <a:gd name="connsiteX1" fmla="*/ 886280 w 5382109"/>
                <a:gd name="connsiteY1" fmla="*/ 1071720 h 5891190"/>
                <a:gd name="connsiteX2" fmla="*/ 577563 w 5382109"/>
                <a:gd name="connsiteY2" fmla="*/ 2302912 h 5891190"/>
                <a:gd name="connsiteX3" fmla="*/ 763 w 5382109"/>
                <a:gd name="connsiteY3" fmla="*/ 3052297 h 5891190"/>
                <a:gd name="connsiteX4" fmla="*/ 511126 w 5382109"/>
                <a:gd name="connsiteY4" fmla="*/ 3328744 h 5891190"/>
                <a:gd name="connsiteX5" fmla="*/ 340038 w 5382109"/>
                <a:gd name="connsiteY5" fmla="*/ 3735543 h 5891190"/>
                <a:gd name="connsiteX6" fmla="*/ 531424 w 5382109"/>
                <a:gd name="connsiteY6" fmla="*/ 3871004 h 5891190"/>
                <a:gd name="connsiteX7" fmla="*/ 372902 w 5382109"/>
                <a:gd name="connsiteY7" fmla="*/ 4062390 h 5891190"/>
                <a:gd name="connsiteX8" fmla="*/ 564288 w 5382109"/>
                <a:gd name="connsiteY8" fmla="*/ 4317572 h 5891190"/>
                <a:gd name="connsiteX9" fmla="*/ 500493 w 5382109"/>
                <a:gd name="connsiteY9" fmla="*/ 4976790 h 5891190"/>
                <a:gd name="connsiteX10" fmla="*/ 1755135 w 5382109"/>
                <a:gd name="connsiteY10" fmla="*/ 5039757 h 5891190"/>
                <a:gd name="connsiteX11" fmla="*/ 1946521 w 5382109"/>
                <a:gd name="connsiteY11" fmla="*/ 5891190 h 5891190"/>
                <a:gd name="connsiteX12" fmla="*/ 4785414 w 5382109"/>
                <a:gd name="connsiteY12" fmla="*/ 5859293 h 5891190"/>
                <a:gd name="connsiteX13" fmla="*/ 4891740 w 5382109"/>
                <a:gd name="connsiteY13" fmla="*/ 3520130 h 5891190"/>
                <a:gd name="connsiteX14" fmla="*/ 3031042 w 5382109"/>
                <a:gd name="connsiteY14" fmla="*/ 753 h 5891190"/>
                <a:gd name="connsiteX0" fmla="*/ 3031042 w 5382109"/>
                <a:gd name="connsiteY0" fmla="*/ 753 h 5891190"/>
                <a:gd name="connsiteX1" fmla="*/ 886280 w 5382109"/>
                <a:gd name="connsiteY1" fmla="*/ 1071720 h 5891190"/>
                <a:gd name="connsiteX2" fmla="*/ 577563 w 5382109"/>
                <a:gd name="connsiteY2" fmla="*/ 2302912 h 5891190"/>
                <a:gd name="connsiteX3" fmla="*/ 763 w 5382109"/>
                <a:gd name="connsiteY3" fmla="*/ 3052297 h 5891190"/>
                <a:gd name="connsiteX4" fmla="*/ 511126 w 5382109"/>
                <a:gd name="connsiteY4" fmla="*/ 3328744 h 5891190"/>
                <a:gd name="connsiteX5" fmla="*/ 340038 w 5382109"/>
                <a:gd name="connsiteY5" fmla="*/ 3735543 h 5891190"/>
                <a:gd name="connsiteX6" fmla="*/ 531424 w 5382109"/>
                <a:gd name="connsiteY6" fmla="*/ 3871004 h 5891190"/>
                <a:gd name="connsiteX7" fmla="*/ 372902 w 5382109"/>
                <a:gd name="connsiteY7" fmla="*/ 4062390 h 5891190"/>
                <a:gd name="connsiteX8" fmla="*/ 564288 w 5382109"/>
                <a:gd name="connsiteY8" fmla="*/ 4317572 h 5891190"/>
                <a:gd name="connsiteX9" fmla="*/ 500493 w 5382109"/>
                <a:gd name="connsiteY9" fmla="*/ 4976790 h 5891190"/>
                <a:gd name="connsiteX10" fmla="*/ 1755135 w 5382109"/>
                <a:gd name="connsiteY10" fmla="*/ 5039757 h 5891190"/>
                <a:gd name="connsiteX11" fmla="*/ 1946521 w 5382109"/>
                <a:gd name="connsiteY11" fmla="*/ 5891190 h 5891190"/>
                <a:gd name="connsiteX12" fmla="*/ 4785414 w 5382109"/>
                <a:gd name="connsiteY12" fmla="*/ 5859293 h 5891190"/>
                <a:gd name="connsiteX13" fmla="*/ 4891740 w 5382109"/>
                <a:gd name="connsiteY13" fmla="*/ 3520130 h 5891190"/>
                <a:gd name="connsiteX14" fmla="*/ 3031042 w 5382109"/>
                <a:gd name="connsiteY14" fmla="*/ 753 h 5891190"/>
                <a:gd name="connsiteX0" fmla="*/ 3031042 w 5382109"/>
                <a:gd name="connsiteY0" fmla="*/ 792 h 5891229"/>
                <a:gd name="connsiteX1" fmla="*/ 777098 w 5382109"/>
                <a:gd name="connsiteY1" fmla="*/ 1044464 h 5891229"/>
                <a:gd name="connsiteX2" fmla="*/ 577563 w 5382109"/>
                <a:gd name="connsiteY2" fmla="*/ 2302951 h 5891229"/>
                <a:gd name="connsiteX3" fmla="*/ 763 w 5382109"/>
                <a:gd name="connsiteY3" fmla="*/ 3052336 h 5891229"/>
                <a:gd name="connsiteX4" fmla="*/ 511126 w 5382109"/>
                <a:gd name="connsiteY4" fmla="*/ 3328783 h 5891229"/>
                <a:gd name="connsiteX5" fmla="*/ 340038 w 5382109"/>
                <a:gd name="connsiteY5" fmla="*/ 3735582 h 5891229"/>
                <a:gd name="connsiteX6" fmla="*/ 531424 w 5382109"/>
                <a:gd name="connsiteY6" fmla="*/ 3871043 h 5891229"/>
                <a:gd name="connsiteX7" fmla="*/ 372902 w 5382109"/>
                <a:gd name="connsiteY7" fmla="*/ 4062429 h 5891229"/>
                <a:gd name="connsiteX8" fmla="*/ 564288 w 5382109"/>
                <a:gd name="connsiteY8" fmla="*/ 4317611 h 5891229"/>
                <a:gd name="connsiteX9" fmla="*/ 500493 w 5382109"/>
                <a:gd name="connsiteY9" fmla="*/ 4976829 h 5891229"/>
                <a:gd name="connsiteX10" fmla="*/ 1755135 w 5382109"/>
                <a:gd name="connsiteY10" fmla="*/ 5039796 h 5891229"/>
                <a:gd name="connsiteX11" fmla="*/ 1946521 w 5382109"/>
                <a:gd name="connsiteY11" fmla="*/ 5891229 h 5891229"/>
                <a:gd name="connsiteX12" fmla="*/ 4785414 w 5382109"/>
                <a:gd name="connsiteY12" fmla="*/ 5859332 h 5891229"/>
                <a:gd name="connsiteX13" fmla="*/ 4891740 w 5382109"/>
                <a:gd name="connsiteY13" fmla="*/ 3520169 h 5891229"/>
                <a:gd name="connsiteX14" fmla="*/ 3031042 w 5382109"/>
                <a:gd name="connsiteY14" fmla="*/ 792 h 5891229"/>
                <a:gd name="connsiteX0" fmla="*/ 3031042 w 5382109"/>
                <a:gd name="connsiteY0" fmla="*/ 792 h 5891229"/>
                <a:gd name="connsiteX1" fmla="*/ 777098 w 5382109"/>
                <a:gd name="connsiteY1" fmla="*/ 1044464 h 5891229"/>
                <a:gd name="connsiteX2" fmla="*/ 577563 w 5382109"/>
                <a:gd name="connsiteY2" fmla="*/ 2302951 h 5891229"/>
                <a:gd name="connsiteX3" fmla="*/ 763 w 5382109"/>
                <a:gd name="connsiteY3" fmla="*/ 3052336 h 5891229"/>
                <a:gd name="connsiteX4" fmla="*/ 511126 w 5382109"/>
                <a:gd name="connsiteY4" fmla="*/ 3328783 h 5891229"/>
                <a:gd name="connsiteX5" fmla="*/ 340038 w 5382109"/>
                <a:gd name="connsiteY5" fmla="*/ 3735582 h 5891229"/>
                <a:gd name="connsiteX6" fmla="*/ 531424 w 5382109"/>
                <a:gd name="connsiteY6" fmla="*/ 3871043 h 5891229"/>
                <a:gd name="connsiteX7" fmla="*/ 372902 w 5382109"/>
                <a:gd name="connsiteY7" fmla="*/ 4062429 h 5891229"/>
                <a:gd name="connsiteX8" fmla="*/ 564288 w 5382109"/>
                <a:gd name="connsiteY8" fmla="*/ 4317611 h 5891229"/>
                <a:gd name="connsiteX9" fmla="*/ 500493 w 5382109"/>
                <a:gd name="connsiteY9" fmla="*/ 4976829 h 5891229"/>
                <a:gd name="connsiteX10" fmla="*/ 1755135 w 5382109"/>
                <a:gd name="connsiteY10" fmla="*/ 5039796 h 5891229"/>
                <a:gd name="connsiteX11" fmla="*/ 1946521 w 5382109"/>
                <a:gd name="connsiteY11" fmla="*/ 5891229 h 5891229"/>
                <a:gd name="connsiteX12" fmla="*/ 4785414 w 5382109"/>
                <a:gd name="connsiteY12" fmla="*/ 5859332 h 5891229"/>
                <a:gd name="connsiteX13" fmla="*/ 4891740 w 5382109"/>
                <a:gd name="connsiteY13" fmla="*/ 3520169 h 5891229"/>
                <a:gd name="connsiteX14" fmla="*/ 3031042 w 5382109"/>
                <a:gd name="connsiteY14" fmla="*/ 792 h 5891229"/>
                <a:gd name="connsiteX0" fmla="*/ 3031042 w 5382109"/>
                <a:gd name="connsiteY0" fmla="*/ 792 h 5891229"/>
                <a:gd name="connsiteX1" fmla="*/ 777098 w 5382109"/>
                <a:gd name="connsiteY1" fmla="*/ 1044464 h 5891229"/>
                <a:gd name="connsiteX2" fmla="*/ 577563 w 5382109"/>
                <a:gd name="connsiteY2" fmla="*/ 2302951 h 5891229"/>
                <a:gd name="connsiteX3" fmla="*/ 763 w 5382109"/>
                <a:gd name="connsiteY3" fmla="*/ 3052336 h 5891229"/>
                <a:gd name="connsiteX4" fmla="*/ 511126 w 5382109"/>
                <a:gd name="connsiteY4" fmla="*/ 3328783 h 5891229"/>
                <a:gd name="connsiteX5" fmla="*/ 340038 w 5382109"/>
                <a:gd name="connsiteY5" fmla="*/ 3735582 h 5891229"/>
                <a:gd name="connsiteX6" fmla="*/ 531424 w 5382109"/>
                <a:gd name="connsiteY6" fmla="*/ 3871043 h 5891229"/>
                <a:gd name="connsiteX7" fmla="*/ 372902 w 5382109"/>
                <a:gd name="connsiteY7" fmla="*/ 4062429 h 5891229"/>
                <a:gd name="connsiteX8" fmla="*/ 564288 w 5382109"/>
                <a:gd name="connsiteY8" fmla="*/ 4317611 h 5891229"/>
                <a:gd name="connsiteX9" fmla="*/ 500493 w 5382109"/>
                <a:gd name="connsiteY9" fmla="*/ 4976829 h 5891229"/>
                <a:gd name="connsiteX10" fmla="*/ 1755135 w 5382109"/>
                <a:gd name="connsiteY10" fmla="*/ 5039796 h 5891229"/>
                <a:gd name="connsiteX11" fmla="*/ 1946521 w 5382109"/>
                <a:gd name="connsiteY11" fmla="*/ 5891229 h 5891229"/>
                <a:gd name="connsiteX12" fmla="*/ 4785414 w 5382109"/>
                <a:gd name="connsiteY12" fmla="*/ 5859332 h 5891229"/>
                <a:gd name="connsiteX13" fmla="*/ 4891740 w 5382109"/>
                <a:gd name="connsiteY13" fmla="*/ 3520169 h 5891229"/>
                <a:gd name="connsiteX14" fmla="*/ 3031042 w 5382109"/>
                <a:gd name="connsiteY14" fmla="*/ 792 h 5891229"/>
                <a:gd name="connsiteX0" fmla="*/ 3031042 w 5382109"/>
                <a:gd name="connsiteY0" fmla="*/ 627 h 5891064"/>
                <a:gd name="connsiteX1" fmla="*/ 777098 w 5382109"/>
                <a:gd name="connsiteY1" fmla="*/ 1180776 h 5891064"/>
                <a:gd name="connsiteX2" fmla="*/ 577563 w 5382109"/>
                <a:gd name="connsiteY2" fmla="*/ 2302786 h 5891064"/>
                <a:gd name="connsiteX3" fmla="*/ 763 w 5382109"/>
                <a:gd name="connsiteY3" fmla="*/ 3052171 h 5891064"/>
                <a:gd name="connsiteX4" fmla="*/ 511126 w 5382109"/>
                <a:gd name="connsiteY4" fmla="*/ 3328618 h 5891064"/>
                <a:gd name="connsiteX5" fmla="*/ 340038 w 5382109"/>
                <a:gd name="connsiteY5" fmla="*/ 3735417 h 5891064"/>
                <a:gd name="connsiteX6" fmla="*/ 531424 w 5382109"/>
                <a:gd name="connsiteY6" fmla="*/ 3870878 h 5891064"/>
                <a:gd name="connsiteX7" fmla="*/ 372902 w 5382109"/>
                <a:gd name="connsiteY7" fmla="*/ 4062264 h 5891064"/>
                <a:gd name="connsiteX8" fmla="*/ 564288 w 5382109"/>
                <a:gd name="connsiteY8" fmla="*/ 4317446 h 5891064"/>
                <a:gd name="connsiteX9" fmla="*/ 500493 w 5382109"/>
                <a:gd name="connsiteY9" fmla="*/ 4976664 h 5891064"/>
                <a:gd name="connsiteX10" fmla="*/ 1755135 w 5382109"/>
                <a:gd name="connsiteY10" fmla="*/ 5039631 h 5891064"/>
                <a:gd name="connsiteX11" fmla="*/ 1946521 w 5382109"/>
                <a:gd name="connsiteY11" fmla="*/ 5891064 h 5891064"/>
                <a:gd name="connsiteX12" fmla="*/ 4785414 w 5382109"/>
                <a:gd name="connsiteY12" fmla="*/ 5859167 h 5891064"/>
                <a:gd name="connsiteX13" fmla="*/ 4891740 w 5382109"/>
                <a:gd name="connsiteY13" fmla="*/ 3520004 h 5891064"/>
                <a:gd name="connsiteX14" fmla="*/ 3031042 w 5382109"/>
                <a:gd name="connsiteY14" fmla="*/ 627 h 5891064"/>
                <a:gd name="connsiteX0" fmla="*/ 3031042 w 5382109"/>
                <a:gd name="connsiteY0" fmla="*/ 968 h 5891405"/>
                <a:gd name="connsiteX1" fmla="*/ 777098 w 5382109"/>
                <a:gd name="connsiteY1" fmla="*/ 1181117 h 5891405"/>
                <a:gd name="connsiteX2" fmla="*/ 577563 w 5382109"/>
                <a:gd name="connsiteY2" fmla="*/ 2303127 h 5891405"/>
                <a:gd name="connsiteX3" fmla="*/ 763 w 5382109"/>
                <a:gd name="connsiteY3" fmla="*/ 3052512 h 5891405"/>
                <a:gd name="connsiteX4" fmla="*/ 511126 w 5382109"/>
                <a:gd name="connsiteY4" fmla="*/ 3328959 h 5891405"/>
                <a:gd name="connsiteX5" fmla="*/ 340038 w 5382109"/>
                <a:gd name="connsiteY5" fmla="*/ 3735758 h 5891405"/>
                <a:gd name="connsiteX6" fmla="*/ 531424 w 5382109"/>
                <a:gd name="connsiteY6" fmla="*/ 3871219 h 5891405"/>
                <a:gd name="connsiteX7" fmla="*/ 372902 w 5382109"/>
                <a:gd name="connsiteY7" fmla="*/ 4062605 h 5891405"/>
                <a:gd name="connsiteX8" fmla="*/ 564288 w 5382109"/>
                <a:gd name="connsiteY8" fmla="*/ 4317787 h 5891405"/>
                <a:gd name="connsiteX9" fmla="*/ 500493 w 5382109"/>
                <a:gd name="connsiteY9" fmla="*/ 4977005 h 5891405"/>
                <a:gd name="connsiteX10" fmla="*/ 1755135 w 5382109"/>
                <a:gd name="connsiteY10" fmla="*/ 5039972 h 5891405"/>
                <a:gd name="connsiteX11" fmla="*/ 1946521 w 5382109"/>
                <a:gd name="connsiteY11" fmla="*/ 5891405 h 5891405"/>
                <a:gd name="connsiteX12" fmla="*/ 4785414 w 5382109"/>
                <a:gd name="connsiteY12" fmla="*/ 5859508 h 5891405"/>
                <a:gd name="connsiteX13" fmla="*/ 4891740 w 5382109"/>
                <a:gd name="connsiteY13" fmla="*/ 3520345 h 5891405"/>
                <a:gd name="connsiteX14" fmla="*/ 3031042 w 5382109"/>
                <a:gd name="connsiteY14" fmla="*/ 968 h 5891405"/>
                <a:gd name="connsiteX0" fmla="*/ 3031042 w 5382109"/>
                <a:gd name="connsiteY0" fmla="*/ 968 h 5891405"/>
                <a:gd name="connsiteX1" fmla="*/ 777098 w 5382109"/>
                <a:gd name="connsiteY1" fmla="*/ 1181117 h 5891405"/>
                <a:gd name="connsiteX2" fmla="*/ 577563 w 5382109"/>
                <a:gd name="connsiteY2" fmla="*/ 2303127 h 5891405"/>
                <a:gd name="connsiteX3" fmla="*/ 763 w 5382109"/>
                <a:gd name="connsiteY3" fmla="*/ 3052512 h 5891405"/>
                <a:gd name="connsiteX4" fmla="*/ 511126 w 5382109"/>
                <a:gd name="connsiteY4" fmla="*/ 3328959 h 5891405"/>
                <a:gd name="connsiteX5" fmla="*/ 340038 w 5382109"/>
                <a:gd name="connsiteY5" fmla="*/ 3735758 h 5891405"/>
                <a:gd name="connsiteX6" fmla="*/ 531424 w 5382109"/>
                <a:gd name="connsiteY6" fmla="*/ 3871219 h 5891405"/>
                <a:gd name="connsiteX7" fmla="*/ 372902 w 5382109"/>
                <a:gd name="connsiteY7" fmla="*/ 4062605 h 5891405"/>
                <a:gd name="connsiteX8" fmla="*/ 564288 w 5382109"/>
                <a:gd name="connsiteY8" fmla="*/ 4317787 h 5891405"/>
                <a:gd name="connsiteX9" fmla="*/ 500493 w 5382109"/>
                <a:gd name="connsiteY9" fmla="*/ 4977005 h 5891405"/>
                <a:gd name="connsiteX10" fmla="*/ 1755135 w 5382109"/>
                <a:gd name="connsiteY10" fmla="*/ 5039972 h 5891405"/>
                <a:gd name="connsiteX11" fmla="*/ 1946521 w 5382109"/>
                <a:gd name="connsiteY11" fmla="*/ 5891405 h 5891405"/>
                <a:gd name="connsiteX12" fmla="*/ 4785414 w 5382109"/>
                <a:gd name="connsiteY12" fmla="*/ 5859508 h 5891405"/>
                <a:gd name="connsiteX13" fmla="*/ 4891740 w 5382109"/>
                <a:gd name="connsiteY13" fmla="*/ 3520345 h 5891405"/>
                <a:gd name="connsiteX14" fmla="*/ 3031042 w 5382109"/>
                <a:gd name="connsiteY14" fmla="*/ 968 h 5891405"/>
                <a:gd name="connsiteX0" fmla="*/ 3031204 w 5382271"/>
                <a:gd name="connsiteY0" fmla="*/ 968 h 5891405"/>
                <a:gd name="connsiteX1" fmla="*/ 777260 w 5382271"/>
                <a:gd name="connsiteY1" fmla="*/ 1181117 h 5891405"/>
                <a:gd name="connsiteX2" fmla="*/ 523134 w 5382271"/>
                <a:gd name="connsiteY2" fmla="*/ 2303127 h 5891405"/>
                <a:gd name="connsiteX3" fmla="*/ 925 w 5382271"/>
                <a:gd name="connsiteY3" fmla="*/ 3052512 h 5891405"/>
                <a:gd name="connsiteX4" fmla="*/ 511288 w 5382271"/>
                <a:gd name="connsiteY4" fmla="*/ 3328959 h 5891405"/>
                <a:gd name="connsiteX5" fmla="*/ 340200 w 5382271"/>
                <a:gd name="connsiteY5" fmla="*/ 3735758 h 5891405"/>
                <a:gd name="connsiteX6" fmla="*/ 531586 w 5382271"/>
                <a:gd name="connsiteY6" fmla="*/ 3871219 h 5891405"/>
                <a:gd name="connsiteX7" fmla="*/ 373064 w 5382271"/>
                <a:gd name="connsiteY7" fmla="*/ 4062605 h 5891405"/>
                <a:gd name="connsiteX8" fmla="*/ 564450 w 5382271"/>
                <a:gd name="connsiteY8" fmla="*/ 4317787 h 5891405"/>
                <a:gd name="connsiteX9" fmla="*/ 500655 w 5382271"/>
                <a:gd name="connsiteY9" fmla="*/ 4977005 h 5891405"/>
                <a:gd name="connsiteX10" fmla="*/ 1755297 w 5382271"/>
                <a:gd name="connsiteY10" fmla="*/ 5039972 h 5891405"/>
                <a:gd name="connsiteX11" fmla="*/ 1946683 w 5382271"/>
                <a:gd name="connsiteY11" fmla="*/ 5891405 h 5891405"/>
                <a:gd name="connsiteX12" fmla="*/ 4785576 w 5382271"/>
                <a:gd name="connsiteY12" fmla="*/ 5859508 h 5891405"/>
                <a:gd name="connsiteX13" fmla="*/ 4891902 w 5382271"/>
                <a:gd name="connsiteY13" fmla="*/ 3520345 h 5891405"/>
                <a:gd name="connsiteX14" fmla="*/ 3031204 w 5382271"/>
                <a:gd name="connsiteY14" fmla="*/ 968 h 5891405"/>
                <a:gd name="connsiteX0" fmla="*/ 3031204 w 5382271"/>
                <a:gd name="connsiteY0" fmla="*/ 968 h 5891405"/>
                <a:gd name="connsiteX1" fmla="*/ 777260 w 5382271"/>
                <a:gd name="connsiteY1" fmla="*/ 1181117 h 5891405"/>
                <a:gd name="connsiteX2" fmla="*/ 523134 w 5382271"/>
                <a:gd name="connsiteY2" fmla="*/ 2303127 h 5891405"/>
                <a:gd name="connsiteX3" fmla="*/ 925 w 5382271"/>
                <a:gd name="connsiteY3" fmla="*/ 3052512 h 5891405"/>
                <a:gd name="connsiteX4" fmla="*/ 511288 w 5382271"/>
                <a:gd name="connsiteY4" fmla="*/ 3328959 h 5891405"/>
                <a:gd name="connsiteX5" fmla="*/ 340200 w 5382271"/>
                <a:gd name="connsiteY5" fmla="*/ 3735758 h 5891405"/>
                <a:gd name="connsiteX6" fmla="*/ 531586 w 5382271"/>
                <a:gd name="connsiteY6" fmla="*/ 3871219 h 5891405"/>
                <a:gd name="connsiteX7" fmla="*/ 373064 w 5382271"/>
                <a:gd name="connsiteY7" fmla="*/ 4062605 h 5891405"/>
                <a:gd name="connsiteX8" fmla="*/ 564450 w 5382271"/>
                <a:gd name="connsiteY8" fmla="*/ 4317787 h 5891405"/>
                <a:gd name="connsiteX9" fmla="*/ 500655 w 5382271"/>
                <a:gd name="connsiteY9" fmla="*/ 4977005 h 5891405"/>
                <a:gd name="connsiteX10" fmla="*/ 1755297 w 5382271"/>
                <a:gd name="connsiteY10" fmla="*/ 5039972 h 5891405"/>
                <a:gd name="connsiteX11" fmla="*/ 1946683 w 5382271"/>
                <a:gd name="connsiteY11" fmla="*/ 5891405 h 5891405"/>
                <a:gd name="connsiteX12" fmla="*/ 4785576 w 5382271"/>
                <a:gd name="connsiteY12" fmla="*/ 5859508 h 5891405"/>
                <a:gd name="connsiteX13" fmla="*/ 4891902 w 5382271"/>
                <a:gd name="connsiteY13" fmla="*/ 3520345 h 5891405"/>
                <a:gd name="connsiteX14" fmla="*/ 3031204 w 5382271"/>
                <a:gd name="connsiteY14" fmla="*/ 968 h 5891405"/>
                <a:gd name="connsiteX0" fmla="*/ 3031204 w 5382271"/>
                <a:gd name="connsiteY0" fmla="*/ 968 h 5891405"/>
                <a:gd name="connsiteX1" fmla="*/ 777260 w 5382271"/>
                <a:gd name="connsiteY1" fmla="*/ 1181117 h 5891405"/>
                <a:gd name="connsiteX2" fmla="*/ 523134 w 5382271"/>
                <a:gd name="connsiteY2" fmla="*/ 2303127 h 5891405"/>
                <a:gd name="connsiteX3" fmla="*/ 925 w 5382271"/>
                <a:gd name="connsiteY3" fmla="*/ 3052512 h 5891405"/>
                <a:gd name="connsiteX4" fmla="*/ 511288 w 5382271"/>
                <a:gd name="connsiteY4" fmla="*/ 3328959 h 5891405"/>
                <a:gd name="connsiteX5" fmla="*/ 340200 w 5382271"/>
                <a:gd name="connsiteY5" fmla="*/ 3735758 h 5891405"/>
                <a:gd name="connsiteX6" fmla="*/ 531586 w 5382271"/>
                <a:gd name="connsiteY6" fmla="*/ 3871219 h 5891405"/>
                <a:gd name="connsiteX7" fmla="*/ 373064 w 5382271"/>
                <a:gd name="connsiteY7" fmla="*/ 4062605 h 5891405"/>
                <a:gd name="connsiteX8" fmla="*/ 564450 w 5382271"/>
                <a:gd name="connsiteY8" fmla="*/ 4317787 h 5891405"/>
                <a:gd name="connsiteX9" fmla="*/ 500655 w 5382271"/>
                <a:gd name="connsiteY9" fmla="*/ 4977005 h 5891405"/>
                <a:gd name="connsiteX10" fmla="*/ 1755297 w 5382271"/>
                <a:gd name="connsiteY10" fmla="*/ 5039972 h 5891405"/>
                <a:gd name="connsiteX11" fmla="*/ 1946683 w 5382271"/>
                <a:gd name="connsiteY11" fmla="*/ 5891405 h 5891405"/>
                <a:gd name="connsiteX12" fmla="*/ 4785576 w 5382271"/>
                <a:gd name="connsiteY12" fmla="*/ 5859508 h 5891405"/>
                <a:gd name="connsiteX13" fmla="*/ 4891902 w 5382271"/>
                <a:gd name="connsiteY13" fmla="*/ 3520345 h 5891405"/>
                <a:gd name="connsiteX14" fmla="*/ 3031204 w 5382271"/>
                <a:gd name="connsiteY14" fmla="*/ 968 h 5891405"/>
                <a:gd name="connsiteX0" fmla="*/ 3038119 w 5389186"/>
                <a:gd name="connsiteY0" fmla="*/ 968 h 5891405"/>
                <a:gd name="connsiteX1" fmla="*/ 784175 w 5389186"/>
                <a:gd name="connsiteY1" fmla="*/ 1181117 h 5891405"/>
                <a:gd name="connsiteX2" fmla="*/ 530049 w 5389186"/>
                <a:gd name="connsiteY2" fmla="*/ 2303127 h 5891405"/>
                <a:gd name="connsiteX3" fmla="*/ 7840 w 5389186"/>
                <a:gd name="connsiteY3" fmla="*/ 3052512 h 5891405"/>
                <a:gd name="connsiteX4" fmla="*/ 518203 w 5389186"/>
                <a:gd name="connsiteY4" fmla="*/ 3328959 h 5891405"/>
                <a:gd name="connsiteX5" fmla="*/ 347115 w 5389186"/>
                <a:gd name="connsiteY5" fmla="*/ 3735758 h 5891405"/>
                <a:gd name="connsiteX6" fmla="*/ 538501 w 5389186"/>
                <a:gd name="connsiteY6" fmla="*/ 3871219 h 5891405"/>
                <a:gd name="connsiteX7" fmla="*/ 379979 w 5389186"/>
                <a:gd name="connsiteY7" fmla="*/ 4062605 h 5891405"/>
                <a:gd name="connsiteX8" fmla="*/ 571365 w 5389186"/>
                <a:gd name="connsiteY8" fmla="*/ 4317787 h 5891405"/>
                <a:gd name="connsiteX9" fmla="*/ 507570 w 5389186"/>
                <a:gd name="connsiteY9" fmla="*/ 4977005 h 5891405"/>
                <a:gd name="connsiteX10" fmla="*/ 1762212 w 5389186"/>
                <a:gd name="connsiteY10" fmla="*/ 5039972 h 5891405"/>
                <a:gd name="connsiteX11" fmla="*/ 1953598 w 5389186"/>
                <a:gd name="connsiteY11" fmla="*/ 5891405 h 5891405"/>
                <a:gd name="connsiteX12" fmla="*/ 4792491 w 5389186"/>
                <a:gd name="connsiteY12" fmla="*/ 5859508 h 5891405"/>
                <a:gd name="connsiteX13" fmla="*/ 4898817 w 5389186"/>
                <a:gd name="connsiteY13" fmla="*/ 3520345 h 5891405"/>
                <a:gd name="connsiteX14" fmla="*/ 3038119 w 5389186"/>
                <a:gd name="connsiteY14" fmla="*/ 968 h 5891405"/>
                <a:gd name="connsiteX0" fmla="*/ 3037057 w 5388124"/>
                <a:gd name="connsiteY0" fmla="*/ 968 h 5891405"/>
                <a:gd name="connsiteX1" fmla="*/ 783113 w 5388124"/>
                <a:gd name="connsiteY1" fmla="*/ 1181117 h 5891405"/>
                <a:gd name="connsiteX2" fmla="*/ 528987 w 5388124"/>
                <a:gd name="connsiteY2" fmla="*/ 2303127 h 5891405"/>
                <a:gd name="connsiteX3" fmla="*/ 6778 w 5388124"/>
                <a:gd name="connsiteY3" fmla="*/ 3052512 h 5891405"/>
                <a:gd name="connsiteX4" fmla="*/ 517141 w 5388124"/>
                <a:gd name="connsiteY4" fmla="*/ 3328959 h 5891405"/>
                <a:gd name="connsiteX5" fmla="*/ 346053 w 5388124"/>
                <a:gd name="connsiteY5" fmla="*/ 3735758 h 5891405"/>
                <a:gd name="connsiteX6" fmla="*/ 537439 w 5388124"/>
                <a:gd name="connsiteY6" fmla="*/ 3871219 h 5891405"/>
                <a:gd name="connsiteX7" fmla="*/ 378917 w 5388124"/>
                <a:gd name="connsiteY7" fmla="*/ 4062605 h 5891405"/>
                <a:gd name="connsiteX8" fmla="*/ 570303 w 5388124"/>
                <a:gd name="connsiteY8" fmla="*/ 4317787 h 5891405"/>
                <a:gd name="connsiteX9" fmla="*/ 506508 w 5388124"/>
                <a:gd name="connsiteY9" fmla="*/ 4977005 h 5891405"/>
                <a:gd name="connsiteX10" fmla="*/ 1761150 w 5388124"/>
                <a:gd name="connsiteY10" fmla="*/ 5039972 h 5891405"/>
                <a:gd name="connsiteX11" fmla="*/ 1952536 w 5388124"/>
                <a:gd name="connsiteY11" fmla="*/ 5891405 h 5891405"/>
                <a:gd name="connsiteX12" fmla="*/ 4791429 w 5388124"/>
                <a:gd name="connsiteY12" fmla="*/ 5859508 h 5891405"/>
                <a:gd name="connsiteX13" fmla="*/ 4897755 w 5388124"/>
                <a:gd name="connsiteY13" fmla="*/ 3520345 h 5891405"/>
                <a:gd name="connsiteX14" fmla="*/ 3037057 w 5388124"/>
                <a:gd name="connsiteY14" fmla="*/ 968 h 5891405"/>
                <a:gd name="connsiteX0" fmla="*/ 3034541 w 5385608"/>
                <a:gd name="connsiteY0" fmla="*/ 968 h 5891405"/>
                <a:gd name="connsiteX1" fmla="*/ 780597 w 5385608"/>
                <a:gd name="connsiteY1" fmla="*/ 1181117 h 5891405"/>
                <a:gd name="connsiteX2" fmla="*/ 526471 w 5385608"/>
                <a:gd name="connsiteY2" fmla="*/ 2303127 h 5891405"/>
                <a:gd name="connsiteX3" fmla="*/ 4262 w 5385608"/>
                <a:gd name="connsiteY3" fmla="*/ 3052512 h 5891405"/>
                <a:gd name="connsiteX4" fmla="*/ 514625 w 5385608"/>
                <a:gd name="connsiteY4" fmla="*/ 3328959 h 5891405"/>
                <a:gd name="connsiteX5" fmla="*/ 343537 w 5385608"/>
                <a:gd name="connsiteY5" fmla="*/ 3735758 h 5891405"/>
                <a:gd name="connsiteX6" fmla="*/ 534923 w 5385608"/>
                <a:gd name="connsiteY6" fmla="*/ 3871219 h 5891405"/>
                <a:gd name="connsiteX7" fmla="*/ 376401 w 5385608"/>
                <a:gd name="connsiteY7" fmla="*/ 4062605 h 5891405"/>
                <a:gd name="connsiteX8" fmla="*/ 567787 w 5385608"/>
                <a:gd name="connsiteY8" fmla="*/ 4317787 h 5891405"/>
                <a:gd name="connsiteX9" fmla="*/ 503992 w 5385608"/>
                <a:gd name="connsiteY9" fmla="*/ 4977005 h 5891405"/>
                <a:gd name="connsiteX10" fmla="*/ 1758634 w 5385608"/>
                <a:gd name="connsiteY10" fmla="*/ 5039972 h 5891405"/>
                <a:gd name="connsiteX11" fmla="*/ 1950020 w 5385608"/>
                <a:gd name="connsiteY11" fmla="*/ 5891405 h 5891405"/>
                <a:gd name="connsiteX12" fmla="*/ 4788913 w 5385608"/>
                <a:gd name="connsiteY12" fmla="*/ 5859508 h 5891405"/>
                <a:gd name="connsiteX13" fmla="*/ 4895239 w 5385608"/>
                <a:gd name="connsiteY13" fmla="*/ 3520345 h 5891405"/>
                <a:gd name="connsiteX14" fmla="*/ 3034541 w 5385608"/>
                <a:gd name="connsiteY14" fmla="*/ 968 h 5891405"/>
                <a:gd name="connsiteX0" fmla="*/ 3034541 w 5385608"/>
                <a:gd name="connsiteY0" fmla="*/ 968 h 5891405"/>
                <a:gd name="connsiteX1" fmla="*/ 780597 w 5385608"/>
                <a:gd name="connsiteY1" fmla="*/ 1181117 h 5891405"/>
                <a:gd name="connsiteX2" fmla="*/ 526471 w 5385608"/>
                <a:gd name="connsiteY2" fmla="*/ 2303127 h 5891405"/>
                <a:gd name="connsiteX3" fmla="*/ 4262 w 5385608"/>
                <a:gd name="connsiteY3" fmla="*/ 3052512 h 5891405"/>
                <a:gd name="connsiteX4" fmla="*/ 514625 w 5385608"/>
                <a:gd name="connsiteY4" fmla="*/ 3328959 h 5891405"/>
                <a:gd name="connsiteX5" fmla="*/ 343537 w 5385608"/>
                <a:gd name="connsiteY5" fmla="*/ 3735758 h 5891405"/>
                <a:gd name="connsiteX6" fmla="*/ 534923 w 5385608"/>
                <a:gd name="connsiteY6" fmla="*/ 3871219 h 5891405"/>
                <a:gd name="connsiteX7" fmla="*/ 376401 w 5385608"/>
                <a:gd name="connsiteY7" fmla="*/ 4062605 h 5891405"/>
                <a:gd name="connsiteX8" fmla="*/ 567787 w 5385608"/>
                <a:gd name="connsiteY8" fmla="*/ 4317787 h 5891405"/>
                <a:gd name="connsiteX9" fmla="*/ 503992 w 5385608"/>
                <a:gd name="connsiteY9" fmla="*/ 4977005 h 5891405"/>
                <a:gd name="connsiteX10" fmla="*/ 1758634 w 5385608"/>
                <a:gd name="connsiteY10" fmla="*/ 5039972 h 5891405"/>
                <a:gd name="connsiteX11" fmla="*/ 1950020 w 5385608"/>
                <a:gd name="connsiteY11" fmla="*/ 5891405 h 5891405"/>
                <a:gd name="connsiteX12" fmla="*/ 4788913 w 5385608"/>
                <a:gd name="connsiteY12" fmla="*/ 5859508 h 5891405"/>
                <a:gd name="connsiteX13" fmla="*/ 4895239 w 5385608"/>
                <a:gd name="connsiteY13" fmla="*/ 3520345 h 5891405"/>
                <a:gd name="connsiteX14" fmla="*/ 3034541 w 5385608"/>
                <a:gd name="connsiteY14" fmla="*/ 968 h 5891405"/>
                <a:gd name="connsiteX0" fmla="*/ 2980702 w 5331769"/>
                <a:gd name="connsiteY0" fmla="*/ 968 h 5891405"/>
                <a:gd name="connsiteX1" fmla="*/ 726758 w 5331769"/>
                <a:gd name="connsiteY1" fmla="*/ 1181117 h 5891405"/>
                <a:gd name="connsiteX2" fmla="*/ 472632 w 5331769"/>
                <a:gd name="connsiteY2" fmla="*/ 2303127 h 5891405"/>
                <a:gd name="connsiteX3" fmla="*/ 5014 w 5331769"/>
                <a:gd name="connsiteY3" fmla="*/ 3079808 h 5891405"/>
                <a:gd name="connsiteX4" fmla="*/ 460786 w 5331769"/>
                <a:gd name="connsiteY4" fmla="*/ 3328959 h 5891405"/>
                <a:gd name="connsiteX5" fmla="*/ 289698 w 5331769"/>
                <a:gd name="connsiteY5" fmla="*/ 3735758 h 5891405"/>
                <a:gd name="connsiteX6" fmla="*/ 481084 w 5331769"/>
                <a:gd name="connsiteY6" fmla="*/ 3871219 h 5891405"/>
                <a:gd name="connsiteX7" fmla="*/ 322562 w 5331769"/>
                <a:gd name="connsiteY7" fmla="*/ 4062605 h 5891405"/>
                <a:gd name="connsiteX8" fmla="*/ 513948 w 5331769"/>
                <a:gd name="connsiteY8" fmla="*/ 4317787 h 5891405"/>
                <a:gd name="connsiteX9" fmla="*/ 450153 w 5331769"/>
                <a:gd name="connsiteY9" fmla="*/ 4977005 h 5891405"/>
                <a:gd name="connsiteX10" fmla="*/ 1704795 w 5331769"/>
                <a:gd name="connsiteY10" fmla="*/ 5039972 h 5891405"/>
                <a:gd name="connsiteX11" fmla="*/ 1896181 w 5331769"/>
                <a:gd name="connsiteY11" fmla="*/ 5891405 h 5891405"/>
                <a:gd name="connsiteX12" fmla="*/ 4735074 w 5331769"/>
                <a:gd name="connsiteY12" fmla="*/ 5859508 h 5891405"/>
                <a:gd name="connsiteX13" fmla="*/ 4841400 w 5331769"/>
                <a:gd name="connsiteY13" fmla="*/ 3520345 h 5891405"/>
                <a:gd name="connsiteX14" fmla="*/ 2980702 w 5331769"/>
                <a:gd name="connsiteY14" fmla="*/ 968 h 5891405"/>
                <a:gd name="connsiteX0" fmla="*/ 2980491 w 5331558"/>
                <a:gd name="connsiteY0" fmla="*/ 968 h 5891405"/>
                <a:gd name="connsiteX1" fmla="*/ 726547 w 5331558"/>
                <a:gd name="connsiteY1" fmla="*/ 1181117 h 5891405"/>
                <a:gd name="connsiteX2" fmla="*/ 486068 w 5331558"/>
                <a:gd name="connsiteY2" fmla="*/ 2371366 h 5891405"/>
                <a:gd name="connsiteX3" fmla="*/ 4803 w 5331558"/>
                <a:gd name="connsiteY3" fmla="*/ 3079808 h 5891405"/>
                <a:gd name="connsiteX4" fmla="*/ 460575 w 5331558"/>
                <a:gd name="connsiteY4" fmla="*/ 3328959 h 5891405"/>
                <a:gd name="connsiteX5" fmla="*/ 289487 w 5331558"/>
                <a:gd name="connsiteY5" fmla="*/ 3735758 h 5891405"/>
                <a:gd name="connsiteX6" fmla="*/ 480873 w 5331558"/>
                <a:gd name="connsiteY6" fmla="*/ 3871219 h 5891405"/>
                <a:gd name="connsiteX7" fmla="*/ 322351 w 5331558"/>
                <a:gd name="connsiteY7" fmla="*/ 4062605 h 5891405"/>
                <a:gd name="connsiteX8" fmla="*/ 513737 w 5331558"/>
                <a:gd name="connsiteY8" fmla="*/ 4317787 h 5891405"/>
                <a:gd name="connsiteX9" fmla="*/ 449942 w 5331558"/>
                <a:gd name="connsiteY9" fmla="*/ 4977005 h 5891405"/>
                <a:gd name="connsiteX10" fmla="*/ 1704584 w 5331558"/>
                <a:gd name="connsiteY10" fmla="*/ 5039972 h 5891405"/>
                <a:gd name="connsiteX11" fmla="*/ 1895970 w 5331558"/>
                <a:gd name="connsiteY11" fmla="*/ 5891405 h 5891405"/>
                <a:gd name="connsiteX12" fmla="*/ 4734863 w 5331558"/>
                <a:gd name="connsiteY12" fmla="*/ 5859508 h 5891405"/>
                <a:gd name="connsiteX13" fmla="*/ 4841189 w 5331558"/>
                <a:gd name="connsiteY13" fmla="*/ 3520345 h 5891405"/>
                <a:gd name="connsiteX14" fmla="*/ 2980491 w 5331558"/>
                <a:gd name="connsiteY14" fmla="*/ 968 h 589140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5331558" h="5891405">
                  <a:moveTo>
                    <a:pt x="2980491" y="968"/>
                  </a:moveTo>
                  <a:cubicBezTo>
                    <a:pt x="1784302" y="-22254"/>
                    <a:pt x="1040642" y="372305"/>
                    <a:pt x="726547" y="1181117"/>
                  </a:cubicBezTo>
                  <a:cubicBezTo>
                    <a:pt x="528785" y="1834793"/>
                    <a:pt x="744238" y="2066938"/>
                    <a:pt x="486068" y="2371366"/>
                  </a:cubicBezTo>
                  <a:cubicBezTo>
                    <a:pt x="239818" y="2677225"/>
                    <a:pt x="-40213" y="2911644"/>
                    <a:pt x="4803" y="3079808"/>
                  </a:cubicBezTo>
                  <a:cubicBezTo>
                    <a:pt x="109541" y="3181162"/>
                    <a:pt x="260766" y="3266498"/>
                    <a:pt x="460575" y="3328959"/>
                  </a:cubicBezTo>
                  <a:cubicBezTo>
                    <a:pt x="403546" y="3464559"/>
                    <a:pt x="198074" y="3641722"/>
                    <a:pt x="289487" y="3735758"/>
                  </a:cubicBezTo>
                  <a:lnTo>
                    <a:pt x="480873" y="3871219"/>
                  </a:lnTo>
                  <a:cubicBezTo>
                    <a:pt x="428032" y="3935014"/>
                    <a:pt x="303940" y="3939433"/>
                    <a:pt x="322351" y="4062605"/>
                  </a:cubicBezTo>
                  <a:cubicBezTo>
                    <a:pt x="362395" y="4195168"/>
                    <a:pt x="550882" y="4226788"/>
                    <a:pt x="513737" y="4317787"/>
                  </a:cubicBezTo>
                  <a:cubicBezTo>
                    <a:pt x="397470" y="4561276"/>
                    <a:pt x="358392" y="4876020"/>
                    <a:pt x="449942" y="4977005"/>
                  </a:cubicBezTo>
                  <a:cubicBezTo>
                    <a:pt x="636587" y="5158310"/>
                    <a:pt x="1197305" y="5208988"/>
                    <a:pt x="1704584" y="5039972"/>
                  </a:cubicBezTo>
                  <a:lnTo>
                    <a:pt x="1895970" y="5891405"/>
                  </a:lnTo>
                  <a:lnTo>
                    <a:pt x="4734863" y="5859508"/>
                  </a:lnTo>
                  <a:cubicBezTo>
                    <a:pt x="4366268" y="4516262"/>
                    <a:pt x="4422975" y="3927926"/>
                    <a:pt x="4841189" y="3520345"/>
                  </a:cubicBezTo>
                  <a:cubicBezTo>
                    <a:pt x="6117095" y="1964448"/>
                    <a:pt x="4692333" y="36409"/>
                    <a:pt x="2980491" y="968"/>
                  </a:cubicBezTo>
                  <a:close/>
                </a:path>
              </a:pathLst>
            </a:cu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 sz="2700"/>
            </a:p>
          </p:txBody>
        </p:sp>
        <p:sp>
          <p:nvSpPr>
            <p:cNvPr id="74" name="Oval 37">
              <a:extLst>
                <a:ext uri="{FF2B5EF4-FFF2-40B4-BE49-F238E27FC236}">
                  <a16:creationId xmlns:a16="http://schemas.microsoft.com/office/drawing/2014/main" id="{0711327E-9191-4394-B64D-73AD56C41377}"/>
                </a:ext>
              </a:extLst>
            </p:cNvPr>
            <p:cNvSpPr/>
            <p:nvPr/>
          </p:nvSpPr>
          <p:spPr>
            <a:xfrm rot="18100542">
              <a:off x="5907878" y="-58593"/>
              <a:ext cx="1436045" cy="2141152"/>
            </a:xfrm>
            <a:custGeom>
              <a:avLst/>
              <a:gdLst/>
              <a:ahLst/>
              <a:cxnLst/>
              <a:rect l="l" t="t" r="r" b="b"/>
              <a:pathLst>
                <a:path w="1170491" h="1745209">
                  <a:moveTo>
                    <a:pt x="429221" y="671495"/>
                  </a:moveTo>
                  <a:cubicBezTo>
                    <a:pt x="415869" y="670322"/>
                    <a:pt x="402356" y="670624"/>
                    <a:pt x="388917" y="672439"/>
                  </a:cubicBezTo>
                  <a:cubicBezTo>
                    <a:pt x="370997" y="674859"/>
                    <a:pt x="353207" y="679968"/>
                    <a:pt x="336101" y="687858"/>
                  </a:cubicBezTo>
                  <a:lnTo>
                    <a:pt x="344770" y="708640"/>
                  </a:lnTo>
                  <a:cubicBezTo>
                    <a:pt x="405276" y="680369"/>
                    <a:pt x="475531" y="691805"/>
                    <a:pt x="523918" y="737799"/>
                  </a:cubicBezTo>
                  <a:cubicBezTo>
                    <a:pt x="569388" y="781022"/>
                    <a:pt x="587723" y="847396"/>
                    <a:pt x="571504" y="910067"/>
                  </a:cubicBezTo>
                  <a:lnTo>
                    <a:pt x="593243" y="915886"/>
                  </a:lnTo>
                  <a:cubicBezTo>
                    <a:pt x="611678" y="844923"/>
                    <a:pt x="590662" y="769719"/>
                    <a:pt x="538740" y="720849"/>
                  </a:cubicBezTo>
                  <a:cubicBezTo>
                    <a:pt x="507886" y="691808"/>
                    <a:pt x="469277" y="675014"/>
                    <a:pt x="429221" y="671495"/>
                  </a:cubicBezTo>
                  <a:close/>
                  <a:moveTo>
                    <a:pt x="588421" y="580980"/>
                  </a:moveTo>
                  <a:cubicBezTo>
                    <a:pt x="534186" y="581239"/>
                    <a:pt x="482134" y="605639"/>
                    <a:pt x="446738" y="649695"/>
                  </a:cubicBezTo>
                  <a:lnTo>
                    <a:pt x="463760" y="664437"/>
                  </a:lnTo>
                  <a:cubicBezTo>
                    <a:pt x="505329" y="612166"/>
                    <a:pt x="573320" y="591099"/>
                    <a:pt x="637132" y="610714"/>
                  </a:cubicBezTo>
                  <a:cubicBezTo>
                    <a:pt x="697098" y="629147"/>
                    <a:pt x="743088" y="680397"/>
                    <a:pt x="756495" y="743730"/>
                  </a:cubicBezTo>
                  <a:lnTo>
                    <a:pt x="778549" y="739251"/>
                  </a:lnTo>
                  <a:cubicBezTo>
                    <a:pt x="763432" y="667508"/>
                    <a:pt x="711108" y="609548"/>
                    <a:pt x="642848" y="588934"/>
                  </a:cubicBezTo>
                  <a:cubicBezTo>
                    <a:pt x="624821" y="583490"/>
                    <a:pt x="606500" y="580894"/>
                    <a:pt x="588421" y="580980"/>
                  </a:cubicBezTo>
                  <a:close/>
                  <a:moveTo>
                    <a:pt x="533817" y="0"/>
                  </a:moveTo>
                  <a:cubicBezTo>
                    <a:pt x="617807" y="1"/>
                    <a:pt x="687626" y="60667"/>
                    <a:pt x="697680" y="141081"/>
                  </a:cubicBezTo>
                  <a:cubicBezTo>
                    <a:pt x="603869" y="182843"/>
                    <a:pt x="547102" y="268997"/>
                    <a:pt x="562024" y="352718"/>
                  </a:cubicBezTo>
                  <a:lnTo>
                    <a:pt x="584367" y="347971"/>
                  </a:lnTo>
                  <a:cubicBezTo>
                    <a:pt x="570422" y="267354"/>
                    <a:pt x="633895" y="183716"/>
                    <a:pt x="732836" y="150639"/>
                  </a:cubicBezTo>
                  <a:cubicBezTo>
                    <a:pt x="738208" y="147500"/>
                    <a:pt x="743991" y="147205"/>
                    <a:pt x="749842" y="147205"/>
                  </a:cubicBezTo>
                  <a:cubicBezTo>
                    <a:pt x="844103" y="147205"/>
                    <a:pt x="920515" y="223618"/>
                    <a:pt x="920515" y="317877"/>
                  </a:cubicBezTo>
                  <a:lnTo>
                    <a:pt x="910716" y="366417"/>
                  </a:lnTo>
                  <a:lnTo>
                    <a:pt x="920515" y="366418"/>
                  </a:lnTo>
                  <a:lnTo>
                    <a:pt x="920515" y="371433"/>
                  </a:lnTo>
                  <a:cubicBezTo>
                    <a:pt x="997755" y="379016"/>
                    <a:pt x="1056877" y="445155"/>
                    <a:pt x="1056877" y="525101"/>
                  </a:cubicBezTo>
                  <a:lnTo>
                    <a:pt x="1047351" y="572282"/>
                  </a:lnTo>
                  <a:cubicBezTo>
                    <a:pt x="1119671" y="602218"/>
                    <a:pt x="1170491" y="673500"/>
                    <a:pt x="1170491" y="756650"/>
                  </a:cubicBezTo>
                  <a:cubicBezTo>
                    <a:pt x="1170490" y="802863"/>
                    <a:pt x="1154794" y="845409"/>
                    <a:pt x="1127569" y="878235"/>
                  </a:cubicBezTo>
                  <a:cubicBezTo>
                    <a:pt x="1080615" y="934488"/>
                    <a:pt x="1014142" y="959925"/>
                    <a:pt x="954678" y="939840"/>
                  </a:cubicBezTo>
                  <a:lnTo>
                    <a:pt x="947373" y="961469"/>
                  </a:lnTo>
                  <a:cubicBezTo>
                    <a:pt x="1000817" y="979520"/>
                    <a:pt x="1058949" y="966083"/>
                    <a:pt x="1106746" y="928282"/>
                  </a:cubicBezTo>
                  <a:cubicBezTo>
                    <a:pt x="1128548" y="955588"/>
                    <a:pt x="1138907" y="990708"/>
                    <a:pt x="1138907" y="1028247"/>
                  </a:cubicBezTo>
                  <a:cubicBezTo>
                    <a:pt x="1138907" y="1124134"/>
                    <a:pt x="1071328" y="1204237"/>
                    <a:pt x="981133" y="1223220"/>
                  </a:cubicBezTo>
                  <a:cubicBezTo>
                    <a:pt x="889088" y="1236998"/>
                    <a:pt x="805358" y="1200898"/>
                    <a:pt x="777272" y="1134408"/>
                  </a:cubicBezTo>
                  <a:cubicBezTo>
                    <a:pt x="791057" y="1124903"/>
                    <a:pt x="802061" y="1111678"/>
                    <a:pt x="810210" y="1096167"/>
                  </a:cubicBezTo>
                  <a:cubicBezTo>
                    <a:pt x="831546" y="1055553"/>
                    <a:pt x="830022" y="1005443"/>
                    <a:pt x="806195" y="964175"/>
                  </a:cubicBezTo>
                  <a:lnTo>
                    <a:pt x="787267" y="975103"/>
                  </a:lnTo>
                  <a:cubicBezTo>
                    <a:pt x="807161" y="1009560"/>
                    <a:pt x="808703" y="1051275"/>
                    <a:pt x="791333" y="1085110"/>
                  </a:cubicBezTo>
                  <a:cubicBezTo>
                    <a:pt x="784855" y="1097727"/>
                    <a:pt x="776117" y="1108536"/>
                    <a:pt x="763385" y="1114320"/>
                  </a:cubicBezTo>
                  <a:lnTo>
                    <a:pt x="744063" y="1119497"/>
                  </a:lnTo>
                  <a:lnTo>
                    <a:pt x="747716" y="1128718"/>
                  </a:lnTo>
                  <a:cubicBezTo>
                    <a:pt x="731558" y="1137628"/>
                    <a:pt x="712804" y="1141697"/>
                    <a:pt x="693327" y="1140344"/>
                  </a:cubicBezTo>
                  <a:cubicBezTo>
                    <a:pt x="655409" y="1137711"/>
                    <a:pt x="620494" y="1114908"/>
                    <a:pt x="601213" y="1080185"/>
                  </a:cubicBezTo>
                  <a:lnTo>
                    <a:pt x="582082" y="1090754"/>
                  </a:lnTo>
                  <a:cubicBezTo>
                    <a:pt x="605167" y="1132362"/>
                    <a:pt x="647281" y="1159482"/>
                    <a:pt x="693051" y="1162221"/>
                  </a:cubicBezTo>
                  <a:cubicBezTo>
                    <a:pt x="715413" y="1163558"/>
                    <a:pt x="736989" y="1158982"/>
                    <a:pt x="755684" y="1148835"/>
                  </a:cubicBezTo>
                  <a:cubicBezTo>
                    <a:pt x="792539" y="1222022"/>
                    <a:pt x="887119" y="1262260"/>
                    <a:pt x="989751" y="1247587"/>
                  </a:cubicBezTo>
                  <a:cubicBezTo>
                    <a:pt x="1000157" y="1267987"/>
                    <a:pt x="1004489" y="1291252"/>
                    <a:pt x="1004488" y="1315531"/>
                  </a:cubicBezTo>
                  <a:cubicBezTo>
                    <a:pt x="1004488" y="1381750"/>
                    <a:pt x="972258" y="1440443"/>
                    <a:pt x="920375" y="1473506"/>
                  </a:cubicBezTo>
                  <a:lnTo>
                    <a:pt x="913116" y="1474079"/>
                  </a:lnTo>
                  <a:cubicBezTo>
                    <a:pt x="850536" y="1469665"/>
                    <a:pt x="794159" y="1430126"/>
                    <a:pt x="766796" y="1371458"/>
                  </a:cubicBezTo>
                  <a:lnTo>
                    <a:pt x="746323" y="1380801"/>
                  </a:lnTo>
                  <a:cubicBezTo>
                    <a:pt x="776874" y="1446464"/>
                    <a:pt x="839753" y="1490827"/>
                    <a:pt x="909888" y="1496052"/>
                  </a:cubicBezTo>
                  <a:cubicBezTo>
                    <a:pt x="891948" y="1561049"/>
                    <a:pt x="840393" y="1611456"/>
                    <a:pt x="774838" y="1628054"/>
                  </a:cubicBezTo>
                  <a:cubicBezTo>
                    <a:pt x="686646" y="1642970"/>
                    <a:pt x="605133" y="1612285"/>
                    <a:pt x="571751" y="1552195"/>
                  </a:cubicBezTo>
                  <a:lnTo>
                    <a:pt x="550649" y="1566422"/>
                  </a:lnTo>
                  <a:cubicBezTo>
                    <a:pt x="577499" y="1609979"/>
                    <a:pt x="626419" y="1639383"/>
                    <a:pt x="685031" y="1648114"/>
                  </a:cubicBezTo>
                  <a:cubicBezTo>
                    <a:pt x="659684" y="1706013"/>
                    <a:pt x="601329" y="1745210"/>
                    <a:pt x="533818" y="1745209"/>
                  </a:cubicBezTo>
                  <a:cubicBezTo>
                    <a:pt x="455549" y="1745210"/>
                    <a:pt x="416747" y="1692524"/>
                    <a:pt x="372301" y="1619888"/>
                  </a:cubicBezTo>
                  <a:lnTo>
                    <a:pt x="366380" y="1592106"/>
                  </a:lnTo>
                  <a:cubicBezTo>
                    <a:pt x="305091" y="1567105"/>
                    <a:pt x="259811" y="1511085"/>
                    <a:pt x="250590" y="1443452"/>
                  </a:cubicBezTo>
                  <a:cubicBezTo>
                    <a:pt x="203712" y="1453117"/>
                    <a:pt x="158965" y="1444975"/>
                    <a:pt x="117260" y="1407178"/>
                  </a:cubicBezTo>
                  <a:cubicBezTo>
                    <a:pt x="55030" y="1350772"/>
                    <a:pt x="44039" y="1258933"/>
                    <a:pt x="90593" y="1192598"/>
                  </a:cubicBezTo>
                  <a:cubicBezTo>
                    <a:pt x="186799" y="1224213"/>
                    <a:pt x="285304" y="1199642"/>
                    <a:pt x="330760" y="1129474"/>
                  </a:cubicBezTo>
                  <a:lnTo>
                    <a:pt x="344999" y="1132822"/>
                  </a:lnTo>
                  <a:cubicBezTo>
                    <a:pt x="420009" y="1139731"/>
                    <a:pt x="490500" y="1101048"/>
                    <a:pt x="524987" y="1034051"/>
                  </a:cubicBezTo>
                  <a:lnTo>
                    <a:pt x="505360" y="1023014"/>
                  </a:lnTo>
                  <a:cubicBezTo>
                    <a:pt x="475089" y="1082544"/>
                    <a:pt x="412689" y="1116790"/>
                    <a:pt x="346243" y="1110339"/>
                  </a:cubicBezTo>
                  <a:cubicBezTo>
                    <a:pt x="283801" y="1104277"/>
                    <a:pt x="228486" y="1063265"/>
                    <a:pt x="202679" y="1003895"/>
                  </a:cubicBezTo>
                  <a:lnTo>
                    <a:pt x="181967" y="1012696"/>
                  </a:lnTo>
                  <a:cubicBezTo>
                    <a:pt x="205492" y="1066954"/>
                    <a:pt x="250941" y="1107583"/>
                    <a:pt x="305288" y="1123484"/>
                  </a:cubicBezTo>
                  <a:cubicBezTo>
                    <a:pt x="260051" y="1186174"/>
                    <a:pt x="162021" y="1201884"/>
                    <a:pt x="70961" y="1161909"/>
                  </a:cubicBezTo>
                  <a:cubicBezTo>
                    <a:pt x="64874" y="1160625"/>
                    <a:pt x="60391" y="1156961"/>
                    <a:pt x="56055" y="1153032"/>
                  </a:cubicBezTo>
                  <a:cubicBezTo>
                    <a:pt x="-13786" y="1089729"/>
                    <a:pt x="-19088" y="981796"/>
                    <a:pt x="44214" y="911953"/>
                  </a:cubicBezTo>
                  <a:lnTo>
                    <a:pt x="84073" y="882569"/>
                  </a:lnTo>
                  <a:lnTo>
                    <a:pt x="76811" y="875989"/>
                  </a:lnTo>
                  <a:lnTo>
                    <a:pt x="80179" y="872273"/>
                  </a:lnTo>
                  <a:cubicBezTo>
                    <a:pt x="28040" y="814783"/>
                    <a:pt x="28651" y="726072"/>
                    <a:pt x="82340" y="666836"/>
                  </a:cubicBezTo>
                  <a:lnTo>
                    <a:pt x="121082" y="638275"/>
                  </a:lnTo>
                  <a:cubicBezTo>
                    <a:pt x="89526" y="571593"/>
                    <a:pt x="96788" y="490523"/>
                    <a:pt x="145805" y="430894"/>
                  </a:cubicBezTo>
                  <a:cubicBezTo>
                    <a:pt x="198586" y="400645"/>
                    <a:pt x="259015" y="385179"/>
                    <a:pt x="321878" y="383347"/>
                  </a:cubicBezTo>
                  <a:lnTo>
                    <a:pt x="321111" y="357014"/>
                  </a:lnTo>
                  <a:cubicBezTo>
                    <a:pt x="257723" y="358862"/>
                    <a:pt x="196668" y="373772"/>
                    <a:pt x="141180" y="399723"/>
                  </a:cubicBezTo>
                  <a:cubicBezTo>
                    <a:pt x="117813" y="370058"/>
                    <a:pt x="106816" y="332072"/>
                    <a:pt x="106816" y="291518"/>
                  </a:cubicBezTo>
                  <a:cubicBezTo>
                    <a:pt x="106816" y="170286"/>
                    <a:pt x="205094" y="72008"/>
                    <a:pt x="326327" y="72008"/>
                  </a:cubicBezTo>
                  <a:cubicBezTo>
                    <a:pt x="350305" y="72008"/>
                    <a:pt x="373385" y="75853"/>
                    <a:pt x="394659" y="83948"/>
                  </a:cubicBezTo>
                  <a:cubicBezTo>
                    <a:pt x="425371" y="33609"/>
                    <a:pt x="467237" y="0"/>
                    <a:pt x="533817" y="0"/>
                  </a:cubicBezTo>
                  <a:close/>
                </a:path>
              </a:pathLst>
            </a:cu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ko-KR" altLang="en-US" sz="2700"/>
            </a:p>
          </p:txBody>
        </p:sp>
      </p:grpSp>
      <p:sp>
        <p:nvSpPr>
          <p:cNvPr id="75" name="Rectangle 19">
            <a:extLst>
              <a:ext uri="{FF2B5EF4-FFF2-40B4-BE49-F238E27FC236}">
                <a16:creationId xmlns:a16="http://schemas.microsoft.com/office/drawing/2014/main" id="{8025BC4E-7A4E-42D9-9569-8844F8906CE5}"/>
              </a:ext>
            </a:extLst>
          </p:cNvPr>
          <p:cNvSpPr/>
          <p:nvPr/>
        </p:nvSpPr>
        <p:spPr>
          <a:xfrm>
            <a:off x="4471052" y="2446822"/>
            <a:ext cx="449751" cy="494370"/>
          </a:xfrm>
          <a:custGeom>
            <a:avLst/>
            <a:gdLst/>
            <a:ahLst/>
            <a:cxnLst/>
            <a:rect l="l" t="t" r="r" b="b"/>
            <a:pathLst>
              <a:path w="2926108" h="3216409">
                <a:moveTo>
                  <a:pt x="1150286" y="2039882"/>
                </a:moveTo>
                <a:cubicBezTo>
                  <a:pt x="1216487" y="2110220"/>
                  <a:pt x="1249586" y="2238485"/>
                  <a:pt x="1348889" y="2250897"/>
                </a:cubicBezTo>
                <a:cubicBezTo>
                  <a:pt x="1452327" y="2213659"/>
                  <a:pt x="1530941" y="2147458"/>
                  <a:pt x="1597142" y="2052295"/>
                </a:cubicBezTo>
                <a:cubicBezTo>
                  <a:pt x="1634380" y="2030228"/>
                  <a:pt x="1712994" y="2049536"/>
                  <a:pt x="1721269" y="2072982"/>
                </a:cubicBezTo>
                <a:cubicBezTo>
                  <a:pt x="1533700" y="2362611"/>
                  <a:pt x="1615072" y="2763954"/>
                  <a:pt x="1568179" y="2830155"/>
                </a:cubicBezTo>
                <a:cubicBezTo>
                  <a:pt x="1391644" y="2965315"/>
                  <a:pt x="1231658" y="2893598"/>
                  <a:pt x="1063398" y="2925319"/>
                </a:cubicBezTo>
                <a:cubicBezTo>
                  <a:pt x="925479" y="2954282"/>
                  <a:pt x="820660" y="3107371"/>
                  <a:pt x="686879" y="3148747"/>
                </a:cubicBezTo>
                <a:cubicBezTo>
                  <a:pt x="536548" y="3184606"/>
                  <a:pt x="373804" y="3224602"/>
                  <a:pt x="215198" y="3214948"/>
                </a:cubicBezTo>
                <a:cubicBezTo>
                  <a:pt x="93829" y="3209431"/>
                  <a:pt x="71763" y="3046687"/>
                  <a:pt x="136584" y="2925318"/>
                </a:cubicBezTo>
                <a:cubicBezTo>
                  <a:pt x="168305" y="2828775"/>
                  <a:pt x="121415" y="2802571"/>
                  <a:pt x="107623" y="2710165"/>
                </a:cubicBezTo>
                <a:cubicBezTo>
                  <a:pt x="111150" y="2693172"/>
                  <a:pt x="127647" y="2691385"/>
                  <a:pt x="158288" y="2695563"/>
                </a:cubicBezTo>
                <a:lnTo>
                  <a:pt x="158288" y="2626239"/>
                </a:lnTo>
                <a:lnTo>
                  <a:pt x="266288" y="2626239"/>
                </a:lnTo>
                <a:lnTo>
                  <a:pt x="266288" y="2708276"/>
                </a:lnTo>
                <a:lnTo>
                  <a:pt x="307224" y="2711894"/>
                </a:lnTo>
                <a:lnTo>
                  <a:pt x="307224" y="2626239"/>
                </a:lnTo>
                <a:lnTo>
                  <a:pt x="415224" y="2626239"/>
                </a:lnTo>
                <a:lnTo>
                  <a:pt x="415224" y="2711420"/>
                </a:lnTo>
                <a:cubicBezTo>
                  <a:pt x="428487" y="2711947"/>
                  <a:pt x="442136" y="2710942"/>
                  <a:pt x="456160" y="2708700"/>
                </a:cubicBezTo>
                <a:lnTo>
                  <a:pt x="456160" y="2617963"/>
                </a:lnTo>
                <a:lnTo>
                  <a:pt x="564160" y="2617963"/>
                </a:lnTo>
                <a:lnTo>
                  <a:pt x="564160" y="2692500"/>
                </a:lnTo>
                <a:cubicBezTo>
                  <a:pt x="577696" y="2691220"/>
                  <a:pt x="591289" y="2688332"/>
                  <a:pt x="605096" y="2684680"/>
                </a:cubicBezTo>
                <a:lnTo>
                  <a:pt x="605096" y="2601411"/>
                </a:lnTo>
                <a:lnTo>
                  <a:pt x="713096" y="2601411"/>
                </a:lnTo>
                <a:lnTo>
                  <a:pt x="713096" y="2654658"/>
                </a:lnTo>
                <a:lnTo>
                  <a:pt x="754032" y="2641463"/>
                </a:lnTo>
                <a:lnTo>
                  <a:pt x="754032" y="2580721"/>
                </a:lnTo>
                <a:lnTo>
                  <a:pt x="862032" y="2580721"/>
                </a:lnTo>
                <a:lnTo>
                  <a:pt x="862032" y="2599792"/>
                </a:lnTo>
                <a:cubicBezTo>
                  <a:pt x="897454" y="2584791"/>
                  <a:pt x="934214" y="2567836"/>
                  <a:pt x="972371" y="2548802"/>
                </a:cubicBezTo>
                <a:cubicBezTo>
                  <a:pt x="1030297" y="2506047"/>
                  <a:pt x="939271" y="2219176"/>
                  <a:pt x="947546" y="2122633"/>
                </a:cubicBezTo>
                <a:cubicBezTo>
                  <a:pt x="957201" y="2082636"/>
                  <a:pt x="1082706" y="2067466"/>
                  <a:pt x="1150286" y="2039882"/>
                </a:cubicBezTo>
                <a:close/>
                <a:moveTo>
                  <a:pt x="394278" y="1320337"/>
                </a:moveTo>
                <a:cubicBezTo>
                  <a:pt x="356565" y="1315036"/>
                  <a:pt x="316914" y="1320983"/>
                  <a:pt x="277262" y="1344774"/>
                </a:cubicBezTo>
                <a:cubicBezTo>
                  <a:pt x="169686" y="1368221"/>
                  <a:pt x="281399" y="1532343"/>
                  <a:pt x="314500" y="1626128"/>
                </a:cubicBezTo>
                <a:cubicBezTo>
                  <a:pt x="335188" y="1715776"/>
                  <a:pt x="306225" y="1838523"/>
                  <a:pt x="376563" y="1820593"/>
                </a:cubicBezTo>
                <a:cubicBezTo>
                  <a:pt x="535169" y="1786113"/>
                  <a:pt x="681363" y="1673020"/>
                  <a:pt x="628954" y="1493726"/>
                </a:cubicBezTo>
                <a:cubicBezTo>
                  <a:pt x="603094" y="1453384"/>
                  <a:pt x="507414" y="1336241"/>
                  <a:pt x="394278" y="1320337"/>
                </a:cubicBezTo>
                <a:close/>
                <a:moveTo>
                  <a:pt x="1526804" y="66"/>
                </a:moveTo>
                <a:cubicBezTo>
                  <a:pt x="2066065" y="2824"/>
                  <a:pt x="2621877" y="129710"/>
                  <a:pt x="2896335" y="1038593"/>
                </a:cubicBezTo>
                <a:cubicBezTo>
                  <a:pt x="3057700" y="1564063"/>
                  <a:pt x="2532230" y="2366749"/>
                  <a:pt x="2064686" y="2292273"/>
                </a:cubicBezTo>
                <a:cubicBezTo>
                  <a:pt x="1885392" y="2267447"/>
                  <a:pt x="1950214" y="2015056"/>
                  <a:pt x="1555767" y="1940580"/>
                </a:cubicBezTo>
                <a:cubicBezTo>
                  <a:pt x="1179249" y="1868862"/>
                  <a:pt x="732393" y="2186075"/>
                  <a:pt x="554478" y="2159871"/>
                </a:cubicBezTo>
                <a:cubicBezTo>
                  <a:pt x="466211" y="2141942"/>
                  <a:pt x="394493" y="1904722"/>
                  <a:pt x="364151" y="1932305"/>
                </a:cubicBezTo>
                <a:cubicBezTo>
                  <a:pt x="322774" y="1970922"/>
                  <a:pt x="405526" y="2146079"/>
                  <a:pt x="467589" y="2205384"/>
                </a:cubicBezTo>
                <a:cubicBezTo>
                  <a:pt x="525515" y="2241243"/>
                  <a:pt x="732393" y="2202626"/>
                  <a:pt x="873070" y="2139183"/>
                </a:cubicBezTo>
                <a:cubicBezTo>
                  <a:pt x="913066" y="2128149"/>
                  <a:pt x="870312" y="2253655"/>
                  <a:pt x="877208" y="2333648"/>
                </a:cubicBezTo>
                <a:lnTo>
                  <a:pt x="862033" y="2337135"/>
                </a:lnTo>
                <a:lnTo>
                  <a:pt x="862033" y="2415799"/>
                </a:lnTo>
                <a:lnTo>
                  <a:pt x="754033" y="2415799"/>
                </a:lnTo>
                <a:lnTo>
                  <a:pt x="754033" y="2360695"/>
                </a:lnTo>
                <a:lnTo>
                  <a:pt x="713097" y="2366601"/>
                </a:lnTo>
                <a:lnTo>
                  <a:pt x="713097" y="2428213"/>
                </a:lnTo>
                <a:lnTo>
                  <a:pt x="605097" y="2428213"/>
                </a:lnTo>
                <a:lnTo>
                  <a:pt x="605097" y="2379641"/>
                </a:lnTo>
                <a:lnTo>
                  <a:pt x="564161" y="2382960"/>
                </a:lnTo>
                <a:lnTo>
                  <a:pt x="564161" y="2436489"/>
                </a:lnTo>
                <a:lnTo>
                  <a:pt x="456161" y="2436489"/>
                </a:lnTo>
                <a:lnTo>
                  <a:pt x="456161" y="2388351"/>
                </a:lnTo>
                <a:lnTo>
                  <a:pt x="415225" y="2389346"/>
                </a:lnTo>
                <a:lnTo>
                  <a:pt x="415225" y="2436489"/>
                </a:lnTo>
                <a:lnTo>
                  <a:pt x="307225" y="2436489"/>
                </a:lnTo>
                <a:lnTo>
                  <a:pt x="307225" y="2386989"/>
                </a:lnTo>
                <a:cubicBezTo>
                  <a:pt x="293173" y="2387203"/>
                  <a:pt x="279516" y="2386340"/>
                  <a:pt x="266289" y="2385150"/>
                </a:cubicBezTo>
                <a:lnTo>
                  <a:pt x="266289" y="2428213"/>
                </a:lnTo>
                <a:lnTo>
                  <a:pt x="158289" y="2428213"/>
                </a:lnTo>
                <a:lnTo>
                  <a:pt x="158289" y="2370613"/>
                </a:lnTo>
                <a:cubicBezTo>
                  <a:pt x="107017" y="2360332"/>
                  <a:pt x="72014" y="2345184"/>
                  <a:pt x="62108" y="2325373"/>
                </a:cubicBezTo>
                <a:cubicBezTo>
                  <a:pt x="37284" y="2261930"/>
                  <a:pt x="103484" y="2223314"/>
                  <a:pt x="124172" y="2172284"/>
                </a:cubicBezTo>
                <a:cubicBezTo>
                  <a:pt x="111759" y="2144700"/>
                  <a:pt x="74522" y="2141942"/>
                  <a:pt x="86934" y="2089533"/>
                </a:cubicBezTo>
                <a:cubicBezTo>
                  <a:pt x="96588" y="2053674"/>
                  <a:pt x="242782" y="2030228"/>
                  <a:pt x="264849" y="1994369"/>
                </a:cubicBezTo>
                <a:cubicBezTo>
                  <a:pt x="273125" y="1919892"/>
                  <a:pt x="-4093" y="1721291"/>
                  <a:pt x="45" y="1671639"/>
                </a:cubicBezTo>
                <a:cubicBezTo>
                  <a:pt x="12458" y="1619230"/>
                  <a:pt x="124172" y="1558546"/>
                  <a:pt x="190373" y="1477174"/>
                </a:cubicBezTo>
                <a:cubicBezTo>
                  <a:pt x="222094" y="1438557"/>
                  <a:pt x="80038" y="1267538"/>
                  <a:pt x="91072" y="1224783"/>
                </a:cubicBezTo>
                <a:cubicBezTo>
                  <a:pt x="111760" y="1092381"/>
                  <a:pt x="240023" y="943429"/>
                  <a:pt x="264849" y="703451"/>
                </a:cubicBezTo>
                <a:cubicBezTo>
                  <a:pt x="342084" y="332450"/>
                  <a:pt x="961338" y="-5451"/>
                  <a:pt x="1526804" y="66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76" name="Freeform 114">
            <a:extLst>
              <a:ext uri="{FF2B5EF4-FFF2-40B4-BE49-F238E27FC236}">
                <a16:creationId xmlns:a16="http://schemas.microsoft.com/office/drawing/2014/main" id="{353DEA2B-7F2E-4C6B-B5D7-248AF895CCDB}"/>
              </a:ext>
            </a:extLst>
          </p:cNvPr>
          <p:cNvSpPr>
            <a:spLocks noChangeAspect="1"/>
          </p:cNvSpPr>
          <p:nvPr/>
        </p:nvSpPr>
        <p:spPr>
          <a:xfrm>
            <a:off x="10267646" y="2429101"/>
            <a:ext cx="549379" cy="529812"/>
          </a:xfrm>
          <a:custGeom>
            <a:avLst/>
            <a:gdLst>
              <a:gd name="connsiteX0" fmla="*/ 2500704 w 3745816"/>
              <a:gd name="connsiteY0" fmla="*/ 2026790 h 3316502"/>
              <a:gd name="connsiteX1" fmla="*/ 2261868 w 3745816"/>
              <a:gd name="connsiteY1" fmla="*/ 2108676 h 3316502"/>
              <a:gd name="connsiteX2" fmla="*/ 2364227 w 3745816"/>
              <a:gd name="connsiteY2" fmla="*/ 2313393 h 3316502"/>
              <a:gd name="connsiteX3" fmla="*/ 2500704 w 3745816"/>
              <a:gd name="connsiteY3" fmla="*/ 2026790 h 3316502"/>
              <a:gd name="connsiteX4" fmla="*/ 1245112 w 3745816"/>
              <a:gd name="connsiteY4" fmla="*/ 2026790 h 3316502"/>
              <a:gd name="connsiteX5" fmla="*/ 1381589 w 3745816"/>
              <a:gd name="connsiteY5" fmla="*/ 2313393 h 3316502"/>
              <a:gd name="connsiteX6" fmla="*/ 1483948 w 3745816"/>
              <a:gd name="connsiteY6" fmla="*/ 2108676 h 3316502"/>
              <a:gd name="connsiteX7" fmla="*/ 1245112 w 3745816"/>
              <a:gd name="connsiteY7" fmla="*/ 2026790 h 3316502"/>
              <a:gd name="connsiteX8" fmla="*/ 3185000 w 3745816"/>
              <a:gd name="connsiteY8" fmla="*/ 1670667 h 3316502"/>
              <a:gd name="connsiteX9" fmla="*/ 3244509 w 3745816"/>
              <a:gd name="connsiteY9" fmla="*/ 1692418 h 3316502"/>
              <a:gd name="connsiteX10" fmla="*/ 3380986 w 3745816"/>
              <a:gd name="connsiteY10" fmla="*/ 1856191 h 3316502"/>
              <a:gd name="connsiteX11" fmla="*/ 3599350 w 3745816"/>
              <a:gd name="connsiteY11" fmla="*/ 1903959 h 3316502"/>
              <a:gd name="connsiteX12" fmla="*/ 3735827 w 3745816"/>
              <a:gd name="connsiteY12" fmla="*/ 2142795 h 3316502"/>
              <a:gd name="connsiteX13" fmla="*/ 3572054 w 3745816"/>
              <a:gd name="connsiteY13" fmla="*/ 2620466 h 3316502"/>
              <a:gd name="connsiteX14" fmla="*/ 3551583 w 3745816"/>
              <a:gd name="connsiteY14" fmla="*/ 3316502 h 3316502"/>
              <a:gd name="connsiteX15" fmla="*/ 3292276 w 3745816"/>
              <a:gd name="connsiteY15" fmla="*/ 3302855 h 3316502"/>
              <a:gd name="connsiteX16" fmla="*/ 3271804 w 3745816"/>
              <a:gd name="connsiteY16" fmla="*/ 2511284 h 3316502"/>
              <a:gd name="connsiteX17" fmla="*/ 3278628 w 3745816"/>
              <a:gd name="connsiteY17" fmla="*/ 2272449 h 3316502"/>
              <a:gd name="connsiteX18" fmla="*/ 3128502 w 3745816"/>
              <a:gd name="connsiteY18" fmla="*/ 2108675 h 3316502"/>
              <a:gd name="connsiteX19" fmla="*/ 2869195 w 3745816"/>
              <a:gd name="connsiteY19" fmla="*/ 2019965 h 3316502"/>
              <a:gd name="connsiteX20" fmla="*/ 3185000 w 3745816"/>
              <a:gd name="connsiteY20" fmla="*/ 1670667 h 3316502"/>
              <a:gd name="connsiteX21" fmla="*/ 560816 w 3745816"/>
              <a:gd name="connsiteY21" fmla="*/ 1670667 h 3316502"/>
              <a:gd name="connsiteX22" fmla="*/ 876621 w 3745816"/>
              <a:gd name="connsiteY22" fmla="*/ 2019965 h 3316502"/>
              <a:gd name="connsiteX23" fmla="*/ 617314 w 3745816"/>
              <a:gd name="connsiteY23" fmla="*/ 2108675 h 3316502"/>
              <a:gd name="connsiteX24" fmla="*/ 467188 w 3745816"/>
              <a:gd name="connsiteY24" fmla="*/ 2272449 h 3316502"/>
              <a:gd name="connsiteX25" fmla="*/ 474012 w 3745816"/>
              <a:gd name="connsiteY25" fmla="*/ 2511284 h 3316502"/>
              <a:gd name="connsiteX26" fmla="*/ 453540 w 3745816"/>
              <a:gd name="connsiteY26" fmla="*/ 3302855 h 3316502"/>
              <a:gd name="connsiteX27" fmla="*/ 194233 w 3745816"/>
              <a:gd name="connsiteY27" fmla="*/ 3316502 h 3316502"/>
              <a:gd name="connsiteX28" fmla="*/ 173762 w 3745816"/>
              <a:gd name="connsiteY28" fmla="*/ 2620466 h 3316502"/>
              <a:gd name="connsiteX29" fmla="*/ 9989 w 3745816"/>
              <a:gd name="connsiteY29" fmla="*/ 2142795 h 3316502"/>
              <a:gd name="connsiteX30" fmla="*/ 146466 w 3745816"/>
              <a:gd name="connsiteY30" fmla="*/ 1903959 h 3316502"/>
              <a:gd name="connsiteX31" fmla="*/ 364830 w 3745816"/>
              <a:gd name="connsiteY31" fmla="*/ 1856191 h 3316502"/>
              <a:gd name="connsiteX32" fmla="*/ 501307 w 3745816"/>
              <a:gd name="connsiteY32" fmla="*/ 1692418 h 3316502"/>
              <a:gd name="connsiteX33" fmla="*/ 560816 w 3745816"/>
              <a:gd name="connsiteY33" fmla="*/ 1670667 h 3316502"/>
              <a:gd name="connsiteX34" fmla="*/ 2609647 w 3745816"/>
              <a:gd name="connsiteY34" fmla="*/ 1003649 h 3316502"/>
              <a:gd name="connsiteX35" fmla="*/ 2234575 w 3745816"/>
              <a:gd name="connsiteY35" fmla="*/ 1385343 h 3316502"/>
              <a:gd name="connsiteX36" fmla="*/ 1968444 w 3745816"/>
              <a:gd name="connsiteY36" fmla="*/ 1951725 h 3316502"/>
              <a:gd name="connsiteX37" fmla="*/ 2248223 w 3745816"/>
              <a:gd name="connsiteY37" fmla="*/ 1897134 h 3316502"/>
              <a:gd name="connsiteX38" fmla="*/ 2644008 w 3745816"/>
              <a:gd name="connsiteY38" fmla="*/ 1010029 h 3316502"/>
              <a:gd name="connsiteX39" fmla="*/ 2609647 w 3745816"/>
              <a:gd name="connsiteY39" fmla="*/ 1003649 h 3316502"/>
              <a:gd name="connsiteX40" fmla="*/ 1136169 w 3745816"/>
              <a:gd name="connsiteY40" fmla="*/ 1003649 h 3316502"/>
              <a:gd name="connsiteX41" fmla="*/ 1101808 w 3745816"/>
              <a:gd name="connsiteY41" fmla="*/ 1010029 h 3316502"/>
              <a:gd name="connsiteX42" fmla="*/ 1497593 w 3745816"/>
              <a:gd name="connsiteY42" fmla="*/ 1897134 h 3316502"/>
              <a:gd name="connsiteX43" fmla="*/ 1777372 w 3745816"/>
              <a:gd name="connsiteY43" fmla="*/ 1951725 h 3316502"/>
              <a:gd name="connsiteX44" fmla="*/ 1511241 w 3745816"/>
              <a:gd name="connsiteY44" fmla="*/ 1385343 h 3316502"/>
              <a:gd name="connsiteX45" fmla="*/ 1136169 w 3745816"/>
              <a:gd name="connsiteY45" fmla="*/ 1003649 h 3316502"/>
              <a:gd name="connsiteX46" fmla="*/ 665081 w 3745816"/>
              <a:gd name="connsiteY46" fmla="*/ 96 h 3316502"/>
              <a:gd name="connsiteX47" fmla="*/ 1862679 w 3745816"/>
              <a:gd name="connsiteY47" fmla="*/ 634117 h 3316502"/>
              <a:gd name="connsiteX48" fmla="*/ 3080735 w 3745816"/>
              <a:gd name="connsiteY48" fmla="*/ 96 h 3316502"/>
              <a:gd name="connsiteX49" fmla="*/ 3619822 w 3745816"/>
              <a:gd name="connsiteY49" fmla="*/ 921320 h 3316502"/>
              <a:gd name="connsiteX50" fmla="*/ 3456049 w 3745816"/>
              <a:gd name="connsiteY50" fmla="*/ 955441 h 3316502"/>
              <a:gd name="connsiteX51" fmla="*/ 3189917 w 3745816"/>
              <a:gd name="connsiteY51" fmla="*/ 1317105 h 3316502"/>
              <a:gd name="connsiteX52" fmla="*/ 3155798 w 3745816"/>
              <a:gd name="connsiteY52" fmla="*/ 1596884 h 3316502"/>
              <a:gd name="connsiteX53" fmla="*/ 2848723 w 3745816"/>
              <a:gd name="connsiteY53" fmla="*/ 1842544 h 3316502"/>
              <a:gd name="connsiteX54" fmla="*/ 2650831 w 3745816"/>
              <a:gd name="connsiteY54" fmla="*/ 2518108 h 3316502"/>
              <a:gd name="connsiteX55" fmla="*/ 2193630 w 3745816"/>
              <a:gd name="connsiteY55" fmla="*/ 2531756 h 3316502"/>
              <a:gd name="connsiteX56" fmla="*/ 1941147 w 3745816"/>
              <a:gd name="connsiteY56" fmla="*/ 2211033 h 3316502"/>
              <a:gd name="connsiteX57" fmla="*/ 1872908 w 3745816"/>
              <a:gd name="connsiteY57" fmla="*/ 2313392 h 3316502"/>
              <a:gd name="connsiteX58" fmla="*/ 1804669 w 3745816"/>
              <a:gd name="connsiteY58" fmla="*/ 2211033 h 3316502"/>
              <a:gd name="connsiteX59" fmla="*/ 1552186 w 3745816"/>
              <a:gd name="connsiteY59" fmla="*/ 2531756 h 3316502"/>
              <a:gd name="connsiteX60" fmla="*/ 1094985 w 3745816"/>
              <a:gd name="connsiteY60" fmla="*/ 2518108 h 3316502"/>
              <a:gd name="connsiteX61" fmla="*/ 897093 w 3745816"/>
              <a:gd name="connsiteY61" fmla="*/ 1842544 h 3316502"/>
              <a:gd name="connsiteX62" fmla="*/ 590018 w 3745816"/>
              <a:gd name="connsiteY62" fmla="*/ 1596884 h 3316502"/>
              <a:gd name="connsiteX63" fmla="*/ 555899 w 3745816"/>
              <a:gd name="connsiteY63" fmla="*/ 1317105 h 3316502"/>
              <a:gd name="connsiteX64" fmla="*/ 388154 w 3745816"/>
              <a:gd name="connsiteY64" fmla="*/ 1151989 h 3316502"/>
              <a:gd name="connsiteX65" fmla="*/ 289767 w 3745816"/>
              <a:gd name="connsiteY65" fmla="*/ 955441 h 3316502"/>
              <a:gd name="connsiteX66" fmla="*/ 125994 w 3745816"/>
              <a:gd name="connsiteY66" fmla="*/ 921320 h 3316502"/>
              <a:gd name="connsiteX67" fmla="*/ 665081 w 3745816"/>
              <a:gd name="connsiteY67" fmla="*/ 96 h 3316502"/>
              <a:gd name="connsiteX0" fmla="*/ 2500704 w 3745816"/>
              <a:gd name="connsiteY0" fmla="*/ 2026790 h 3316502"/>
              <a:gd name="connsiteX1" fmla="*/ 2261868 w 3745816"/>
              <a:gd name="connsiteY1" fmla="*/ 2108676 h 3316502"/>
              <a:gd name="connsiteX2" fmla="*/ 2364227 w 3745816"/>
              <a:gd name="connsiteY2" fmla="*/ 2313393 h 3316502"/>
              <a:gd name="connsiteX3" fmla="*/ 2500704 w 3745816"/>
              <a:gd name="connsiteY3" fmla="*/ 2026790 h 3316502"/>
              <a:gd name="connsiteX4" fmla="*/ 1245112 w 3745816"/>
              <a:gd name="connsiteY4" fmla="*/ 2026790 h 3316502"/>
              <a:gd name="connsiteX5" fmla="*/ 1381589 w 3745816"/>
              <a:gd name="connsiteY5" fmla="*/ 2313393 h 3316502"/>
              <a:gd name="connsiteX6" fmla="*/ 1483948 w 3745816"/>
              <a:gd name="connsiteY6" fmla="*/ 2108676 h 3316502"/>
              <a:gd name="connsiteX7" fmla="*/ 1245112 w 3745816"/>
              <a:gd name="connsiteY7" fmla="*/ 2026790 h 3316502"/>
              <a:gd name="connsiteX8" fmla="*/ 3185000 w 3745816"/>
              <a:gd name="connsiteY8" fmla="*/ 1670667 h 3316502"/>
              <a:gd name="connsiteX9" fmla="*/ 3244509 w 3745816"/>
              <a:gd name="connsiteY9" fmla="*/ 1692418 h 3316502"/>
              <a:gd name="connsiteX10" fmla="*/ 3380986 w 3745816"/>
              <a:gd name="connsiteY10" fmla="*/ 1856191 h 3316502"/>
              <a:gd name="connsiteX11" fmla="*/ 3599350 w 3745816"/>
              <a:gd name="connsiteY11" fmla="*/ 1903959 h 3316502"/>
              <a:gd name="connsiteX12" fmla="*/ 3735827 w 3745816"/>
              <a:gd name="connsiteY12" fmla="*/ 2142795 h 3316502"/>
              <a:gd name="connsiteX13" fmla="*/ 3572054 w 3745816"/>
              <a:gd name="connsiteY13" fmla="*/ 2620466 h 3316502"/>
              <a:gd name="connsiteX14" fmla="*/ 3551583 w 3745816"/>
              <a:gd name="connsiteY14" fmla="*/ 3316502 h 3316502"/>
              <a:gd name="connsiteX15" fmla="*/ 3292276 w 3745816"/>
              <a:gd name="connsiteY15" fmla="*/ 3302855 h 3316502"/>
              <a:gd name="connsiteX16" fmla="*/ 3271804 w 3745816"/>
              <a:gd name="connsiteY16" fmla="*/ 2511284 h 3316502"/>
              <a:gd name="connsiteX17" fmla="*/ 3278628 w 3745816"/>
              <a:gd name="connsiteY17" fmla="*/ 2272449 h 3316502"/>
              <a:gd name="connsiteX18" fmla="*/ 3128502 w 3745816"/>
              <a:gd name="connsiteY18" fmla="*/ 2108675 h 3316502"/>
              <a:gd name="connsiteX19" fmla="*/ 2869195 w 3745816"/>
              <a:gd name="connsiteY19" fmla="*/ 2019965 h 3316502"/>
              <a:gd name="connsiteX20" fmla="*/ 3185000 w 3745816"/>
              <a:gd name="connsiteY20" fmla="*/ 1670667 h 3316502"/>
              <a:gd name="connsiteX21" fmla="*/ 560816 w 3745816"/>
              <a:gd name="connsiteY21" fmla="*/ 1670667 h 3316502"/>
              <a:gd name="connsiteX22" fmla="*/ 876621 w 3745816"/>
              <a:gd name="connsiteY22" fmla="*/ 2019965 h 3316502"/>
              <a:gd name="connsiteX23" fmla="*/ 617314 w 3745816"/>
              <a:gd name="connsiteY23" fmla="*/ 2108675 h 3316502"/>
              <a:gd name="connsiteX24" fmla="*/ 467188 w 3745816"/>
              <a:gd name="connsiteY24" fmla="*/ 2272449 h 3316502"/>
              <a:gd name="connsiteX25" fmla="*/ 474012 w 3745816"/>
              <a:gd name="connsiteY25" fmla="*/ 2511284 h 3316502"/>
              <a:gd name="connsiteX26" fmla="*/ 453540 w 3745816"/>
              <a:gd name="connsiteY26" fmla="*/ 3302855 h 3316502"/>
              <a:gd name="connsiteX27" fmla="*/ 194233 w 3745816"/>
              <a:gd name="connsiteY27" fmla="*/ 3316502 h 3316502"/>
              <a:gd name="connsiteX28" fmla="*/ 173762 w 3745816"/>
              <a:gd name="connsiteY28" fmla="*/ 2620466 h 3316502"/>
              <a:gd name="connsiteX29" fmla="*/ 9989 w 3745816"/>
              <a:gd name="connsiteY29" fmla="*/ 2142795 h 3316502"/>
              <a:gd name="connsiteX30" fmla="*/ 146466 w 3745816"/>
              <a:gd name="connsiteY30" fmla="*/ 1903959 h 3316502"/>
              <a:gd name="connsiteX31" fmla="*/ 364830 w 3745816"/>
              <a:gd name="connsiteY31" fmla="*/ 1856191 h 3316502"/>
              <a:gd name="connsiteX32" fmla="*/ 501307 w 3745816"/>
              <a:gd name="connsiteY32" fmla="*/ 1692418 h 3316502"/>
              <a:gd name="connsiteX33" fmla="*/ 560816 w 3745816"/>
              <a:gd name="connsiteY33" fmla="*/ 1670667 h 3316502"/>
              <a:gd name="connsiteX34" fmla="*/ 2609647 w 3745816"/>
              <a:gd name="connsiteY34" fmla="*/ 1003649 h 3316502"/>
              <a:gd name="connsiteX35" fmla="*/ 2234575 w 3745816"/>
              <a:gd name="connsiteY35" fmla="*/ 1385343 h 3316502"/>
              <a:gd name="connsiteX36" fmla="*/ 1968444 w 3745816"/>
              <a:gd name="connsiteY36" fmla="*/ 1951725 h 3316502"/>
              <a:gd name="connsiteX37" fmla="*/ 2248223 w 3745816"/>
              <a:gd name="connsiteY37" fmla="*/ 1897134 h 3316502"/>
              <a:gd name="connsiteX38" fmla="*/ 2644008 w 3745816"/>
              <a:gd name="connsiteY38" fmla="*/ 1010029 h 3316502"/>
              <a:gd name="connsiteX39" fmla="*/ 2609647 w 3745816"/>
              <a:gd name="connsiteY39" fmla="*/ 1003649 h 3316502"/>
              <a:gd name="connsiteX40" fmla="*/ 1136169 w 3745816"/>
              <a:gd name="connsiteY40" fmla="*/ 1003649 h 3316502"/>
              <a:gd name="connsiteX41" fmla="*/ 1101808 w 3745816"/>
              <a:gd name="connsiteY41" fmla="*/ 1010029 h 3316502"/>
              <a:gd name="connsiteX42" fmla="*/ 1497593 w 3745816"/>
              <a:gd name="connsiteY42" fmla="*/ 1897134 h 3316502"/>
              <a:gd name="connsiteX43" fmla="*/ 1777372 w 3745816"/>
              <a:gd name="connsiteY43" fmla="*/ 1951725 h 3316502"/>
              <a:gd name="connsiteX44" fmla="*/ 1511241 w 3745816"/>
              <a:gd name="connsiteY44" fmla="*/ 1385343 h 3316502"/>
              <a:gd name="connsiteX45" fmla="*/ 1136169 w 3745816"/>
              <a:gd name="connsiteY45" fmla="*/ 1003649 h 3316502"/>
              <a:gd name="connsiteX46" fmla="*/ 665081 w 3745816"/>
              <a:gd name="connsiteY46" fmla="*/ 96 h 3316502"/>
              <a:gd name="connsiteX47" fmla="*/ 1862679 w 3745816"/>
              <a:gd name="connsiteY47" fmla="*/ 634117 h 3316502"/>
              <a:gd name="connsiteX48" fmla="*/ 3080735 w 3745816"/>
              <a:gd name="connsiteY48" fmla="*/ 96 h 3316502"/>
              <a:gd name="connsiteX49" fmla="*/ 3619822 w 3745816"/>
              <a:gd name="connsiteY49" fmla="*/ 921320 h 3316502"/>
              <a:gd name="connsiteX50" fmla="*/ 3456049 w 3745816"/>
              <a:gd name="connsiteY50" fmla="*/ 955441 h 3316502"/>
              <a:gd name="connsiteX51" fmla="*/ 3189917 w 3745816"/>
              <a:gd name="connsiteY51" fmla="*/ 1317105 h 3316502"/>
              <a:gd name="connsiteX52" fmla="*/ 3155798 w 3745816"/>
              <a:gd name="connsiteY52" fmla="*/ 1596884 h 3316502"/>
              <a:gd name="connsiteX53" fmla="*/ 2848723 w 3745816"/>
              <a:gd name="connsiteY53" fmla="*/ 1842544 h 3316502"/>
              <a:gd name="connsiteX54" fmla="*/ 2650831 w 3745816"/>
              <a:gd name="connsiteY54" fmla="*/ 2518108 h 3316502"/>
              <a:gd name="connsiteX55" fmla="*/ 2193630 w 3745816"/>
              <a:gd name="connsiteY55" fmla="*/ 2531756 h 3316502"/>
              <a:gd name="connsiteX56" fmla="*/ 1941147 w 3745816"/>
              <a:gd name="connsiteY56" fmla="*/ 2211033 h 3316502"/>
              <a:gd name="connsiteX57" fmla="*/ 1872908 w 3745816"/>
              <a:gd name="connsiteY57" fmla="*/ 2313392 h 3316502"/>
              <a:gd name="connsiteX58" fmla="*/ 1804669 w 3745816"/>
              <a:gd name="connsiteY58" fmla="*/ 2211033 h 3316502"/>
              <a:gd name="connsiteX59" fmla="*/ 1552186 w 3745816"/>
              <a:gd name="connsiteY59" fmla="*/ 2531756 h 3316502"/>
              <a:gd name="connsiteX60" fmla="*/ 1094985 w 3745816"/>
              <a:gd name="connsiteY60" fmla="*/ 2518108 h 3316502"/>
              <a:gd name="connsiteX61" fmla="*/ 897093 w 3745816"/>
              <a:gd name="connsiteY61" fmla="*/ 1842544 h 3316502"/>
              <a:gd name="connsiteX62" fmla="*/ 590018 w 3745816"/>
              <a:gd name="connsiteY62" fmla="*/ 1596884 h 3316502"/>
              <a:gd name="connsiteX63" fmla="*/ 555899 w 3745816"/>
              <a:gd name="connsiteY63" fmla="*/ 1317105 h 3316502"/>
              <a:gd name="connsiteX64" fmla="*/ 388154 w 3745816"/>
              <a:gd name="connsiteY64" fmla="*/ 1151989 h 3316502"/>
              <a:gd name="connsiteX65" fmla="*/ 289767 w 3745816"/>
              <a:gd name="connsiteY65" fmla="*/ 1006142 h 3316502"/>
              <a:gd name="connsiteX66" fmla="*/ 125994 w 3745816"/>
              <a:gd name="connsiteY66" fmla="*/ 921320 h 3316502"/>
              <a:gd name="connsiteX67" fmla="*/ 665081 w 3745816"/>
              <a:gd name="connsiteY67" fmla="*/ 96 h 3316502"/>
              <a:gd name="connsiteX0" fmla="*/ 2500704 w 3745816"/>
              <a:gd name="connsiteY0" fmla="*/ 2026790 h 3316502"/>
              <a:gd name="connsiteX1" fmla="*/ 2261868 w 3745816"/>
              <a:gd name="connsiteY1" fmla="*/ 2108676 h 3316502"/>
              <a:gd name="connsiteX2" fmla="*/ 2364227 w 3745816"/>
              <a:gd name="connsiteY2" fmla="*/ 2313393 h 3316502"/>
              <a:gd name="connsiteX3" fmla="*/ 2500704 w 3745816"/>
              <a:gd name="connsiteY3" fmla="*/ 2026790 h 3316502"/>
              <a:gd name="connsiteX4" fmla="*/ 1245112 w 3745816"/>
              <a:gd name="connsiteY4" fmla="*/ 2026790 h 3316502"/>
              <a:gd name="connsiteX5" fmla="*/ 1381589 w 3745816"/>
              <a:gd name="connsiteY5" fmla="*/ 2313393 h 3316502"/>
              <a:gd name="connsiteX6" fmla="*/ 1483948 w 3745816"/>
              <a:gd name="connsiteY6" fmla="*/ 2108676 h 3316502"/>
              <a:gd name="connsiteX7" fmla="*/ 1245112 w 3745816"/>
              <a:gd name="connsiteY7" fmla="*/ 2026790 h 3316502"/>
              <a:gd name="connsiteX8" fmla="*/ 3185000 w 3745816"/>
              <a:gd name="connsiteY8" fmla="*/ 1670667 h 3316502"/>
              <a:gd name="connsiteX9" fmla="*/ 3244509 w 3745816"/>
              <a:gd name="connsiteY9" fmla="*/ 1692418 h 3316502"/>
              <a:gd name="connsiteX10" fmla="*/ 3380986 w 3745816"/>
              <a:gd name="connsiteY10" fmla="*/ 1856191 h 3316502"/>
              <a:gd name="connsiteX11" fmla="*/ 3599350 w 3745816"/>
              <a:gd name="connsiteY11" fmla="*/ 1903959 h 3316502"/>
              <a:gd name="connsiteX12" fmla="*/ 3735827 w 3745816"/>
              <a:gd name="connsiteY12" fmla="*/ 2142795 h 3316502"/>
              <a:gd name="connsiteX13" fmla="*/ 3572054 w 3745816"/>
              <a:gd name="connsiteY13" fmla="*/ 2620466 h 3316502"/>
              <a:gd name="connsiteX14" fmla="*/ 3551583 w 3745816"/>
              <a:gd name="connsiteY14" fmla="*/ 3316502 h 3316502"/>
              <a:gd name="connsiteX15" fmla="*/ 3292276 w 3745816"/>
              <a:gd name="connsiteY15" fmla="*/ 3302855 h 3316502"/>
              <a:gd name="connsiteX16" fmla="*/ 3271804 w 3745816"/>
              <a:gd name="connsiteY16" fmla="*/ 2511284 h 3316502"/>
              <a:gd name="connsiteX17" fmla="*/ 3278628 w 3745816"/>
              <a:gd name="connsiteY17" fmla="*/ 2272449 h 3316502"/>
              <a:gd name="connsiteX18" fmla="*/ 3128502 w 3745816"/>
              <a:gd name="connsiteY18" fmla="*/ 2108675 h 3316502"/>
              <a:gd name="connsiteX19" fmla="*/ 2869195 w 3745816"/>
              <a:gd name="connsiteY19" fmla="*/ 2019965 h 3316502"/>
              <a:gd name="connsiteX20" fmla="*/ 3185000 w 3745816"/>
              <a:gd name="connsiteY20" fmla="*/ 1670667 h 3316502"/>
              <a:gd name="connsiteX21" fmla="*/ 560816 w 3745816"/>
              <a:gd name="connsiteY21" fmla="*/ 1670667 h 3316502"/>
              <a:gd name="connsiteX22" fmla="*/ 876621 w 3745816"/>
              <a:gd name="connsiteY22" fmla="*/ 2019965 h 3316502"/>
              <a:gd name="connsiteX23" fmla="*/ 617314 w 3745816"/>
              <a:gd name="connsiteY23" fmla="*/ 2108675 h 3316502"/>
              <a:gd name="connsiteX24" fmla="*/ 467188 w 3745816"/>
              <a:gd name="connsiteY24" fmla="*/ 2272449 h 3316502"/>
              <a:gd name="connsiteX25" fmla="*/ 474012 w 3745816"/>
              <a:gd name="connsiteY25" fmla="*/ 2511284 h 3316502"/>
              <a:gd name="connsiteX26" fmla="*/ 453540 w 3745816"/>
              <a:gd name="connsiteY26" fmla="*/ 3302855 h 3316502"/>
              <a:gd name="connsiteX27" fmla="*/ 194233 w 3745816"/>
              <a:gd name="connsiteY27" fmla="*/ 3316502 h 3316502"/>
              <a:gd name="connsiteX28" fmla="*/ 173762 w 3745816"/>
              <a:gd name="connsiteY28" fmla="*/ 2620466 h 3316502"/>
              <a:gd name="connsiteX29" fmla="*/ 9989 w 3745816"/>
              <a:gd name="connsiteY29" fmla="*/ 2142795 h 3316502"/>
              <a:gd name="connsiteX30" fmla="*/ 146466 w 3745816"/>
              <a:gd name="connsiteY30" fmla="*/ 1903959 h 3316502"/>
              <a:gd name="connsiteX31" fmla="*/ 364830 w 3745816"/>
              <a:gd name="connsiteY31" fmla="*/ 1856191 h 3316502"/>
              <a:gd name="connsiteX32" fmla="*/ 501307 w 3745816"/>
              <a:gd name="connsiteY32" fmla="*/ 1692418 h 3316502"/>
              <a:gd name="connsiteX33" fmla="*/ 560816 w 3745816"/>
              <a:gd name="connsiteY33" fmla="*/ 1670667 h 3316502"/>
              <a:gd name="connsiteX34" fmla="*/ 2609647 w 3745816"/>
              <a:gd name="connsiteY34" fmla="*/ 1003649 h 3316502"/>
              <a:gd name="connsiteX35" fmla="*/ 2234575 w 3745816"/>
              <a:gd name="connsiteY35" fmla="*/ 1385343 h 3316502"/>
              <a:gd name="connsiteX36" fmla="*/ 1968444 w 3745816"/>
              <a:gd name="connsiteY36" fmla="*/ 1951725 h 3316502"/>
              <a:gd name="connsiteX37" fmla="*/ 2248223 w 3745816"/>
              <a:gd name="connsiteY37" fmla="*/ 1897134 h 3316502"/>
              <a:gd name="connsiteX38" fmla="*/ 2644008 w 3745816"/>
              <a:gd name="connsiteY38" fmla="*/ 1010029 h 3316502"/>
              <a:gd name="connsiteX39" fmla="*/ 2609647 w 3745816"/>
              <a:gd name="connsiteY39" fmla="*/ 1003649 h 3316502"/>
              <a:gd name="connsiteX40" fmla="*/ 1136169 w 3745816"/>
              <a:gd name="connsiteY40" fmla="*/ 1003649 h 3316502"/>
              <a:gd name="connsiteX41" fmla="*/ 1101808 w 3745816"/>
              <a:gd name="connsiteY41" fmla="*/ 1010029 h 3316502"/>
              <a:gd name="connsiteX42" fmla="*/ 1497593 w 3745816"/>
              <a:gd name="connsiteY42" fmla="*/ 1897134 h 3316502"/>
              <a:gd name="connsiteX43" fmla="*/ 1777372 w 3745816"/>
              <a:gd name="connsiteY43" fmla="*/ 1951725 h 3316502"/>
              <a:gd name="connsiteX44" fmla="*/ 1511241 w 3745816"/>
              <a:gd name="connsiteY44" fmla="*/ 1385343 h 3316502"/>
              <a:gd name="connsiteX45" fmla="*/ 1136169 w 3745816"/>
              <a:gd name="connsiteY45" fmla="*/ 1003649 h 3316502"/>
              <a:gd name="connsiteX46" fmla="*/ 665081 w 3745816"/>
              <a:gd name="connsiteY46" fmla="*/ 96 h 3316502"/>
              <a:gd name="connsiteX47" fmla="*/ 1862679 w 3745816"/>
              <a:gd name="connsiteY47" fmla="*/ 634117 h 3316502"/>
              <a:gd name="connsiteX48" fmla="*/ 3080735 w 3745816"/>
              <a:gd name="connsiteY48" fmla="*/ 96 h 3316502"/>
              <a:gd name="connsiteX49" fmla="*/ 3619822 w 3745816"/>
              <a:gd name="connsiteY49" fmla="*/ 921320 h 3316502"/>
              <a:gd name="connsiteX50" fmla="*/ 3456049 w 3745816"/>
              <a:gd name="connsiteY50" fmla="*/ 955441 h 3316502"/>
              <a:gd name="connsiteX51" fmla="*/ 3189917 w 3745816"/>
              <a:gd name="connsiteY51" fmla="*/ 1317105 h 3316502"/>
              <a:gd name="connsiteX52" fmla="*/ 3155798 w 3745816"/>
              <a:gd name="connsiteY52" fmla="*/ 1596884 h 3316502"/>
              <a:gd name="connsiteX53" fmla="*/ 2848723 w 3745816"/>
              <a:gd name="connsiteY53" fmla="*/ 1842544 h 3316502"/>
              <a:gd name="connsiteX54" fmla="*/ 2650831 w 3745816"/>
              <a:gd name="connsiteY54" fmla="*/ 2518108 h 3316502"/>
              <a:gd name="connsiteX55" fmla="*/ 2193630 w 3745816"/>
              <a:gd name="connsiteY55" fmla="*/ 2531756 h 3316502"/>
              <a:gd name="connsiteX56" fmla="*/ 1941147 w 3745816"/>
              <a:gd name="connsiteY56" fmla="*/ 2211033 h 3316502"/>
              <a:gd name="connsiteX57" fmla="*/ 1872908 w 3745816"/>
              <a:gd name="connsiteY57" fmla="*/ 2313392 h 3316502"/>
              <a:gd name="connsiteX58" fmla="*/ 1804669 w 3745816"/>
              <a:gd name="connsiteY58" fmla="*/ 2211033 h 3316502"/>
              <a:gd name="connsiteX59" fmla="*/ 1552186 w 3745816"/>
              <a:gd name="connsiteY59" fmla="*/ 2531756 h 3316502"/>
              <a:gd name="connsiteX60" fmla="*/ 1094985 w 3745816"/>
              <a:gd name="connsiteY60" fmla="*/ 2518108 h 3316502"/>
              <a:gd name="connsiteX61" fmla="*/ 897093 w 3745816"/>
              <a:gd name="connsiteY61" fmla="*/ 1842544 h 3316502"/>
              <a:gd name="connsiteX62" fmla="*/ 590018 w 3745816"/>
              <a:gd name="connsiteY62" fmla="*/ 1596884 h 3316502"/>
              <a:gd name="connsiteX63" fmla="*/ 555899 w 3745816"/>
              <a:gd name="connsiteY63" fmla="*/ 1317105 h 3316502"/>
              <a:gd name="connsiteX64" fmla="*/ 380265 w 3745816"/>
              <a:gd name="connsiteY64" fmla="*/ 1173717 h 3316502"/>
              <a:gd name="connsiteX65" fmla="*/ 289767 w 3745816"/>
              <a:gd name="connsiteY65" fmla="*/ 1006142 h 3316502"/>
              <a:gd name="connsiteX66" fmla="*/ 125994 w 3745816"/>
              <a:gd name="connsiteY66" fmla="*/ 921320 h 3316502"/>
              <a:gd name="connsiteX67" fmla="*/ 665081 w 3745816"/>
              <a:gd name="connsiteY67" fmla="*/ 96 h 3316502"/>
              <a:gd name="connsiteX0" fmla="*/ 2500704 w 3745816"/>
              <a:gd name="connsiteY0" fmla="*/ 2026790 h 3316502"/>
              <a:gd name="connsiteX1" fmla="*/ 2261868 w 3745816"/>
              <a:gd name="connsiteY1" fmla="*/ 2108676 h 3316502"/>
              <a:gd name="connsiteX2" fmla="*/ 2364227 w 3745816"/>
              <a:gd name="connsiteY2" fmla="*/ 2313393 h 3316502"/>
              <a:gd name="connsiteX3" fmla="*/ 2500704 w 3745816"/>
              <a:gd name="connsiteY3" fmla="*/ 2026790 h 3316502"/>
              <a:gd name="connsiteX4" fmla="*/ 1245112 w 3745816"/>
              <a:gd name="connsiteY4" fmla="*/ 2026790 h 3316502"/>
              <a:gd name="connsiteX5" fmla="*/ 1381589 w 3745816"/>
              <a:gd name="connsiteY5" fmla="*/ 2313393 h 3316502"/>
              <a:gd name="connsiteX6" fmla="*/ 1483948 w 3745816"/>
              <a:gd name="connsiteY6" fmla="*/ 2108676 h 3316502"/>
              <a:gd name="connsiteX7" fmla="*/ 1245112 w 3745816"/>
              <a:gd name="connsiteY7" fmla="*/ 2026790 h 3316502"/>
              <a:gd name="connsiteX8" fmla="*/ 3185000 w 3745816"/>
              <a:gd name="connsiteY8" fmla="*/ 1670667 h 3316502"/>
              <a:gd name="connsiteX9" fmla="*/ 3244509 w 3745816"/>
              <a:gd name="connsiteY9" fmla="*/ 1692418 h 3316502"/>
              <a:gd name="connsiteX10" fmla="*/ 3380986 w 3745816"/>
              <a:gd name="connsiteY10" fmla="*/ 1856191 h 3316502"/>
              <a:gd name="connsiteX11" fmla="*/ 3599350 w 3745816"/>
              <a:gd name="connsiteY11" fmla="*/ 1903959 h 3316502"/>
              <a:gd name="connsiteX12" fmla="*/ 3735827 w 3745816"/>
              <a:gd name="connsiteY12" fmla="*/ 2142795 h 3316502"/>
              <a:gd name="connsiteX13" fmla="*/ 3572054 w 3745816"/>
              <a:gd name="connsiteY13" fmla="*/ 2620466 h 3316502"/>
              <a:gd name="connsiteX14" fmla="*/ 3551583 w 3745816"/>
              <a:gd name="connsiteY14" fmla="*/ 3316502 h 3316502"/>
              <a:gd name="connsiteX15" fmla="*/ 3292276 w 3745816"/>
              <a:gd name="connsiteY15" fmla="*/ 3302855 h 3316502"/>
              <a:gd name="connsiteX16" fmla="*/ 3271804 w 3745816"/>
              <a:gd name="connsiteY16" fmla="*/ 2511284 h 3316502"/>
              <a:gd name="connsiteX17" fmla="*/ 3278628 w 3745816"/>
              <a:gd name="connsiteY17" fmla="*/ 2272449 h 3316502"/>
              <a:gd name="connsiteX18" fmla="*/ 3128502 w 3745816"/>
              <a:gd name="connsiteY18" fmla="*/ 2108675 h 3316502"/>
              <a:gd name="connsiteX19" fmla="*/ 2869195 w 3745816"/>
              <a:gd name="connsiteY19" fmla="*/ 2019965 h 3316502"/>
              <a:gd name="connsiteX20" fmla="*/ 3185000 w 3745816"/>
              <a:gd name="connsiteY20" fmla="*/ 1670667 h 3316502"/>
              <a:gd name="connsiteX21" fmla="*/ 560816 w 3745816"/>
              <a:gd name="connsiteY21" fmla="*/ 1670667 h 3316502"/>
              <a:gd name="connsiteX22" fmla="*/ 876621 w 3745816"/>
              <a:gd name="connsiteY22" fmla="*/ 2019965 h 3316502"/>
              <a:gd name="connsiteX23" fmla="*/ 617314 w 3745816"/>
              <a:gd name="connsiteY23" fmla="*/ 2108675 h 3316502"/>
              <a:gd name="connsiteX24" fmla="*/ 467188 w 3745816"/>
              <a:gd name="connsiteY24" fmla="*/ 2272449 h 3316502"/>
              <a:gd name="connsiteX25" fmla="*/ 474012 w 3745816"/>
              <a:gd name="connsiteY25" fmla="*/ 2511284 h 3316502"/>
              <a:gd name="connsiteX26" fmla="*/ 453540 w 3745816"/>
              <a:gd name="connsiteY26" fmla="*/ 3302855 h 3316502"/>
              <a:gd name="connsiteX27" fmla="*/ 194233 w 3745816"/>
              <a:gd name="connsiteY27" fmla="*/ 3316502 h 3316502"/>
              <a:gd name="connsiteX28" fmla="*/ 173762 w 3745816"/>
              <a:gd name="connsiteY28" fmla="*/ 2620466 h 3316502"/>
              <a:gd name="connsiteX29" fmla="*/ 9989 w 3745816"/>
              <a:gd name="connsiteY29" fmla="*/ 2142795 h 3316502"/>
              <a:gd name="connsiteX30" fmla="*/ 146466 w 3745816"/>
              <a:gd name="connsiteY30" fmla="*/ 1903959 h 3316502"/>
              <a:gd name="connsiteX31" fmla="*/ 364830 w 3745816"/>
              <a:gd name="connsiteY31" fmla="*/ 1856191 h 3316502"/>
              <a:gd name="connsiteX32" fmla="*/ 501307 w 3745816"/>
              <a:gd name="connsiteY32" fmla="*/ 1692418 h 3316502"/>
              <a:gd name="connsiteX33" fmla="*/ 560816 w 3745816"/>
              <a:gd name="connsiteY33" fmla="*/ 1670667 h 3316502"/>
              <a:gd name="connsiteX34" fmla="*/ 2609647 w 3745816"/>
              <a:gd name="connsiteY34" fmla="*/ 1003649 h 3316502"/>
              <a:gd name="connsiteX35" fmla="*/ 2234575 w 3745816"/>
              <a:gd name="connsiteY35" fmla="*/ 1385343 h 3316502"/>
              <a:gd name="connsiteX36" fmla="*/ 1968444 w 3745816"/>
              <a:gd name="connsiteY36" fmla="*/ 1951725 h 3316502"/>
              <a:gd name="connsiteX37" fmla="*/ 2248223 w 3745816"/>
              <a:gd name="connsiteY37" fmla="*/ 1897134 h 3316502"/>
              <a:gd name="connsiteX38" fmla="*/ 2644008 w 3745816"/>
              <a:gd name="connsiteY38" fmla="*/ 1010029 h 3316502"/>
              <a:gd name="connsiteX39" fmla="*/ 2609647 w 3745816"/>
              <a:gd name="connsiteY39" fmla="*/ 1003649 h 3316502"/>
              <a:gd name="connsiteX40" fmla="*/ 1136169 w 3745816"/>
              <a:gd name="connsiteY40" fmla="*/ 1003649 h 3316502"/>
              <a:gd name="connsiteX41" fmla="*/ 1101808 w 3745816"/>
              <a:gd name="connsiteY41" fmla="*/ 1010029 h 3316502"/>
              <a:gd name="connsiteX42" fmla="*/ 1497593 w 3745816"/>
              <a:gd name="connsiteY42" fmla="*/ 1897134 h 3316502"/>
              <a:gd name="connsiteX43" fmla="*/ 1777372 w 3745816"/>
              <a:gd name="connsiteY43" fmla="*/ 1951725 h 3316502"/>
              <a:gd name="connsiteX44" fmla="*/ 1511241 w 3745816"/>
              <a:gd name="connsiteY44" fmla="*/ 1385343 h 3316502"/>
              <a:gd name="connsiteX45" fmla="*/ 1136169 w 3745816"/>
              <a:gd name="connsiteY45" fmla="*/ 1003649 h 3316502"/>
              <a:gd name="connsiteX46" fmla="*/ 665081 w 3745816"/>
              <a:gd name="connsiteY46" fmla="*/ 96 h 3316502"/>
              <a:gd name="connsiteX47" fmla="*/ 1862679 w 3745816"/>
              <a:gd name="connsiteY47" fmla="*/ 634117 h 3316502"/>
              <a:gd name="connsiteX48" fmla="*/ 3080735 w 3745816"/>
              <a:gd name="connsiteY48" fmla="*/ 96 h 3316502"/>
              <a:gd name="connsiteX49" fmla="*/ 3619822 w 3745816"/>
              <a:gd name="connsiteY49" fmla="*/ 921320 h 3316502"/>
              <a:gd name="connsiteX50" fmla="*/ 3456049 w 3745816"/>
              <a:gd name="connsiteY50" fmla="*/ 955441 h 3316502"/>
              <a:gd name="connsiteX51" fmla="*/ 3189917 w 3745816"/>
              <a:gd name="connsiteY51" fmla="*/ 1317105 h 3316502"/>
              <a:gd name="connsiteX52" fmla="*/ 3155798 w 3745816"/>
              <a:gd name="connsiteY52" fmla="*/ 1596884 h 3316502"/>
              <a:gd name="connsiteX53" fmla="*/ 2848723 w 3745816"/>
              <a:gd name="connsiteY53" fmla="*/ 1842544 h 3316502"/>
              <a:gd name="connsiteX54" fmla="*/ 2650831 w 3745816"/>
              <a:gd name="connsiteY54" fmla="*/ 2518108 h 3316502"/>
              <a:gd name="connsiteX55" fmla="*/ 2193630 w 3745816"/>
              <a:gd name="connsiteY55" fmla="*/ 2531756 h 3316502"/>
              <a:gd name="connsiteX56" fmla="*/ 1941147 w 3745816"/>
              <a:gd name="connsiteY56" fmla="*/ 2211033 h 3316502"/>
              <a:gd name="connsiteX57" fmla="*/ 1872908 w 3745816"/>
              <a:gd name="connsiteY57" fmla="*/ 2313392 h 3316502"/>
              <a:gd name="connsiteX58" fmla="*/ 1804669 w 3745816"/>
              <a:gd name="connsiteY58" fmla="*/ 2211033 h 3316502"/>
              <a:gd name="connsiteX59" fmla="*/ 1552186 w 3745816"/>
              <a:gd name="connsiteY59" fmla="*/ 2531756 h 3316502"/>
              <a:gd name="connsiteX60" fmla="*/ 1094985 w 3745816"/>
              <a:gd name="connsiteY60" fmla="*/ 2518108 h 3316502"/>
              <a:gd name="connsiteX61" fmla="*/ 897093 w 3745816"/>
              <a:gd name="connsiteY61" fmla="*/ 1842544 h 3316502"/>
              <a:gd name="connsiteX62" fmla="*/ 590018 w 3745816"/>
              <a:gd name="connsiteY62" fmla="*/ 1596884 h 3316502"/>
              <a:gd name="connsiteX63" fmla="*/ 555899 w 3745816"/>
              <a:gd name="connsiteY63" fmla="*/ 1317105 h 3316502"/>
              <a:gd name="connsiteX64" fmla="*/ 380265 w 3745816"/>
              <a:gd name="connsiteY64" fmla="*/ 1173717 h 3316502"/>
              <a:gd name="connsiteX65" fmla="*/ 289767 w 3745816"/>
              <a:gd name="connsiteY65" fmla="*/ 1006142 h 3316502"/>
              <a:gd name="connsiteX66" fmla="*/ 125994 w 3745816"/>
              <a:gd name="connsiteY66" fmla="*/ 921320 h 3316502"/>
              <a:gd name="connsiteX67" fmla="*/ 665081 w 3745816"/>
              <a:gd name="connsiteY67" fmla="*/ 96 h 3316502"/>
              <a:gd name="connsiteX0" fmla="*/ 2500704 w 3745816"/>
              <a:gd name="connsiteY0" fmla="*/ 2026790 h 3316502"/>
              <a:gd name="connsiteX1" fmla="*/ 2261868 w 3745816"/>
              <a:gd name="connsiteY1" fmla="*/ 2108676 h 3316502"/>
              <a:gd name="connsiteX2" fmla="*/ 2364227 w 3745816"/>
              <a:gd name="connsiteY2" fmla="*/ 2313393 h 3316502"/>
              <a:gd name="connsiteX3" fmla="*/ 2500704 w 3745816"/>
              <a:gd name="connsiteY3" fmla="*/ 2026790 h 3316502"/>
              <a:gd name="connsiteX4" fmla="*/ 1245112 w 3745816"/>
              <a:gd name="connsiteY4" fmla="*/ 2026790 h 3316502"/>
              <a:gd name="connsiteX5" fmla="*/ 1381589 w 3745816"/>
              <a:gd name="connsiteY5" fmla="*/ 2313393 h 3316502"/>
              <a:gd name="connsiteX6" fmla="*/ 1483948 w 3745816"/>
              <a:gd name="connsiteY6" fmla="*/ 2108676 h 3316502"/>
              <a:gd name="connsiteX7" fmla="*/ 1245112 w 3745816"/>
              <a:gd name="connsiteY7" fmla="*/ 2026790 h 3316502"/>
              <a:gd name="connsiteX8" fmla="*/ 3185000 w 3745816"/>
              <a:gd name="connsiteY8" fmla="*/ 1670667 h 3316502"/>
              <a:gd name="connsiteX9" fmla="*/ 3244509 w 3745816"/>
              <a:gd name="connsiteY9" fmla="*/ 1692418 h 3316502"/>
              <a:gd name="connsiteX10" fmla="*/ 3380986 w 3745816"/>
              <a:gd name="connsiteY10" fmla="*/ 1856191 h 3316502"/>
              <a:gd name="connsiteX11" fmla="*/ 3599350 w 3745816"/>
              <a:gd name="connsiteY11" fmla="*/ 1903959 h 3316502"/>
              <a:gd name="connsiteX12" fmla="*/ 3735827 w 3745816"/>
              <a:gd name="connsiteY12" fmla="*/ 2142795 h 3316502"/>
              <a:gd name="connsiteX13" fmla="*/ 3572054 w 3745816"/>
              <a:gd name="connsiteY13" fmla="*/ 2620466 h 3316502"/>
              <a:gd name="connsiteX14" fmla="*/ 3551583 w 3745816"/>
              <a:gd name="connsiteY14" fmla="*/ 3316502 h 3316502"/>
              <a:gd name="connsiteX15" fmla="*/ 3292276 w 3745816"/>
              <a:gd name="connsiteY15" fmla="*/ 3302855 h 3316502"/>
              <a:gd name="connsiteX16" fmla="*/ 3271804 w 3745816"/>
              <a:gd name="connsiteY16" fmla="*/ 2511284 h 3316502"/>
              <a:gd name="connsiteX17" fmla="*/ 3278628 w 3745816"/>
              <a:gd name="connsiteY17" fmla="*/ 2272449 h 3316502"/>
              <a:gd name="connsiteX18" fmla="*/ 3128502 w 3745816"/>
              <a:gd name="connsiteY18" fmla="*/ 2108675 h 3316502"/>
              <a:gd name="connsiteX19" fmla="*/ 2869195 w 3745816"/>
              <a:gd name="connsiteY19" fmla="*/ 2019965 h 3316502"/>
              <a:gd name="connsiteX20" fmla="*/ 3185000 w 3745816"/>
              <a:gd name="connsiteY20" fmla="*/ 1670667 h 3316502"/>
              <a:gd name="connsiteX21" fmla="*/ 560816 w 3745816"/>
              <a:gd name="connsiteY21" fmla="*/ 1670667 h 3316502"/>
              <a:gd name="connsiteX22" fmla="*/ 876621 w 3745816"/>
              <a:gd name="connsiteY22" fmla="*/ 2019965 h 3316502"/>
              <a:gd name="connsiteX23" fmla="*/ 617314 w 3745816"/>
              <a:gd name="connsiteY23" fmla="*/ 2108675 h 3316502"/>
              <a:gd name="connsiteX24" fmla="*/ 467188 w 3745816"/>
              <a:gd name="connsiteY24" fmla="*/ 2272449 h 3316502"/>
              <a:gd name="connsiteX25" fmla="*/ 474012 w 3745816"/>
              <a:gd name="connsiteY25" fmla="*/ 2511284 h 3316502"/>
              <a:gd name="connsiteX26" fmla="*/ 453540 w 3745816"/>
              <a:gd name="connsiteY26" fmla="*/ 3302855 h 3316502"/>
              <a:gd name="connsiteX27" fmla="*/ 194233 w 3745816"/>
              <a:gd name="connsiteY27" fmla="*/ 3316502 h 3316502"/>
              <a:gd name="connsiteX28" fmla="*/ 173762 w 3745816"/>
              <a:gd name="connsiteY28" fmla="*/ 2620466 h 3316502"/>
              <a:gd name="connsiteX29" fmla="*/ 9989 w 3745816"/>
              <a:gd name="connsiteY29" fmla="*/ 2142795 h 3316502"/>
              <a:gd name="connsiteX30" fmla="*/ 146466 w 3745816"/>
              <a:gd name="connsiteY30" fmla="*/ 1903959 h 3316502"/>
              <a:gd name="connsiteX31" fmla="*/ 364830 w 3745816"/>
              <a:gd name="connsiteY31" fmla="*/ 1856191 h 3316502"/>
              <a:gd name="connsiteX32" fmla="*/ 501307 w 3745816"/>
              <a:gd name="connsiteY32" fmla="*/ 1692418 h 3316502"/>
              <a:gd name="connsiteX33" fmla="*/ 560816 w 3745816"/>
              <a:gd name="connsiteY33" fmla="*/ 1670667 h 3316502"/>
              <a:gd name="connsiteX34" fmla="*/ 2609647 w 3745816"/>
              <a:gd name="connsiteY34" fmla="*/ 1003649 h 3316502"/>
              <a:gd name="connsiteX35" fmla="*/ 2234575 w 3745816"/>
              <a:gd name="connsiteY35" fmla="*/ 1385343 h 3316502"/>
              <a:gd name="connsiteX36" fmla="*/ 1968444 w 3745816"/>
              <a:gd name="connsiteY36" fmla="*/ 1951725 h 3316502"/>
              <a:gd name="connsiteX37" fmla="*/ 2248223 w 3745816"/>
              <a:gd name="connsiteY37" fmla="*/ 1897134 h 3316502"/>
              <a:gd name="connsiteX38" fmla="*/ 2644008 w 3745816"/>
              <a:gd name="connsiteY38" fmla="*/ 1010029 h 3316502"/>
              <a:gd name="connsiteX39" fmla="*/ 2609647 w 3745816"/>
              <a:gd name="connsiteY39" fmla="*/ 1003649 h 3316502"/>
              <a:gd name="connsiteX40" fmla="*/ 1136169 w 3745816"/>
              <a:gd name="connsiteY40" fmla="*/ 1003649 h 3316502"/>
              <a:gd name="connsiteX41" fmla="*/ 1101808 w 3745816"/>
              <a:gd name="connsiteY41" fmla="*/ 1010029 h 3316502"/>
              <a:gd name="connsiteX42" fmla="*/ 1497593 w 3745816"/>
              <a:gd name="connsiteY42" fmla="*/ 1897134 h 3316502"/>
              <a:gd name="connsiteX43" fmla="*/ 1777372 w 3745816"/>
              <a:gd name="connsiteY43" fmla="*/ 1951725 h 3316502"/>
              <a:gd name="connsiteX44" fmla="*/ 1511241 w 3745816"/>
              <a:gd name="connsiteY44" fmla="*/ 1385343 h 3316502"/>
              <a:gd name="connsiteX45" fmla="*/ 1136169 w 3745816"/>
              <a:gd name="connsiteY45" fmla="*/ 1003649 h 3316502"/>
              <a:gd name="connsiteX46" fmla="*/ 665081 w 3745816"/>
              <a:gd name="connsiteY46" fmla="*/ 96 h 3316502"/>
              <a:gd name="connsiteX47" fmla="*/ 1862679 w 3745816"/>
              <a:gd name="connsiteY47" fmla="*/ 634117 h 3316502"/>
              <a:gd name="connsiteX48" fmla="*/ 3080735 w 3745816"/>
              <a:gd name="connsiteY48" fmla="*/ 96 h 3316502"/>
              <a:gd name="connsiteX49" fmla="*/ 3619822 w 3745816"/>
              <a:gd name="connsiteY49" fmla="*/ 921320 h 3316502"/>
              <a:gd name="connsiteX50" fmla="*/ 3456049 w 3745816"/>
              <a:gd name="connsiteY50" fmla="*/ 955441 h 3316502"/>
              <a:gd name="connsiteX51" fmla="*/ 3370271 w 3745816"/>
              <a:gd name="connsiteY51" fmla="*/ 1159232 h 3316502"/>
              <a:gd name="connsiteX52" fmla="*/ 3189917 w 3745816"/>
              <a:gd name="connsiteY52" fmla="*/ 1317105 h 3316502"/>
              <a:gd name="connsiteX53" fmla="*/ 3155798 w 3745816"/>
              <a:gd name="connsiteY53" fmla="*/ 1596884 h 3316502"/>
              <a:gd name="connsiteX54" fmla="*/ 2848723 w 3745816"/>
              <a:gd name="connsiteY54" fmla="*/ 1842544 h 3316502"/>
              <a:gd name="connsiteX55" fmla="*/ 2650831 w 3745816"/>
              <a:gd name="connsiteY55" fmla="*/ 2518108 h 3316502"/>
              <a:gd name="connsiteX56" fmla="*/ 2193630 w 3745816"/>
              <a:gd name="connsiteY56" fmla="*/ 2531756 h 3316502"/>
              <a:gd name="connsiteX57" fmla="*/ 1941147 w 3745816"/>
              <a:gd name="connsiteY57" fmla="*/ 2211033 h 3316502"/>
              <a:gd name="connsiteX58" fmla="*/ 1872908 w 3745816"/>
              <a:gd name="connsiteY58" fmla="*/ 2313392 h 3316502"/>
              <a:gd name="connsiteX59" fmla="*/ 1804669 w 3745816"/>
              <a:gd name="connsiteY59" fmla="*/ 2211033 h 3316502"/>
              <a:gd name="connsiteX60" fmla="*/ 1552186 w 3745816"/>
              <a:gd name="connsiteY60" fmla="*/ 2531756 h 3316502"/>
              <a:gd name="connsiteX61" fmla="*/ 1094985 w 3745816"/>
              <a:gd name="connsiteY61" fmla="*/ 2518108 h 3316502"/>
              <a:gd name="connsiteX62" fmla="*/ 897093 w 3745816"/>
              <a:gd name="connsiteY62" fmla="*/ 1842544 h 3316502"/>
              <a:gd name="connsiteX63" fmla="*/ 590018 w 3745816"/>
              <a:gd name="connsiteY63" fmla="*/ 1596884 h 3316502"/>
              <a:gd name="connsiteX64" fmla="*/ 555899 w 3745816"/>
              <a:gd name="connsiteY64" fmla="*/ 1317105 h 3316502"/>
              <a:gd name="connsiteX65" fmla="*/ 380265 w 3745816"/>
              <a:gd name="connsiteY65" fmla="*/ 1173717 h 3316502"/>
              <a:gd name="connsiteX66" fmla="*/ 289767 w 3745816"/>
              <a:gd name="connsiteY66" fmla="*/ 1006142 h 3316502"/>
              <a:gd name="connsiteX67" fmla="*/ 125994 w 3745816"/>
              <a:gd name="connsiteY67" fmla="*/ 921320 h 3316502"/>
              <a:gd name="connsiteX68" fmla="*/ 665081 w 3745816"/>
              <a:gd name="connsiteY68" fmla="*/ 96 h 3316502"/>
              <a:gd name="connsiteX0" fmla="*/ 2500704 w 3745816"/>
              <a:gd name="connsiteY0" fmla="*/ 2026790 h 3316502"/>
              <a:gd name="connsiteX1" fmla="*/ 2261868 w 3745816"/>
              <a:gd name="connsiteY1" fmla="*/ 2108676 h 3316502"/>
              <a:gd name="connsiteX2" fmla="*/ 2364227 w 3745816"/>
              <a:gd name="connsiteY2" fmla="*/ 2313393 h 3316502"/>
              <a:gd name="connsiteX3" fmla="*/ 2500704 w 3745816"/>
              <a:gd name="connsiteY3" fmla="*/ 2026790 h 3316502"/>
              <a:gd name="connsiteX4" fmla="*/ 1245112 w 3745816"/>
              <a:gd name="connsiteY4" fmla="*/ 2026790 h 3316502"/>
              <a:gd name="connsiteX5" fmla="*/ 1381589 w 3745816"/>
              <a:gd name="connsiteY5" fmla="*/ 2313393 h 3316502"/>
              <a:gd name="connsiteX6" fmla="*/ 1483948 w 3745816"/>
              <a:gd name="connsiteY6" fmla="*/ 2108676 h 3316502"/>
              <a:gd name="connsiteX7" fmla="*/ 1245112 w 3745816"/>
              <a:gd name="connsiteY7" fmla="*/ 2026790 h 3316502"/>
              <a:gd name="connsiteX8" fmla="*/ 3185000 w 3745816"/>
              <a:gd name="connsiteY8" fmla="*/ 1670667 h 3316502"/>
              <a:gd name="connsiteX9" fmla="*/ 3244509 w 3745816"/>
              <a:gd name="connsiteY9" fmla="*/ 1692418 h 3316502"/>
              <a:gd name="connsiteX10" fmla="*/ 3380986 w 3745816"/>
              <a:gd name="connsiteY10" fmla="*/ 1856191 h 3316502"/>
              <a:gd name="connsiteX11" fmla="*/ 3599350 w 3745816"/>
              <a:gd name="connsiteY11" fmla="*/ 1903959 h 3316502"/>
              <a:gd name="connsiteX12" fmla="*/ 3735827 w 3745816"/>
              <a:gd name="connsiteY12" fmla="*/ 2142795 h 3316502"/>
              <a:gd name="connsiteX13" fmla="*/ 3572054 w 3745816"/>
              <a:gd name="connsiteY13" fmla="*/ 2620466 h 3316502"/>
              <a:gd name="connsiteX14" fmla="*/ 3551583 w 3745816"/>
              <a:gd name="connsiteY14" fmla="*/ 3316502 h 3316502"/>
              <a:gd name="connsiteX15" fmla="*/ 3292276 w 3745816"/>
              <a:gd name="connsiteY15" fmla="*/ 3302855 h 3316502"/>
              <a:gd name="connsiteX16" fmla="*/ 3271804 w 3745816"/>
              <a:gd name="connsiteY16" fmla="*/ 2511284 h 3316502"/>
              <a:gd name="connsiteX17" fmla="*/ 3278628 w 3745816"/>
              <a:gd name="connsiteY17" fmla="*/ 2272449 h 3316502"/>
              <a:gd name="connsiteX18" fmla="*/ 3128502 w 3745816"/>
              <a:gd name="connsiteY18" fmla="*/ 2108675 h 3316502"/>
              <a:gd name="connsiteX19" fmla="*/ 2869195 w 3745816"/>
              <a:gd name="connsiteY19" fmla="*/ 2019965 h 3316502"/>
              <a:gd name="connsiteX20" fmla="*/ 3185000 w 3745816"/>
              <a:gd name="connsiteY20" fmla="*/ 1670667 h 3316502"/>
              <a:gd name="connsiteX21" fmla="*/ 560816 w 3745816"/>
              <a:gd name="connsiteY21" fmla="*/ 1670667 h 3316502"/>
              <a:gd name="connsiteX22" fmla="*/ 876621 w 3745816"/>
              <a:gd name="connsiteY22" fmla="*/ 2019965 h 3316502"/>
              <a:gd name="connsiteX23" fmla="*/ 617314 w 3745816"/>
              <a:gd name="connsiteY23" fmla="*/ 2108675 h 3316502"/>
              <a:gd name="connsiteX24" fmla="*/ 467188 w 3745816"/>
              <a:gd name="connsiteY24" fmla="*/ 2272449 h 3316502"/>
              <a:gd name="connsiteX25" fmla="*/ 474012 w 3745816"/>
              <a:gd name="connsiteY25" fmla="*/ 2511284 h 3316502"/>
              <a:gd name="connsiteX26" fmla="*/ 453540 w 3745816"/>
              <a:gd name="connsiteY26" fmla="*/ 3302855 h 3316502"/>
              <a:gd name="connsiteX27" fmla="*/ 194233 w 3745816"/>
              <a:gd name="connsiteY27" fmla="*/ 3316502 h 3316502"/>
              <a:gd name="connsiteX28" fmla="*/ 173762 w 3745816"/>
              <a:gd name="connsiteY28" fmla="*/ 2620466 h 3316502"/>
              <a:gd name="connsiteX29" fmla="*/ 9989 w 3745816"/>
              <a:gd name="connsiteY29" fmla="*/ 2142795 h 3316502"/>
              <a:gd name="connsiteX30" fmla="*/ 146466 w 3745816"/>
              <a:gd name="connsiteY30" fmla="*/ 1903959 h 3316502"/>
              <a:gd name="connsiteX31" fmla="*/ 364830 w 3745816"/>
              <a:gd name="connsiteY31" fmla="*/ 1856191 h 3316502"/>
              <a:gd name="connsiteX32" fmla="*/ 501307 w 3745816"/>
              <a:gd name="connsiteY32" fmla="*/ 1692418 h 3316502"/>
              <a:gd name="connsiteX33" fmla="*/ 560816 w 3745816"/>
              <a:gd name="connsiteY33" fmla="*/ 1670667 h 3316502"/>
              <a:gd name="connsiteX34" fmla="*/ 2609647 w 3745816"/>
              <a:gd name="connsiteY34" fmla="*/ 1003649 h 3316502"/>
              <a:gd name="connsiteX35" fmla="*/ 2234575 w 3745816"/>
              <a:gd name="connsiteY35" fmla="*/ 1385343 h 3316502"/>
              <a:gd name="connsiteX36" fmla="*/ 1968444 w 3745816"/>
              <a:gd name="connsiteY36" fmla="*/ 1951725 h 3316502"/>
              <a:gd name="connsiteX37" fmla="*/ 2248223 w 3745816"/>
              <a:gd name="connsiteY37" fmla="*/ 1897134 h 3316502"/>
              <a:gd name="connsiteX38" fmla="*/ 2644008 w 3745816"/>
              <a:gd name="connsiteY38" fmla="*/ 1010029 h 3316502"/>
              <a:gd name="connsiteX39" fmla="*/ 2609647 w 3745816"/>
              <a:gd name="connsiteY39" fmla="*/ 1003649 h 3316502"/>
              <a:gd name="connsiteX40" fmla="*/ 1136169 w 3745816"/>
              <a:gd name="connsiteY40" fmla="*/ 1003649 h 3316502"/>
              <a:gd name="connsiteX41" fmla="*/ 1101808 w 3745816"/>
              <a:gd name="connsiteY41" fmla="*/ 1010029 h 3316502"/>
              <a:gd name="connsiteX42" fmla="*/ 1497593 w 3745816"/>
              <a:gd name="connsiteY42" fmla="*/ 1897134 h 3316502"/>
              <a:gd name="connsiteX43" fmla="*/ 1777372 w 3745816"/>
              <a:gd name="connsiteY43" fmla="*/ 1951725 h 3316502"/>
              <a:gd name="connsiteX44" fmla="*/ 1511241 w 3745816"/>
              <a:gd name="connsiteY44" fmla="*/ 1385343 h 3316502"/>
              <a:gd name="connsiteX45" fmla="*/ 1136169 w 3745816"/>
              <a:gd name="connsiteY45" fmla="*/ 1003649 h 3316502"/>
              <a:gd name="connsiteX46" fmla="*/ 665081 w 3745816"/>
              <a:gd name="connsiteY46" fmla="*/ 96 h 3316502"/>
              <a:gd name="connsiteX47" fmla="*/ 1862679 w 3745816"/>
              <a:gd name="connsiteY47" fmla="*/ 634117 h 3316502"/>
              <a:gd name="connsiteX48" fmla="*/ 3080735 w 3745816"/>
              <a:gd name="connsiteY48" fmla="*/ 96 h 3316502"/>
              <a:gd name="connsiteX49" fmla="*/ 3619822 w 3745816"/>
              <a:gd name="connsiteY49" fmla="*/ 921320 h 3316502"/>
              <a:gd name="connsiteX50" fmla="*/ 3456049 w 3745816"/>
              <a:gd name="connsiteY50" fmla="*/ 955441 h 3316502"/>
              <a:gd name="connsiteX51" fmla="*/ 3370271 w 3745816"/>
              <a:gd name="connsiteY51" fmla="*/ 1159232 h 3316502"/>
              <a:gd name="connsiteX52" fmla="*/ 3189917 w 3745816"/>
              <a:gd name="connsiteY52" fmla="*/ 1317105 h 3316502"/>
              <a:gd name="connsiteX53" fmla="*/ 3155798 w 3745816"/>
              <a:gd name="connsiteY53" fmla="*/ 1596884 h 3316502"/>
              <a:gd name="connsiteX54" fmla="*/ 2848723 w 3745816"/>
              <a:gd name="connsiteY54" fmla="*/ 1842544 h 3316502"/>
              <a:gd name="connsiteX55" fmla="*/ 2650831 w 3745816"/>
              <a:gd name="connsiteY55" fmla="*/ 2518108 h 3316502"/>
              <a:gd name="connsiteX56" fmla="*/ 2193630 w 3745816"/>
              <a:gd name="connsiteY56" fmla="*/ 2531756 h 3316502"/>
              <a:gd name="connsiteX57" fmla="*/ 1941147 w 3745816"/>
              <a:gd name="connsiteY57" fmla="*/ 2211033 h 3316502"/>
              <a:gd name="connsiteX58" fmla="*/ 1872908 w 3745816"/>
              <a:gd name="connsiteY58" fmla="*/ 2313392 h 3316502"/>
              <a:gd name="connsiteX59" fmla="*/ 1804669 w 3745816"/>
              <a:gd name="connsiteY59" fmla="*/ 2211033 h 3316502"/>
              <a:gd name="connsiteX60" fmla="*/ 1552186 w 3745816"/>
              <a:gd name="connsiteY60" fmla="*/ 2531756 h 3316502"/>
              <a:gd name="connsiteX61" fmla="*/ 1094985 w 3745816"/>
              <a:gd name="connsiteY61" fmla="*/ 2518108 h 3316502"/>
              <a:gd name="connsiteX62" fmla="*/ 897093 w 3745816"/>
              <a:gd name="connsiteY62" fmla="*/ 1842544 h 3316502"/>
              <a:gd name="connsiteX63" fmla="*/ 590018 w 3745816"/>
              <a:gd name="connsiteY63" fmla="*/ 1596884 h 3316502"/>
              <a:gd name="connsiteX64" fmla="*/ 555899 w 3745816"/>
              <a:gd name="connsiteY64" fmla="*/ 1317105 h 3316502"/>
              <a:gd name="connsiteX65" fmla="*/ 380265 w 3745816"/>
              <a:gd name="connsiteY65" fmla="*/ 1173717 h 3316502"/>
              <a:gd name="connsiteX66" fmla="*/ 289767 w 3745816"/>
              <a:gd name="connsiteY66" fmla="*/ 1006142 h 3316502"/>
              <a:gd name="connsiteX67" fmla="*/ 125994 w 3745816"/>
              <a:gd name="connsiteY67" fmla="*/ 921320 h 3316502"/>
              <a:gd name="connsiteX68" fmla="*/ 665081 w 3745816"/>
              <a:gd name="connsiteY68" fmla="*/ 96 h 331650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  <a:cxn ang="0">
                <a:pos x="connsiteX36" y="connsiteY36"/>
              </a:cxn>
              <a:cxn ang="0">
                <a:pos x="connsiteX37" y="connsiteY37"/>
              </a:cxn>
              <a:cxn ang="0">
                <a:pos x="connsiteX38" y="connsiteY38"/>
              </a:cxn>
              <a:cxn ang="0">
                <a:pos x="connsiteX39" y="connsiteY39"/>
              </a:cxn>
              <a:cxn ang="0">
                <a:pos x="connsiteX40" y="connsiteY40"/>
              </a:cxn>
              <a:cxn ang="0">
                <a:pos x="connsiteX41" y="connsiteY41"/>
              </a:cxn>
              <a:cxn ang="0">
                <a:pos x="connsiteX42" y="connsiteY42"/>
              </a:cxn>
              <a:cxn ang="0">
                <a:pos x="connsiteX43" y="connsiteY43"/>
              </a:cxn>
              <a:cxn ang="0">
                <a:pos x="connsiteX44" y="connsiteY44"/>
              </a:cxn>
              <a:cxn ang="0">
                <a:pos x="connsiteX45" y="connsiteY45"/>
              </a:cxn>
              <a:cxn ang="0">
                <a:pos x="connsiteX46" y="connsiteY46"/>
              </a:cxn>
              <a:cxn ang="0">
                <a:pos x="connsiteX47" y="connsiteY47"/>
              </a:cxn>
              <a:cxn ang="0">
                <a:pos x="connsiteX48" y="connsiteY48"/>
              </a:cxn>
              <a:cxn ang="0">
                <a:pos x="connsiteX49" y="connsiteY49"/>
              </a:cxn>
              <a:cxn ang="0">
                <a:pos x="connsiteX50" y="connsiteY50"/>
              </a:cxn>
              <a:cxn ang="0">
                <a:pos x="connsiteX51" y="connsiteY51"/>
              </a:cxn>
              <a:cxn ang="0">
                <a:pos x="connsiteX52" y="connsiteY52"/>
              </a:cxn>
              <a:cxn ang="0">
                <a:pos x="connsiteX53" y="connsiteY53"/>
              </a:cxn>
              <a:cxn ang="0">
                <a:pos x="connsiteX54" y="connsiteY54"/>
              </a:cxn>
              <a:cxn ang="0">
                <a:pos x="connsiteX55" y="connsiteY55"/>
              </a:cxn>
              <a:cxn ang="0">
                <a:pos x="connsiteX56" y="connsiteY56"/>
              </a:cxn>
              <a:cxn ang="0">
                <a:pos x="connsiteX57" y="connsiteY57"/>
              </a:cxn>
              <a:cxn ang="0">
                <a:pos x="connsiteX58" y="connsiteY58"/>
              </a:cxn>
              <a:cxn ang="0">
                <a:pos x="connsiteX59" y="connsiteY59"/>
              </a:cxn>
              <a:cxn ang="0">
                <a:pos x="connsiteX60" y="connsiteY60"/>
              </a:cxn>
              <a:cxn ang="0">
                <a:pos x="connsiteX61" y="connsiteY61"/>
              </a:cxn>
              <a:cxn ang="0">
                <a:pos x="connsiteX62" y="connsiteY62"/>
              </a:cxn>
              <a:cxn ang="0">
                <a:pos x="connsiteX63" y="connsiteY63"/>
              </a:cxn>
              <a:cxn ang="0">
                <a:pos x="connsiteX64" y="connsiteY64"/>
              </a:cxn>
              <a:cxn ang="0">
                <a:pos x="connsiteX65" y="connsiteY65"/>
              </a:cxn>
              <a:cxn ang="0">
                <a:pos x="connsiteX66" y="connsiteY66"/>
              </a:cxn>
              <a:cxn ang="0">
                <a:pos x="connsiteX67" y="connsiteY67"/>
              </a:cxn>
              <a:cxn ang="0">
                <a:pos x="connsiteX68" y="connsiteY68"/>
              </a:cxn>
            </a:cxnLst>
            <a:rect l="l" t="t" r="r" b="b"/>
            <a:pathLst>
              <a:path w="3745816" h="3316502">
                <a:moveTo>
                  <a:pt x="2500704" y="2026790"/>
                </a:moveTo>
                <a:cubicBezTo>
                  <a:pt x="2380149" y="2047261"/>
                  <a:pt x="2334656" y="2081381"/>
                  <a:pt x="2261868" y="2108676"/>
                </a:cubicBezTo>
                <a:cubicBezTo>
                  <a:pt x="2220926" y="2245154"/>
                  <a:pt x="2248220" y="2327040"/>
                  <a:pt x="2364227" y="2313393"/>
                </a:cubicBezTo>
                <a:cubicBezTo>
                  <a:pt x="2491606" y="2272450"/>
                  <a:pt x="2502979" y="2190563"/>
                  <a:pt x="2500704" y="2026790"/>
                </a:cubicBezTo>
                <a:close/>
                <a:moveTo>
                  <a:pt x="1245112" y="2026790"/>
                </a:moveTo>
                <a:cubicBezTo>
                  <a:pt x="1242837" y="2190563"/>
                  <a:pt x="1254210" y="2272450"/>
                  <a:pt x="1381589" y="2313393"/>
                </a:cubicBezTo>
                <a:cubicBezTo>
                  <a:pt x="1497596" y="2327040"/>
                  <a:pt x="1524890" y="2245154"/>
                  <a:pt x="1483948" y="2108676"/>
                </a:cubicBezTo>
                <a:cubicBezTo>
                  <a:pt x="1411160" y="2081381"/>
                  <a:pt x="1365667" y="2047261"/>
                  <a:pt x="1245112" y="2026790"/>
                </a:cubicBezTo>
                <a:close/>
                <a:moveTo>
                  <a:pt x="3185000" y="1670667"/>
                </a:moveTo>
                <a:cubicBezTo>
                  <a:pt x="3206444" y="1672444"/>
                  <a:pt x="3226596" y="1679339"/>
                  <a:pt x="3244509" y="1692418"/>
                </a:cubicBezTo>
                <a:cubicBezTo>
                  <a:pt x="3340044" y="1731086"/>
                  <a:pt x="3210389" y="1885761"/>
                  <a:pt x="3380986" y="1856191"/>
                </a:cubicBezTo>
                <a:cubicBezTo>
                  <a:pt x="3424203" y="1826621"/>
                  <a:pt x="3528837" y="1837994"/>
                  <a:pt x="3599350" y="1903959"/>
                </a:cubicBezTo>
                <a:cubicBezTo>
                  <a:pt x="3647117" y="1983571"/>
                  <a:pt x="3783594" y="2056359"/>
                  <a:pt x="3735827" y="2142795"/>
                </a:cubicBezTo>
                <a:cubicBezTo>
                  <a:pt x="3653941" y="2374806"/>
                  <a:pt x="3606173" y="2422574"/>
                  <a:pt x="3572054" y="2620466"/>
                </a:cubicBezTo>
                <a:cubicBezTo>
                  <a:pt x="3574328" y="2882048"/>
                  <a:pt x="3542485" y="3061744"/>
                  <a:pt x="3551583" y="3316502"/>
                </a:cubicBezTo>
                <a:lnTo>
                  <a:pt x="3292276" y="3302855"/>
                </a:lnTo>
                <a:cubicBezTo>
                  <a:pt x="3310472" y="3025350"/>
                  <a:pt x="3315022" y="2788789"/>
                  <a:pt x="3271804" y="2511284"/>
                </a:cubicBezTo>
                <a:cubicBezTo>
                  <a:pt x="3217213" y="2465791"/>
                  <a:pt x="3189917" y="2399828"/>
                  <a:pt x="3278628" y="2272449"/>
                </a:cubicBezTo>
                <a:cubicBezTo>
                  <a:pt x="3244509" y="2190562"/>
                  <a:pt x="3271804" y="2142795"/>
                  <a:pt x="3128502" y="2108675"/>
                </a:cubicBezTo>
                <a:cubicBezTo>
                  <a:pt x="3042066" y="2051809"/>
                  <a:pt x="2921512" y="2165541"/>
                  <a:pt x="2869195" y="2019965"/>
                </a:cubicBezTo>
                <a:cubicBezTo>
                  <a:pt x="2821427" y="1896567"/>
                  <a:pt x="3034887" y="1658228"/>
                  <a:pt x="3185000" y="1670667"/>
                </a:cubicBezTo>
                <a:close/>
                <a:moveTo>
                  <a:pt x="560816" y="1670667"/>
                </a:moveTo>
                <a:cubicBezTo>
                  <a:pt x="710929" y="1658228"/>
                  <a:pt x="924389" y="1896567"/>
                  <a:pt x="876621" y="2019965"/>
                </a:cubicBezTo>
                <a:cubicBezTo>
                  <a:pt x="824304" y="2165541"/>
                  <a:pt x="703750" y="2051809"/>
                  <a:pt x="617314" y="2108675"/>
                </a:cubicBezTo>
                <a:cubicBezTo>
                  <a:pt x="474012" y="2142795"/>
                  <a:pt x="501307" y="2190562"/>
                  <a:pt x="467188" y="2272449"/>
                </a:cubicBezTo>
                <a:cubicBezTo>
                  <a:pt x="555899" y="2399828"/>
                  <a:pt x="528603" y="2465791"/>
                  <a:pt x="474012" y="2511284"/>
                </a:cubicBezTo>
                <a:cubicBezTo>
                  <a:pt x="430794" y="2788789"/>
                  <a:pt x="435344" y="3025350"/>
                  <a:pt x="453540" y="3302855"/>
                </a:cubicBezTo>
                <a:lnTo>
                  <a:pt x="194233" y="3316502"/>
                </a:lnTo>
                <a:cubicBezTo>
                  <a:pt x="203331" y="3061744"/>
                  <a:pt x="171488" y="2882048"/>
                  <a:pt x="173762" y="2620466"/>
                </a:cubicBezTo>
                <a:cubicBezTo>
                  <a:pt x="139643" y="2422574"/>
                  <a:pt x="91875" y="2374806"/>
                  <a:pt x="9989" y="2142795"/>
                </a:cubicBezTo>
                <a:cubicBezTo>
                  <a:pt x="-37778" y="2056359"/>
                  <a:pt x="98699" y="1983571"/>
                  <a:pt x="146466" y="1903959"/>
                </a:cubicBezTo>
                <a:cubicBezTo>
                  <a:pt x="216979" y="1837994"/>
                  <a:pt x="321613" y="1826621"/>
                  <a:pt x="364830" y="1856191"/>
                </a:cubicBezTo>
                <a:cubicBezTo>
                  <a:pt x="535427" y="1885761"/>
                  <a:pt x="405772" y="1731086"/>
                  <a:pt x="501307" y="1692418"/>
                </a:cubicBezTo>
                <a:cubicBezTo>
                  <a:pt x="519220" y="1679339"/>
                  <a:pt x="539372" y="1672444"/>
                  <a:pt x="560816" y="1670667"/>
                </a:cubicBezTo>
                <a:close/>
                <a:moveTo>
                  <a:pt x="2609647" y="1003649"/>
                </a:moveTo>
                <a:cubicBezTo>
                  <a:pt x="2444889" y="994437"/>
                  <a:pt x="2381715" y="1312839"/>
                  <a:pt x="2234575" y="1385343"/>
                </a:cubicBezTo>
                <a:cubicBezTo>
                  <a:pt x="2013936" y="1460406"/>
                  <a:pt x="1963895" y="1651474"/>
                  <a:pt x="1968444" y="1951725"/>
                </a:cubicBezTo>
                <a:cubicBezTo>
                  <a:pt x="1979817" y="2035887"/>
                  <a:pt x="2134492" y="1956274"/>
                  <a:pt x="2248223" y="1897134"/>
                </a:cubicBezTo>
                <a:cubicBezTo>
                  <a:pt x="2393799" y="1812972"/>
                  <a:pt x="2839626" y="1121486"/>
                  <a:pt x="2644008" y="1010029"/>
                </a:cubicBezTo>
                <a:cubicBezTo>
                  <a:pt x="2632066" y="1006333"/>
                  <a:pt x="2620631" y="1004263"/>
                  <a:pt x="2609647" y="1003649"/>
                </a:cubicBezTo>
                <a:close/>
                <a:moveTo>
                  <a:pt x="1136169" y="1003649"/>
                </a:moveTo>
                <a:cubicBezTo>
                  <a:pt x="1125185" y="1004263"/>
                  <a:pt x="1113750" y="1006333"/>
                  <a:pt x="1101808" y="1010029"/>
                </a:cubicBezTo>
                <a:cubicBezTo>
                  <a:pt x="906190" y="1121486"/>
                  <a:pt x="1352017" y="1812972"/>
                  <a:pt x="1497593" y="1897134"/>
                </a:cubicBezTo>
                <a:cubicBezTo>
                  <a:pt x="1611324" y="1956274"/>
                  <a:pt x="1765999" y="2035887"/>
                  <a:pt x="1777372" y="1951725"/>
                </a:cubicBezTo>
                <a:cubicBezTo>
                  <a:pt x="1781921" y="1651474"/>
                  <a:pt x="1731880" y="1460406"/>
                  <a:pt x="1511241" y="1385343"/>
                </a:cubicBezTo>
                <a:cubicBezTo>
                  <a:pt x="1364101" y="1312839"/>
                  <a:pt x="1300927" y="994437"/>
                  <a:pt x="1136169" y="1003649"/>
                </a:cubicBezTo>
                <a:close/>
                <a:moveTo>
                  <a:pt x="665081" y="96"/>
                </a:moveTo>
                <a:cubicBezTo>
                  <a:pt x="1486802" y="-2174"/>
                  <a:pt x="1309537" y="573200"/>
                  <a:pt x="1862679" y="634117"/>
                </a:cubicBezTo>
                <a:cubicBezTo>
                  <a:pt x="2415888" y="573192"/>
                  <a:pt x="2259021" y="-2174"/>
                  <a:pt x="3080735" y="96"/>
                </a:cubicBezTo>
                <a:cubicBezTo>
                  <a:pt x="3608448" y="-9003"/>
                  <a:pt x="3767673" y="636991"/>
                  <a:pt x="3619822" y="921320"/>
                </a:cubicBezTo>
                <a:cubicBezTo>
                  <a:pt x="3590251" y="1010030"/>
                  <a:pt x="3519739" y="941793"/>
                  <a:pt x="3456049" y="955441"/>
                </a:cubicBezTo>
                <a:cubicBezTo>
                  <a:pt x="3416937" y="1011300"/>
                  <a:pt x="3385716" y="1096130"/>
                  <a:pt x="3370271" y="1159232"/>
                </a:cubicBezTo>
                <a:lnTo>
                  <a:pt x="3189917" y="1317105"/>
                </a:lnTo>
                <a:cubicBezTo>
                  <a:pt x="3271804" y="1426286"/>
                  <a:pt x="3258156" y="1555942"/>
                  <a:pt x="3155798" y="1596884"/>
                </a:cubicBezTo>
                <a:cubicBezTo>
                  <a:pt x="2973828" y="1651475"/>
                  <a:pt x="2866920" y="1726538"/>
                  <a:pt x="2848723" y="1842544"/>
                </a:cubicBezTo>
                <a:cubicBezTo>
                  <a:pt x="2830525" y="2001768"/>
                  <a:pt x="2832803" y="2481714"/>
                  <a:pt x="2650831" y="2518108"/>
                </a:cubicBezTo>
                <a:cubicBezTo>
                  <a:pt x="2498431" y="2522657"/>
                  <a:pt x="2373325" y="2513559"/>
                  <a:pt x="2193630" y="2531756"/>
                </a:cubicBezTo>
                <a:cubicBezTo>
                  <a:pt x="2088997" y="2522657"/>
                  <a:pt x="1998012" y="2349785"/>
                  <a:pt x="1941147" y="2211033"/>
                </a:cubicBezTo>
                <a:lnTo>
                  <a:pt x="1872908" y="2313392"/>
                </a:lnTo>
                <a:lnTo>
                  <a:pt x="1804669" y="2211033"/>
                </a:lnTo>
                <a:cubicBezTo>
                  <a:pt x="1747804" y="2349785"/>
                  <a:pt x="1656819" y="2522657"/>
                  <a:pt x="1552186" y="2531756"/>
                </a:cubicBezTo>
                <a:cubicBezTo>
                  <a:pt x="1372491" y="2513559"/>
                  <a:pt x="1247385" y="2522657"/>
                  <a:pt x="1094985" y="2518108"/>
                </a:cubicBezTo>
                <a:cubicBezTo>
                  <a:pt x="913013" y="2481714"/>
                  <a:pt x="915291" y="2001768"/>
                  <a:pt x="897093" y="1842544"/>
                </a:cubicBezTo>
                <a:cubicBezTo>
                  <a:pt x="878896" y="1726538"/>
                  <a:pt x="771988" y="1651475"/>
                  <a:pt x="590018" y="1596884"/>
                </a:cubicBezTo>
                <a:cubicBezTo>
                  <a:pt x="487660" y="1555942"/>
                  <a:pt x="474012" y="1426286"/>
                  <a:pt x="555899" y="1317105"/>
                </a:cubicBezTo>
                <a:cubicBezTo>
                  <a:pt x="497354" y="1247580"/>
                  <a:pt x="494034" y="1228756"/>
                  <a:pt x="380265" y="1173717"/>
                </a:cubicBezTo>
                <a:cubicBezTo>
                  <a:pt x="350099" y="1122687"/>
                  <a:pt x="319933" y="1057172"/>
                  <a:pt x="289767" y="1006142"/>
                </a:cubicBezTo>
                <a:cubicBezTo>
                  <a:pt x="226077" y="992494"/>
                  <a:pt x="155565" y="1010030"/>
                  <a:pt x="125994" y="921320"/>
                </a:cubicBezTo>
                <a:cubicBezTo>
                  <a:pt x="-21857" y="636991"/>
                  <a:pt x="137368" y="-9003"/>
                  <a:pt x="665081" y="96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77" name="Rounded Rectangle 31">
            <a:extLst>
              <a:ext uri="{FF2B5EF4-FFF2-40B4-BE49-F238E27FC236}">
                <a16:creationId xmlns:a16="http://schemas.microsoft.com/office/drawing/2014/main" id="{B25FCE9B-6DC5-4836-8DD9-E737D6782AA3}"/>
              </a:ext>
            </a:extLst>
          </p:cNvPr>
          <p:cNvSpPr>
            <a:spLocks noChangeAspect="1"/>
          </p:cNvSpPr>
          <p:nvPr/>
        </p:nvSpPr>
        <p:spPr>
          <a:xfrm>
            <a:off x="4509610" y="3571006"/>
            <a:ext cx="372634" cy="529812"/>
          </a:xfrm>
          <a:custGeom>
            <a:avLst/>
            <a:gdLst/>
            <a:ahLst/>
            <a:cxnLst/>
            <a:rect l="l" t="t" r="r" b="b"/>
            <a:pathLst>
              <a:path w="2273269" h="3232141">
                <a:moveTo>
                  <a:pt x="1301358" y="1224998"/>
                </a:moveTo>
                <a:cubicBezTo>
                  <a:pt x="1288512" y="1224739"/>
                  <a:pt x="1275404" y="1226994"/>
                  <a:pt x="1262722" y="1232060"/>
                </a:cubicBezTo>
                <a:cubicBezTo>
                  <a:pt x="1224020" y="1247517"/>
                  <a:pt x="1200469" y="1284678"/>
                  <a:pt x="1200858" y="1323955"/>
                </a:cubicBezTo>
                <a:lnTo>
                  <a:pt x="1068969" y="1816173"/>
                </a:lnTo>
                <a:lnTo>
                  <a:pt x="975827" y="1468563"/>
                </a:lnTo>
                <a:cubicBezTo>
                  <a:pt x="965224" y="1428990"/>
                  <a:pt x="932065" y="1401484"/>
                  <a:pt x="893889" y="1396168"/>
                </a:cubicBezTo>
                <a:cubicBezTo>
                  <a:pt x="887581" y="1395290"/>
                  <a:pt x="881136" y="1395017"/>
                  <a:pt x="874749" y="1397368"/>
                </a:cubicBezTo>
                <a:lnTo>
                  <a:pt x="873048" y="1397069"/>
                </a:lnTo>
                <a:cubicBezTo>
                  <a:pt x="871822" y="1397102"/>
                  <a:pt x="870599" y="1397158"/>
                  <a:pt x="869409" y="1397702"/>
                </a:cubicBezTo>
                <a:lnTo>
                  <a:pt x="854690" y="1398625"/>
                </a:lnTo>
                <a:cubicBezTo>
                  <a:pt x="852870" y="1399112"/>
                  <a:pt x="851076" y="1399648"/>
                  <a:pt x="849610" y="1401148"/>
                </a:cubicBezTo>
                <a:cubicBezTo>
                  <a:pt x="820426" y="1408603"/>
                  <a:pt x="795399" y="1429720"/>
                  <a:pt x="783580" y="1459921"/>
                </a:cubicBezTo>
                <a:lnTo>
                  <a:pt x="576552" y="1988920"/>
                </a:lnTo>
                <a:lnTo>
                  <a:pt x="360960" y="1988920"/>
                </a:lnTo>
                <a:cubicBezTo>
                  <a:pt x="306335" y="1988920"/>
                  <a:pt x="262052" y="2033203"/>
                  <a:pt x="262052" y="2087828"/>
                </a:cubicBezTo>
                <a:cubicBezTo>
                  <a:pt x="262052" y="2142453"/>
                  <a:pt x="306335" y="2186736"/>
                  <a:pt x="360960" y="2186736"/>
                </a:cubicBezTo>
                <a:lnTo>
                  <a:pt x="624414" y="2186736"/>
                </a:lnTo>
                <a:cubicBezTo>
                  <a:pt x="655679" y="2194749"/>
                  <a:pt x="687884" y="2184847"/>
                  <a:pt x="710155" y="2162843"/>
                </a:cubicBezTo>
                <a:cubicBezTo>
                  <a:pt x="728043" y="2149675"/>
                  <a:pt x="740236" y="2129868"/>
                  <a:pt x="742804" y="2106901"/>
                </a:cubicBezTo>
                <a:lnTo>
                  <a:pt x="861090" y="1804659"/>
                </a:lnTo>
                <a:lnTo>
                  <a:pt x="967256" y="2200878"/>
                </a:lnTo>
                <a:cubicBezTo>
                  <a:pt x="956121" y="2251327"/>
                  <a:pt x="986997" y="2301788"/>
                  <a:pt x="1037612" y="2315350"/>
                </a:cubicBezTo>
                <a:cubicBezTo>
                  <a:pt x="1044252" y="2317129"/>
                  <a:pt x="1050915" y="2318189"/>
                  <a:pt x="1057633" y="2316605"/>
                </a:cubicBezTo>
                <a:cubicBezTo>
                  <a:pt x="1061264" y="2317900"/>
                  <a:pt x="1065062" y="2318350"/>
                  <a:pt x="1068971" y="2317315"/>
                </a:cubicBezTo>
                <a:cubicBezTo>
                  <a:pt x="1072878" y="2318349"/>
                  <a:pt x="1076674" y="2317900"/>
                  <a:pt x="1080303" y="2316605"/>
                </a:cubicBezTo>
                <a:lnTo>
                  <a:pt x="1100326" y="2315350"/>
                </a:lnTo>
                <a:cubicBezTo>
                  <a:pt x="1150941" y="2301788"/>
                  <a:pt x="1181817" y="2251327"/>
                  <a:pt x="1170682" y="2200878"/>
                </a:cubicBezTo>
                <a:lnTo>
                  <a:pt x="1320238" y="1642726"/>
                </a:lnTo>
                <a:lnTo>
                  <a:pt x="1513977" y="2127797"/>
                </a:lnTo>
                <a:cubicBezTo>
                  <a:pt x="1531567" y="2171838"/>
                  <a:pt x="1577262" y="2196260"/>
                  <a:pt x="1621871" y="2186737"/>
                </a:cubicBezTo>
                <a:lnTo>
                  <a:pt x="1878495" y="2186737"/>
                </a:lnTo>
                <a:cubicBezTo>
                  <a:pt x="1933120" y="2186737"/>
                  <a:pt x="1977403" y="2142454"/>
                  <a:pt x="1977403" y="2087829"/>
                </a:cubicBezTo>
                <a:cubicBezTo>
                  <a:pt x="1977403" y="2033204"/>
                  <a:pt x="1933120" y="1988921"/>
                  <a:pt x="1878495" y="1988921"/>
                </a:cubicBezTo>
                <a:lnTo>
                  <a:pt x="1671520" y="1988921"/>
                </a:lnTo>
                <a:lnTo>
                  <a:pt x="1391261" y="1287226"/>
                </a:lnTo>
                <a:cubicBezTo>
                  <a:pt x="1376065" y="1249180"/>
                  <a:pt x="1339894" y="1225775"/>
                  <a:pt x="1301358" y="1224998"/>
                </a:cubicBezTo>
                <a:close/>
                <a:moveTo>
                  <a:pt x="335892" y="524745"/>
                </a:moveTo>
                <a:lnTo>
                  <a:pt x="1937377" y="524745"/>
                </a:lnTo>
                <a:cubicBezTo>
                  <a:pt x="1996486" y="524745"/>
                  <a:pt x="2044403" y="572662"/>
                  <a:pt x="2044403" y="631771"/>
                </a:cubicBezTo>
                <a:lnTo>
                  <a:pt x="2044403" y="2898384"/>
                </a:lnTo>
                <a:cubicBezTo>
                  <a:pt x="2044403" y="2957493"/>
                  <a:pt x="1996486" y="3005410"/>
                  <a:pt x="1937377" y="3005410"/>
                </a:cubicBezTo>
                <a:lnTo>
                  <a:pt x="335892" y="3005410"/>
                </a:lnTo>
                <a:cubicBezTo>
                  <a:pt x="276783" y="3005410"/>
                  <a:pt x="228866" y="2957493"/>
                  <a:pt x="228866" y="2898384"/>
                </a:cubicBezTo>
                <a:lnTo>
                  <a:pt x="228866" y="631771"/>
                </a:lnTo>
                <a:cubicBezTo>
                  <a:pt x="228866" y="572662"/>
                  <a:pt x="276783" y="524745"/>
                  <a:pt x="335892" y="524745"/>
                </a:cubicBezTo>
                <a:close/>
                <a:moveTo>
                  <a:pt x="245659" y="437009"/>
                </a:moveTo>
                <a:cubicBezTo>
                  <a:pt x="179890" y="437009"/>
                  <a:pt x="126573" y="490326"/>
                  <a:pt x="126573" y="556095"/>
                </a:cubicBezTo>
                <a:lnTo>
                  <a:pt x="126573" y="2974061"/>
                </a:lnTo>
                <a:cubicBezTo>
                  <a:pt x="126573" y="3039830"/>
                  <a:pt x="179890" y="3093147"/>
                  <a:pt x="245659" y="3093147"/>
                </a:cubicBezTo>
                <a:lnTo>
                  <a:pt x="2027611" y="3093147"/>
                </a:lnTo>
                <a:cubicBezTo>
                  <a:pt x="2093380" y="3093147"/>
                  <a:pt x="2146697" y="3039830"/>
                  <a:pt x="2146697" y="2974061"/>
                </a:cubicBezTo>
                <a:lnTo>
                  <a:pt x="2146697" y="556095"/>
                </a:lnTo>
                <a:cubicBezTo>
                  <a:pt x="2146697" y="490326"/>
                  <a:pt x="2093380" y="437009"/>
                  <a:pt x="2027611" y="437009"/>
                </a:cubicBezTo>
                <a:close/>
                <a:moveTo>
                  <a:pt x="974181" y="0"/>
                </a:moveTo>
                <a:lnTo>
                  <a:pt x="1299087" y="0"/>
                </a:lnTo>
                <a:cubicBezTo>
                  <a:pt x="1327680" y="0"/>
                  <a:pt x="1350860" y="23180"/>
                  <a:pt x="1350860" y="51773"/>
                </a:cubicBezTo>
                <a:lnTo>
                  <a:pt x="1350860" y="155306"/>
                </a:lnTo>
                <a:lnTo>
                  <a:pt x="1381614" y="155306"/>
                </a:lnTo>
                <a:cubicBezTo>
                  <a:pt x="1410207" y="155306"/>
                  <a:pt x="1433387" y="178486"/>
                  <a:pt x="1433387" y="207079"/>
                </a:cubicBezTo>
                <a:lnTo>
                  <a:pt x="1433387" y="298015"/>
                </a:lnTo>
                <a:lnTo>
                  <a:pt x="2081269" y="298015"/>
                </a:lnTo>
                <a:cubicBezTo>
                  <a:pt x="2187308" y="298015"/>
                  <a:pt x="2273269" y="383976"/>
                  <a:pt x="2273269" y="490015"/>
                </a:cubicBezTo>
                <a:lnTo>
                  <a:pt x="2273269" y="3040141"/>
                </a:lnTo>
                <a:cubicBezTo>
                  <a:pt x="2273269" y="3146180"/>
                  <a:pt x="2187308" y="3232141"/>
                  <a:pt x="2081269" y="3232141"/>
                </a:cubicBezTo>
                <a:lnTo>
                  <a:pt x="192000" y="3232141"/>
                </a:lnTo>
                <a:cubicBezTo>
                  <a:pt x="85961" y="3232141"/>
                  <a:pt x="0" y="3146180"/>
                  <a:pt x="0" y="3040141"/>
                </a:cubicBezTo>
                <a:lnTo>
                  <a:pt x="0" y="490015"/>
                </a:lnTo>
                <a:cubicBezTo>
                  <a:pt x="0" y="383976"/>
                  <a:pt x="85961" y="298015"/>
                  <a:pt x="192000" y="298015"/>
                </a:cubicBezTo>
                <a:lnTo>
                  <a:pt x="839881" y="298015"/>
                </a:lnTo>
                <a:lnTo>
                  <a:pt x="839881" y="207079"/>
                </a:lnTo>
                <a:cubicBezTo>
                  <a:pt x="839881" y="178486"/>
                  <a:pt x="863061" y="155306"/>
                  <a:pt x="891654" y="155306"/>
                </a:cubicBezTo>
                <a:lnTo>
                  <a:pt x="922408" y="155306"/>
                </a:lnTo>
                <a:lnTo>
                  <a:pt x="922408" y="51773"/>
                </a:lnTo>
                <a:cubicBezTo>
                  <a:pt x="922408" y="23180"/>
                  <a:pt x="945588" y="0"/>
                  <a:pt x="974181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78" name="Oval 47">
            <a:extLst>
              <a:ext uri="{FF2B5EF4-FFF2-40B4-BE49-F238E27FC236}">
                <a16:creationId xmlns:a16="http://schemas.microsoft.com/office/drawing/2014/main" id="{2A7B72D2-455E-4647-BA7D-2D9A0D0187FB}"/>
              </a:ext>
            </a:extLst>
          </p:cNvPr>
          <p:cNvSpPr>
            <a:spLocks noChangeAspect="1"/>
          </p:cNvSpPr>
          <p:nvPr/>
        </p:nvSpPr>
        <p:spPr>
          <a:xfrm>
            <a:off x="11057974" y="2429101"/>
            <a:ext cx="529812" cy="529812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1303187" y="480874"/>
                </a:moveTo>
                <a:lnTo>
                  <a:pt x="1303187" y="1303187"/>
                </a:lnTo>
                <a:lnTo>
                  <a:pt x="480874" y="1303187"/>
                </a:lnTo>
                <a:lnTo>
                  <a:pt x="480874" y="1936813"/>
                </a:lnTo>
                <a:lnTo>
                  <a:pt x="1303187" y="1936813"/>
                </a:lnTo>
                <a:lnTo>
                  <a:pt x="1303187" y="2759126"/>
                </a:lnTo>
                <a:lnTo>
                  <a:pt x="1936813" y="2759126"/>
                </a:lnTo>
                <a:lnTo>
                  <a:pt x="1936813" y="1936813"/>
                </a:lnTo>
                <a:lnTo>
                  <a:pt x="2759126" y="1936813"/>
                </a:lnTo>
                <a:lnTo>
                  <a:pt x="2759126" y="1303187"/>
                </a:lnTo>
                <a:lnTo>
                  <a:pt x="1936813" y="1303187"/>
                </a:lnTo>
                <a:lnTo>
                  <a:pt x="1936813" y="480874"/>
                </a:lnTo>
                <a:close/>
                <a:moveTo>
                  <a:pt x="1620000" y="0"/>
                </a:moveTo>
                <a:cubicBezTo>
                  <a:pt x="2514701" y="0"/>
                  <a:pt x="3240000" y="725299"/>
                  <a:pt x="3240000" y="1620000"/>
                </a:cubicBezTo>
                <a:cubicBezTo>
                  <a:pt x="3240000" y="2514701"/>
                  <a:pt x="2514701" y="3240000"/>
                  <a:pt x="1620000" y="3240000"/>
                </a:cubicBezTo>
                <a:cubicBezTo>
                  <a:pt x="725299" y="3240000"/>
                  <a:pt x="0" y="2514701"/>
                  <a:pt x="0" y="1620000"/>
                </a:cubicBezTo>
                <a:cubicBezTo>
                  <a:pt x="0" y="725299"/>
                  <a:pt x="725299" y="0"/>
                  <a:pt x="1620000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79" name="Oval 50">
            <a:extLst>
              <a:ext uri="{FF2B5EF4-FFF2-40B4-BE49-F238E27FC236}">
                <a16:creationId xmlns:a16="http://schemas.microsoft.com/office/drawing/2014/main" id="{91CDD124-ED61-4ED3-81C2-B526853B9B84}"/>
              </a:ext>
            </a:extLst>
          </p:cNvPr>
          <p:cNvSpPr>
            <a:spLocks noChangeAspect="1"/>
          </p:cNvSpPr>
          <p:nvPr/>
        </p:nvSpPr>
        <p:spPr>
          <a:xfrm>
            <a:off x="5308362" y="3571006"/>
            <a:ext cx="469094" cy="529812"/>
          </a:xfrm>
          <a:custGeom>
            <a:avLst/>
            <a:gdLst/>
            <a:ahLst/>
            <a:cxnLst/>
            <a:rect l="l" t="t" r="r" b="b"/>
            <a:pathLst>
              <a:path w="2868687" h="3240000">
                <a:moveTo>
                  <a:pt x="1433799" y="2290728"/>
                </a:moveTo>
                <a:cubicBezTo>
                  <a:pt x="1317650" y="2346839"/>
                  <a:pt x="1203301" y="2394700"/>
                  <a:pt x="1093028" y="2434329"/>
                </a:cubicBezTo>
                <a:cubicBezTo>
                  <a:pt x="1167481" y="2812207"/>
                  <a:pt x="1292592" y="3060000"/>
                  <a:pt x="1434343" y="3060000"/>
                </a:cubicBezTo>
                <a:cubicBezTo>
                  <a:pt x="1576138" y="3060000"/>
                  <a:pt x="1701284" y="2812053"/>
                  <a:pt x="1774025" y="2433735"/>
                </a:cubicBezTo>
                <a:cubicBezTo>
                  <a:pt x="1663854" y="2394452"/>
                  <a:pt x="1549823" y="2346469"/>
                  <a:pt x="1433799" y="2290728"/>
                </a:cubicBezTo>
                <a:close/>
                <a:moveTo>
                  <a:pt x="1824954" y="2078037"/>
                </a:moveTo>
                <a:cubicBezTo>
                  <a:pt x="1794480" y="2097450"/>
                  <a:pt x="1763147" y="2116057"/>
                  <a:pt x="1731343" y="2134419"/>
                </a:cubicBezTo>
                <a:lnTo>
                  <a:pt x="1635415" y="2187161"/>
                </a:lnTo>
                <a:cubicBezTo>
                  <a:pt x="1691788" y="2215044"/>
                  <a:pt x="1747931" y="2239109"/>
                  <a:pt x="1803378" y="2259350"/>
                </a:cubicBezTo>
                <a:cubicBezTo>
                  <a:pt x="1812120" y="2201101"/>
                  <a:pt x="1819148" y="2140526"/>
                  <a:pt x="1824954" y="2078037"/>
                </a:cubicBezTo>
                <a:close/>
                <a:moveTo>
                  <a:pt x="1042306" y="2077178"/>
                </a:moveTo>
                <a:cubicBezTo>
                  <a:pt x="1047949" y="2140175"/>
                  <a:pt x="1055328" y="2201182"/>
                  <a:pt x="1063873" y="2259905"/>
                </a:cubicBezTo>
                <a:cubicBezTo>
                  <a:pt x="1119365" y="2238275"/>
                  <a:pt x="1176217" y="2214355"/>
                  <a:pt x="1233887" y="2187801"/>
                </a:cubicBezTo>
                <a:cubicBezTo>
                  <a:pt x="1201538" y="2170955"/>
                  <a:pt x="1169452" y="2152957"/>
                  <a:pt x="1137343" y="2134419"/>
                </a:cubicBezTo>
                <a:close/>
                <a:moveTo>
                  <a:pt x="559768" y="1732679"/>
                </a:moveTo>
                <a:cubicBezTo>
                  <a:pt x="268524" y="1984850"/>
                  <a:pt x="116369" y="2217202"/>
                  <a:pt x="187266" y="2340000"/>
                </a:cubicBezTo>
                <a:cubicBezTo>
                  <a:pt x="258144" y="2462764"/>
                  <a:pt x="535307" y="2447213"/>
                  <a:pt x="899736" y="2322555"/>
                </a:cubicBezTo>
                <a:cubicBezTo>
                  <a:pt x="878937" y="2207297"/>
                  <a:pt x="863223" y="2084405"/>
                  <a:pt x="853746" y="1955834"/>
                </a:cubicBezTo>
                <a:cubicBezTo>
                  <a:pt x="747454" y="1883220"/>
                  <a:pt x="648878" y="1808453"/>
                  <a:pt x="559768" y="1732679"/>
                </a:cubicBezTo>
                <a:close/>
                <a:moveTo>
                  <a:pt x="2309048" y="1730507"/>
                </a:moveTo>
                <a:cubicBezTo>
                  <a:pt x="2220666" y="1807660"/>
                  <a:pt x="2121792" y="1882664"/>
                  <a:pt x="2015235" y="1955625"/>
                </a:cubicBezTo>
                <a:cubicBezTo>
                  <a:pt x="2005364" y="2084180"/>
                  <a:pt x="1989894" y="2207119"/>
                  <a:pt x="1967330" y="2322070"/>
                </a:cubicBezTo>
                <a:lnTo>
                  <a:pt x="2081685" y="2358048"/>
                </a:lnTo>
                <a:cubicBezTo>
                  <a:pt x="2116015" y="2320492"/>
                  <a:pt x="2165526" y="2297468"/>
                  <a:pt x="2220415" y="2297468"/>
                </a:cubicBezTo>
                <a:cubicBezTo>
                  <a:pt x="2302230" y="2297468"/>
                  <a:pt x="2372097" y="2348622"/>
                  <a:pt x="2399287" y="2420880"/>
                </a:cubicBezTo>
                <a:cubicBezTo>
                  <a:pt x="2542053" y="2432945"/>
                  <a:pt x="2642630" y="2407186"/>
                  <a:pt x="2681420" y="2340000"/>
                </a:cubicBezTo>
                <a:cubicBezTo>
                  <a:pt x="2752393" y="2217071"/>
                  <a:pt x="2599836" y="1984353"/>
                  <a:pt x="2309048" y="1730507"/>
                </a:cubicBezTo>
                <a:close/>
                <a:moveTo>
                  <a:pt x="2026056" y="1510554"/>
                </a:moveTo>
                <a:cubicBezTo>
                  <a:pt x="2027893" y="1546708"/>
                  <a:pt x="2028343" y="1583211"/>
                  <a:pt x="2028343" y="1620000"/>
                </a:cubicBezTo>
                <a:lnTo>
                  <a:pt x="2024251" y="1730716"/>
                </a:lnTo>
                <a:lnTo>
                  <a:pt x="2173722" y="1619092"/>
                </a:lnTo>
                <a:cubicBezTo>
                  <a:pt x="2127526" y="1582190"/>
                  <a:pt x="2078507" y="1545517"/>
                  <a:pt x="2026056" y="1510554"/>
                </a:cubicBezTo>
                <a:close/>
                <a:moveTo>
                  <a:pt x="844436" y="1509285"/>
                </a:moveTo>
                <a:lnTo>
                  <a:pt x="694964" y="1620908"/>
                </a:lnTo>
                <a:cubicBezTo>
                  <a:pt x="741160" y="1657811"/>
                  <a:pt x="790179" y="1694484"/>
                  <a:pt x="842630" y="1729447"/>
                </a:cubicBezTo>
                <a:cubicBezTo>
                  <a:pt x="840793" y="1693293"/>
                  <a:pt x="840343" y="1656790"/>
                  <a:pt x="840343" y="1620000"/>
                </a:cubicBezTo>
                <a:close/>
                <a:moveTo>
                  <a:pt x="1434343" y="1361184"/>
                </a:moveTo>
                <a:cubicBezTo>
                  <a:pt x="1573534" y="1361184"/>
                  <a:pt x="1686371" y="1474021"/>
                  <a:pt x="1686371" y="1613212"/>
                </a:cubicBezTo>
                <a:cubicBezTo>
                  <a:pt x="1686371" y="1752403"/>
                  <a:pt x="1573534" y="1865240"/>
                  <a:pt x="1434343" y="1865240"/>
                </a:cubicBezTo>
                <a:cubicBezTo>
                  <a:pt x="1295152" y="1865240"/>
                  <a:pt x="1182315" y="1752403"/>
                  <a:pt x="1182315" y="1613212"/>
                </a:cubicBezTo>
                <a:cubicBezTo>
                  <a:pt x="1182315" y="1474021"/>
                  <a:pt x="1295152" y="1361184"/>
                  <a:pt x="1434343" y="1361184"/>
                </a:cubicBezTo>
                <a:close/>
                <a:moveTo>
                  <a:pt x="1433770" y="1149513"/>
                </a:moveTo>
                <a:cubicBezTo>
                  <a:pt x="1365445" y="1183896"/>
                  <a:pt x="1296585" y="1221489"/>
                  <a:pt x="1227343" y="1261466"/>
                </a:cubicBezTo>
                <a:lnTo>
                  <a:pt x="1027157" y="1384911"/>
                </a:lnTo>
                <a:cubicBezTo>
                  <a:pt x="1022222" y="1461370"/>
                  <a:pt x="1020343" y="1539922"/>
                  <a:pt x="1020343" y="1620000"/>
                </a:cubicBezTo>
                <a:lnTo>
                  <a:pt x="1028287" y="1855786"/>
                </a:lnTo>
                <a:cubicBezTo>
                  <a:pt x="1091680" y="1898065"/>
                  <a:pt x="1158394" y="1938727"/>
                  <a:pt x="1227343" y="1978535"/>
                </a:cubicBezTo>
                <a:lnTo>
                  <a:pt x="1434916" y="2090488"/>
                </a:lnTo>
                <a:cubicBezTo>
                  <a:pt x="1503241" y="2056105"/>
                  <a:pt x="1572101" y="2018511"/>
                  <a:pt x="1641343" y="1978535"/>
                </a:cubicBezTo>
                <a:lnTo>
                  <a:pt x="1841530" y="1855090"/>
                </a:lnTo>
                <a:cubicBezTo>
                  <a:pt x="1846464" y="1778631"/>
                  <a:pt x="1848343" y="1700079"/>
                  <a:pt x="1848343" y="1620000"/>
                </a:cubicBezTo>
                <a:lnTo>
                  <a:pt x="1840399" y="1384214"/>
                </a:lnTo>
                <a:cubicBezTo>
                  <a:pt x="1777006" y="1341936"/>
                  <a:pt x="1710293" y="1301274"/>
                  <a:pt x="1641343" y="1261466"/>
                </a:cubicBezTo>
                <a:close/>
                <a:moveTo>
                  <a:pt x="1065308" y="980650"/>
                </a:moveTo>
                <a:cubicBezTo>
                  <a:pt x="1056566" y="1038899"/>
                  <a:pt x="1049538" y="1099475"/>
                  <a:pt x="1043732" y="1161964"/>
                </a:cubicBezTo>
                <a:cubicBezTo>
                  <a:pt x="1074206" y="1142551"/>
                  <a:pt x="1105539" y="1123943"/>
                  <a:pt x="1137343" y="1105581"/>
                </a:cubicBezTo>
                <a:lnTo>
                  <a:pt x="1233271" y="1052839"/>
                </a:lnTo>
                <a:cubicBezTo>
                  <a:pt x="1176898" y="1024957"/>
                  <a:pt x="1120756" y="1000892"/>
                  <a:pt x="1065308" y="980650"/>
                </a:cubicBezTo>
                <a:close/>
                <a:moveTo>
                  <a:pt x="1804814" y="980095"/>
                </a:moveTo>
                <a:cubicBezTo>
                  <a:pt x="1749321" y="1001726"/>
                  <a:pt x="1692469" y="1025646"/>
                  <a:pt x="1634800" y="1052200"/>
                </a:cubicBezTo>
                <a:cubicBezTo>
                  <a:pt x="1667149" y="1069046"/>
                  <a:pt x="1699234" y="1087043"/>
                  <a:pt x="1731343" y="1105581"/>
                </a:cubicBezTo>
                <a:lnTo>
                  <a:pt x="1826380" y="1162822"/>
                </a:lnTo>
                <a:cubicBezTo>
                  <a:pt x="1820738" y="1099825"/>
                  <a:pt x="1813359" y="1038819"/>
                  <a:pt x="1804814" y="980095"/>
                </a:cubicBezTo>
                <a:close/>
                <a:moveTo>
                  <a:pt x="2432236" y="816002"/>
                </a:moveTo>
                <a:cubicBezTo>
                  <a:pt x="2308930" y="820546"/>
                  <a:pt x="2149627" y="855445"/>
                  <a:pt x="1968950" y="917446"/>
                </a:cubicBezTo>
                <a:cubicBezTo>
                  <a:pt x="1989749" y="1032703"/>
                  <a:pt x="2005463" y="1155596"/>
                  <a:pt x="2014941" y="1284167"/>
                </a:cubicBezTo>
                <a:cubicBezTo>
                  <a:pt x="2121232" y="1356780"/>
                  <a:pt x="2219808" y="1431548"/>
                  <a:pt x="2308918" y="1507322"/>
                </a:cubicBezTo>
                <a:cubicBezTo>
                  <a:pt x="2600162" y="1255150"/>
                  <a:pt x="2752317" y="1022798"/>
                  <a:pt x="2681420" y="900000"/>
                </a:cubicBezTo>
                <a:cubicBezTo>
                  <a:pt x="2645694" y="838121"/>
                  <a:pt x="2557557" y="811383"/>
                  <a:pt x="2432236" y="816002"/>
                </a:cubicBezTo>
                <a:close/>
                <a:moveTo>
                  <a:pt x="436450" y="816001"/>
                </a:moveTo>
                <a:cubicBezTo>
                  <a:pt x="311129" y="811383"/>
                  <a:pt x="222992" y="838121"/>
                  <a:pt x="187266" y="900000"/>
                </a:cubicBezTo>
                <a:cubicBezTo>
                  <a:pt x="158404" y="949991"/>
                  <a:pt x="166508" y="1018139"/>
                  <a:pt x="206887" y="1097970"/>
                </a:cubicBezTo>
                <a:cubicBezTo>
                  <a:pt x="213842" y="1096217"/>
                  <a:pt x="221021" y="1095812"/>
                  <a:pt x="228294" y="1095812"/>
                </a:cubicBezTo>
                <a:cubicBezTo>
                  <a:pt x="334372" y="1095812"/>
                  <a:pt x="420366" y="1181806"/>
                  <a:pt x="420366" y="1287884"/>
                </a:cubicBezTo>
                <a:cubicBezTo>
                  <a:pt x="420366" y="1314219"/>
                  <a:pt x="415066" y="1339317"/>
                  <a:pt x="405427" y="1362148"/>
                </a:cubicBezTo>
                <a:cubicBezTo>
                  <a:pt x="450585" y="1410442"/>
                  <a:pt x="502437" y="1459559"/>
                  <a:pt x="559639" y="1509493"/>
                </a:cubicBezTo>
                <a:cubicBezTo>
                  <a:pt x="648020" y="1432341"/>
                  <a:pt x="746894" y="1357336"/>
                  <a:pt x="853451" y="1284376"/>
                </a:cubicBezTo>
                <a:cubicBezTo>
                  <a:pt x="863322" y="1155820"/>
                  <a:pt x="878792" y="1032881"/>
                  <a:pt x="901357" y="917930"/>
                </a:cubicBezTo>
                <a:cubicBezTo>
                  <a:pt x="719999" y="855651"/>
                  <a:pt x="560119" y="820559"/>
                  <a:pt x="436450" y="816001"/>
                </a:cubicBezTo>
                <a:close/>
                <a:moveTo>
                  <a:pt x="1434343" y="180000"/>
                </a:moveTo>
                <a:cubicBezTo>
                  <a:pt x="1292548" y="180000"/>
                  <a:pt x="1167402" y="427948"/>
                  <a:pt x="1094661" y="806265"/>
                </a:cubicBezTo>
                <a:cubicBezTo>
                  <a:pt x="1204832" y="845548"/>
                  <a:pt x="1318864" y="893532"/>
                  <a:pt x="1434887" y="949272"/>
                </a:cubicBezTo>
                <a:cubicBezTo>
                  <a:pt x="1551037" y="893162"/>
                  <a:pt x="1665385" y="845301"/>
                  <a:pt x="1775658" y="805671"/>
                </a:cubicBezTo>
                <a:cubicBezTo>
                  <a:pt x="1751860" y="684885"/>
                  <a:pt x="1722886" y="577390"/>
                  <a:pt x="1688823" y="487405"/>
                </a:cubicBezTo>
                <a:cubicBezTo>
                  <a:pt x="1688009" y="487647"/>
                  <a:pt x="1687191" y="487652"/>
                  <a:pt x="1686371" y="487652"/>
                </a:cubicBezTo>
                <a:cubicBezTo>
                  <a:pt x="1580293" y="487652"/>
                  <a:pt x="1494299" y="401658"/>
                  <a:pt x="1494299" y="295580"/>
                </a:cubicBezTo>
                <a:cubicBezTo>
                  <a:pt x="1494299" y="264819"/>
                  <a:pt x="1501530" y="235747"/>
                  <a:pt x="1516122" y="210837"/>
                </a:cubicBezTo>
                <a:cubicBezTo>
                  <a:pt x="1490583" y="189985"/>
                  <a:pt x="1462798" y="180000"/>
                  <a:pt x="1434343" y="180000"/>
                </a:cubicBezTo>
                <a:close/>
                <a:moveTo>
                  <a:pt x="1434343" y="0"/>
                </a:moveTo>
                <a:cubicBezTo>
                  <a:pt x="1509303" y="0"/>
                  <a:pt x="1581019" y="37868"/>
                  <a:pt x="1646062" y="107907"/>
                </a:cubicBezTo>
                <a:cubicBezTo>
                  <a:pt x="1659037" y="104972"/>
                  <a:pt x="1672533" y="103508"/>
                  <a:pt x="1686371" y="103508"/>
                </a:cubicBezTo>
                <a:cubicBezTo>
                  <a:pt x="1792449" y="103508"/>
                  <a:pt x="1878443" y="189502"/>
                  <a:pt x="1878443" y="295580"/>
                </a:cubicBezTo>
                <a:cubicBezTo>
                  <a:pt x="1878443" y="342831"/>
                  <a:pt x="1861381" y="386097"/>
                  <a:pt x="1831228" y="417985"/>
                </a:cubicBezTo>
                <a:cubicBezTo>
                  <a:pt x="1871860" y="515668"/>
                  <a:pt x="1906636" y="628220"/>
                  <a:pt x="1935357" y="752219"/>
                </a:cubicBezTo>
                <a:cubicBezTo>
                  <a:pt x="2379384" y="616814"/>
                  <a:pt x="2731816" y="627289"/>
                  <a:pt x="2837304" y="810000"/>
                </a:cubicBezTo>
                <a:cubicBezTo>
                  <a:pt x="2942793" y="992711"/>
                  <a:pt x="2775650" y="1303161"/>
                  <a:pt x="2436521" y="1620139"/>
                </a:cubicBezTo>
                <a:cubicBezTo>
                  <a:pt x="2775698" y="1936928"/>
                  <a:pt x="2942777" y="2247316"/>
                  <a:pt x="2837304" y="2430000"/>
                </a:cubicBezTo>
                <a:cubicBezTo>
                  <a:pt x="2771439" y="2544083"/>
                  <a:pt x="2609300" y="2591017"/>
                  <a:pt x="2388706" y="2577188"/>
                </a:cubicBezTo>
                <a:cubicBezTo>
                  <a:pt x="2358753" y="2639691"/>
                  <a:pt x="2294480" y="2681612"/>
                  <a:pt x="2220415" y="2681612"/>
                </a:cubicBezTo>
                <a:cubicBezTo>
                  <a:pt x="2122541" y="2681612"/>
                  <a:pt x="2041764" y="2608405"/>
                  <a:pt x="2030773" y="2513644"/>
                </a:cubicBezTo>
                <a:cubicBezTo>
                  <a:pt x="1999304" y="2506661"/>
                  <a:pt x="1967635" y="2497623"/>
                  <a:pt x="1935485" y="2487821"/>
                </a:cubicBezTo>
                <a:cubicBezTo>
                  <a:pt x="1830610" y="2940018"/>
                  <a:pt x="1645322" y="3240000"/>
                  <a:pt x="1434343" y="3240000"/>
                </a:cubicBezTo>
                <a:cubicBezTo>
                  <a:pt x="1223366" y="3240000"/>
                  <a:pt x="1038079" y="2940023"/>
                  <a:pt x="933330" y="2487781"/>
                </a:cubicBezTo>
                <a:cubicBezTo>
                  <a:pt x="489302" y="2623186"/>
                  <a:pt x="136870" y="2612712"/>
                  <a:pt x="31382" y="2430000"/>
                </a:cubicBezTo>
                <a:cubicBezTo>
                  <a:pt x="-74106" y="2247290"/>
                  <a:pt x="93037" y="1936840"/>
                  <a:pt x="432165" y="1619862"/>
                </a:cubicBezTo>
                <a:cubicBezTo>
                  <a:pt x="378689" y="1569916"/>
                  <a:pt x="329491" y="1520128"/>
                  <a:pt x="285801" y="1470219"/>
                </a:cubicBezTo>
                <a:cubicBezTo>
                  <a:pt x="267844" y="1476857"/>
                  <a:pt x="248431" y="1479956"/>
                  <a:pt x="228294" y="1479956"/>
                </a:cubicBezTo>
                <a:cubicBezTo>
                  <a:pt x="122216" y="1479956"/>
                  <a:pt x="36222" y="1393962"/>
                  <a:pt x="36222" y="1287884"/>
                </a:cubicBezTo>
                <a:cubicBezTo>
                  <a:pt x="36222" y="1246866"/>
                  <a:pt x="49080" y="1208850"/>
                  <a:pt x="73868" y="1179672"/>
                </a:cubicBezTo>
                <a:cubicBezTo>
                  <a:pt x="-4733" y="1033688"/>
                  <a:pt x="-23287" y="904690"/>
                  <a:pt x="31382" y="810000"/>
                </a:cubicBezTo>
                <a:cubicBezTo>
                  <a:pt x="136860" y="627306"/>
                  <a:pt x="489234" y="616816"/>
                  <a:pt x="933201" y="752179"/>
                </a:cubicBezTo>
                <a:cubicBezTo>
                  <a:pt x="1038076" y="299982"/>
                  <a:pt x="1223365" y="0"/>
                  <a:pt x="1434343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0" name="Heart 17">
            <a:extLst>
              <a:ext uri="{FF2B5EF4-FFF2-40B4-BE49-F238E27FC236}">
                <a16:creationId xmlns:a16="http://schemas.microsoft.com/office/drawing/2014/main" id="{FD25AA3C-FD36-4FC1-9406-60F9CCE3DC0D}"/>
              </a:ext>
            </a:extLst>
          </p:cNvPr>
          <p:cNvSpPr/>
          <p:nvPr/>
        </p:nvSpPr>
        <p:spPr>
          <a:xfrm>
            <a:off x="7846544" y="3588496"/>
            <a:ext cx="501299" cy="491506"/>
          </a:xfrm>
          <a:custGeom>
            <a:avLst/>
            <a:gdLst/>
            <a:ahLst/>
            <a:cxnLst/>
            <a:rect l="l" t="t" r="r" b="b"/>
            <a:pathLst>
              <a:path w="3263621" h="3199863">
                <a:moveTo>
                  <a:pt x="1896188" y="786599"/>
                </a:moveTo>
                <a:cubicBezTo>
                  <a:pt x="1878938" y="786251"/>
                  <a:pt x="1861335" y="789280"/>
                  <a:pt x="1844305" y="796082"/>
                </a:cubicBezTo>
                <a:cubicBezTo>
                  <a:pt x="1792333" y="816839"/>
                  <a:pt x="1760707" y="866742"/>
                  <a:pt x="1761231" y="919486"/>
                </a:cubicBezTo>
                <a:lnTo>
                  <a:pt x="1573886" y="1618665"/>
                </a:lnTo>
                <a:lnTo>
                  <a:pt x="1438574" y="1113672"/>
                </a:lnTo>
                <a:cubicBezTo>
                  <a:pt x="1424335" y="1060531"/>
                  <a:pt x="1379808" y="1023594"/>
                  <a:pt x="1328543" y="1016456"/>
                </a:cubicBezTo>
                <a:cubicBezTo>
                  <a:pt x="1320071" y="1015276"/>
                  <a:pt x="1311415" y="1014911"/>
                  <a:pt x="1302836" y="1018067"/>
                </a:cubicBezTo>
                <a:lnTo>
                  <a:pt x="1300556" y="1017667"/>
                </a:lnTo>
                <a:cubicBezTo>
                  <a:pt x="1298914" y="1017711"/>
                  <a:pt x="1297275" y="1017786"/>
                  <a:pt x="1295680" y="1018515"/>
                </a:cubicBezTo>
                <a:lnTo>
                  <a:pt x="1275904" y="1019755"/>
                </a:lnTo>
                <a:cubicBezTo>
                  <a:pt x="1273459" y="1020410"/>
                  <a:pt x="1271049" y="1021129"/>
                  <a:pt x="1269080" y="1023145"/>
                </a:cubicBezTo>
                <a:cubicBezTo>
                  <a:pt x="1229892" y="1033156"/>
                  <a:pt x="1196286" y="1061513"/>
                  <a:pt x="1180414" y="1102068"/>
                </a:cubicBezTo>
                <a:lnTo>
                  <a:pt x="902406" y="1812437"/>
                </a:lnTo>
                <a:lnTo>
                  <a:pt x="612897" y="1812437"/>
                </a:lnTo>
                <a:cubicBezTo>
                  <a:pt x="539543" y="1812437"/>
                  <a:pt x="480078" y="1871902"/>
                  <a:pt x="480078" y="1945256"/>
                </a:cubicBezTo>
                <a:cubicBezTo>
                  <a:pt x="480078" y="2018610"/>
                  <a:pt x="539543" y="2078075"/>
                  <a:pt x="612897" y="2078075"/>
                </a:cubicBezTo>
                <a:lnTo>
                  <a:pt x="966673" y="2078075"/>
                </a:lnTo>
                <a:cubicBezTo>
                  <a:pt x="1008666" y="2088839"/>
                  <a:pt x="1051924" y="2075535"/>
                  <a:pt x="1081835" y="2045978"/>
                </a:cubicBezTo>
                <a:cubicBezTo>
                  <a:pt x="1105846" y="2028294"/>
                  <a:pt x="1122213" y="2001701"/>
                  <a:pt x="1125659" y="1970866"/>
                </a:cubicBezTo>
                <a:lnTo>
                  <a:pt x="1284498" y="1565001"/>
                </a:lnTo>
                <a:lnTo>
                  <a:pt x="1443089" y="2156868"/>
                </a:lnTo>
                <a:cubicBezTo>
                  <a:pt x="1455914" y="2204733"/>
                  <a:pt x="1493311" y="2239452"/>
                  <a:pt x="1538593" y="2249086"/>
                </a:cubicBezTo>
                <a:lnTo>
                  <a:pt x="1542015" y="2250785"/>
                </a:lnTo>
                <a:cubicBezTo>
                  <a:pt x="1542604" y="2250943"/>
                  <a:pt x="1543193" y="2251097"/>
                  <a:pt x="1543870" y="2250902"/>
                </a:cubicBezTo>
                <a:cubicBezTo>
                  <a:pt x="1553422" y="2254514"/>
                  <a:pt x="1563610" y="2255524"/>
                  <a:pt x="1573886" y="2252783"/>
                </a:cubicBezTo>
                <a:cubicBezTo>
                  <a:pt x="1584162" y="2255524"/>
                  <a:pt x="1594351" y="2254515"/>
                  <a:pt x="1603903" y="2250901"/>
                </a:cubicBezTo>
                <a:lnTo>
                  <a:pt x="1605758" y="2250785"/>
                </a:lnTo>
                <a:cubicBezTo>
                  <a:pt x="1606974" y="2250459"/>
                  <a:pt x="1608181" y="2250118"/>
                  <a:pt x="1609178" y="2249086"/>
                </a:cubicBezTo>
                <a:cubicBezTo>
                  <a:pt x="1654461" y="2239453"/>
                  <a:pt x="1691859" y="2204734"/>
                  <a:pt x="1704684" y="2156868"/>
                </a:cubicBezTo>
                <a:lnTo>
                  <a:pt x="1921541" y="1347547"/>
                </a:lnTo>
                <a:lnTo>
                  <a:pt x="2181705" y="1998928"/>
                </a:lnTo>
                <a:cubicBezTo>
                  <a:pt x="2205326" y="2058070"/>
                  <a:pt x="2266689" y="2090865"/>
                  <a:pt x="2326593" y="2078075"/>
                </a:cubicBezTo>
                <a:lnTo>
                  <a:pt x="2671200" y="2078075"/>
                </a:lnTo>
                <a:cubicBezTo>
                  <a:pt x="2744554" y="2078075"/>
                  <a:pt x="2804019" y="2018610"/>
                  <a:pt x="2804019" y="1945256"/>
                </a:cubicBezTo>
                <a:cubicBezTo>
                  <a:pt x="2804019" y="1871902"/>
                  <a:pt x="2744554" y="1812437"/>
                  <a:pt x="2671200" y="1812437"/>
                </a:cubicBezTo>
                <a:lnTo>
                  <a:pt x="2393261" y="1812437"/>
                </a:lnTo>
                <a:lnTo>
                  <a:pt x="2016914" y="870162"/>
                </a:lnTo>
                <a:cubicBezTo>
                  <a:pt x="1996508" y="819071"/>
                  <a:pt x="1947937" y="787642"/>
                  <a:pt x="1896188" y="786599"/>
                </a:cubicBezTo>
                <a:close/>
                <a:moveTo>
                  <a:pt x="773454" y="106"/>
                </a:moveTo>
                <a:cubicBezTo>
                  <a:pt x="1097282" y="5742"/>
                  <a:pt x="1441967" y="238301"/>
                  <a:pt x="1631811" y="769863"/>
                </a:cubicBezTo>
                <a:cubicBezTo>
                  <a:pt x="2306811" y="-1120137"/>
                  <a:pt x="4939311" y="769863"/>
                  <a:pt x="1631811" y="3199863"/>
                </a:cubicBezTo>
                <a:cubicBezTo>
                  <a:pt x="-745455" y="1453301"/>
                  <a:pt x="-54107" y="-14297"/>
                  <a:pt x="773454" y="106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1" name="Rounded Rectangle 25">
            <a:extLst>
              <a:ext uri="{FF2B5EF4-FFF2-40B4-BE49-F238E27FC236}">
                <a16:creationId xmlns:a16="http://schemas.microsoft.com/office/drawing/2014/main" id="{A53FDB1A-403D-4EBD-8EB6-3E1911FAEEC5}"/>
              </a:ext>
            </a:extLst>
          </p:cNvPr>
          <p:cNvSpPr/>
          <p:nvPr/>
        </p:nvSpPr>
        <p:spPr>
          <a:xfrm>
            <a:off x="6982048" y="3626197"/>
            <a:ext cx="497670" cy="419433"/>
          </a:xfrm>
          <a:custGeom>
            <a:avLst/>
            <a:gdLst/>
            <a:ahLst/>
            <a:cxnLst/>
            <a:rect l="l" t="t" r="r" b="b"/>
            <a:pathLst>
              <a:path w="3240000" h="2730652">
                <a:moveTo>
                  <a:pt x="1452811" y="1541940"/>
                </a:moveTo>
                <a:lnTo>
                  <a:pt x="1452811" y="1831951"/>
                </a:lnTo>
                <a:lnTo>
                  <a:pt x="1162800" y="1831951"/>
                </a:lnTo>
                <a:lnTo>
                  <a:pt x="1162800" y="2166329"/>
                </a:lnTo>
                <a:lnTo>
                  <a:pt x="1452811" y="2166329"/>
                </a:lnTo>
                <a:lnTo>
                  <a:pt x="1452811" y="2456340"/>
                </a:lnTo>
                <a:lnTo>
                  <a:pt x="1787189" y="2456340"/>
                </a:lnTo>
                <a:lnTo>
                  <a:pt x="1787189" y="2166329"/>
                </a:lnTo>
                <a:lnTo>
                  <a:pt x="2077200" y="2166329"/>
                </a:lnTo>
                <a:lnTo>
                  <a:pt x="2077200" y="1831951"/>
                </a:lnTo>
                <a:lnTo>
                  <a:pt x="1787189" y="1831951"/>
                </a:lnTo>
                <a:lnTo>
                  <a:pt x="1787189" y="1541940"/>
                </a:lnTo>
                <a:close/>
                <a:moveTo>
                  <a:pt x="0" y="1278453"/>
                </a:moveTo>
                <a:lnTo>
                  <a:pt x="3240000" y="1278453"/>
                </a:lnTo>
                <a:lnTo>
                  <a:pt x="3240000" y="2376509"/>
                </a:lnTo>
                <a:cubicBezTo>
                  <a:pt x="3240000" y="2572097"/>
                  <a:pt x="3081445" y="2730652"/>
                  <a:pt x="2885857" y="2730652"/>
                </a:cubicBezTo>
                <a:lnTo>
                  <a:pt x="354143" y="2730652"/>
                </a:lnTo>
                <a:cubicBezTo>
                  <a:pt x="158555" y="2730652"/>
                  <a:pt x="0" y="2572097"/>
                  <a:pt x="0" y="2376509"/>
                </a:cubicBezTo>
                <a:close/>
                <a:moveTo>
                  <a:pt x="1001150" y="200505"/>
                </a:moveTo>
                <a:cubicBezTo>
                  <a:pt x="933045" y="200505"/>
                  <a:pt x="877834" y="255715"/>
                  <a:pt x="877834" y="323821"/>
                </a:cubicBezTo>
                <a:lnTo>
                  <a:pt x="877834" y="605836"/>
                </a:lnTo>
                <a:lnTo>
                  <a:pt x="2362163" y="605836"/>
                </a:lnTo>
                <a:lnTo>
                  <a:pt x="2362163" y="323821"/>
                </a:lnTo>
                <a:cubicBezTo>
                  <a:pt x="2362163" y="255715"/>
                  <a:pt x="2306952" y="200505"/>
                  <a:pt x="2238846" y="200505"/>
                </a:cubicBezTo>
                <a:close/>
                <a:moveTo>
                  <a:pt x="843301" y="0"/>
                </a:moveTo>
                <a:lnTo>
                  <a:pt x="2396696" y="0"/>
                </a:lnTo>
                <a:cubicBezTo>
                  <a:pt x="2488075" y="0"/>
                  <a:pt x="2562152" y="74077"/>
                  <a:pt x="2562152" y="165456"/>
                </a:cubicBezTo>
                <a:lnTo>
                  <a:pt x="2562152" y="605836"/>
                </a:lnTo>
                <a:lnTo>
                  <a:pt x="2885857" y="605836"/>
                </a:lnTo>
                <a:cubicBezTo>
                  <a:pt x="3081445" y="605836"/>
                  <a:pt x="3240000" y="764391"/>
                  <a:pt x="3240000" y="959979"/>
                </a:cubicBezTo>
                <a:lnTo>
                  <a:pt x="3240000" y="1134437"/>
                </a:lnTo>
                <a:lnTo>
                  <a:pt x="0" y="1134437"/>
                </a:lnTo>
                <a:lnTo>
                  <a:pt x="0" y="959979"/>
                </a:lnTo>
                <a:cubicBezTo>
                  <a:pt x="0" y="764391"/>
                  <a:pt x="158555" y="605836"/>
                  <a:pt x="354143" y="605836"/>
                </a:cubicBezTo>
                <a:lnTo>
                  <a:pt x="677845" y="605836"/>
                </a:lnTo>
                <a:lnTo>
                  <a:pt x="677845" y="165456"/>
                </a:lnTo>
                <a:cubicBezTo>
                  <a:pt x="677845" y="74077"/>
                  <a:pt x="751923" y="0"/>
                  <a:pt x="843301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2" name="Chord 32">
            <a:extLst>
              <a:ext uri="{FF2B5EF4-FFF2-40B4-BE49-F238E27FC236}">
                <a16:creationId xmlns:a16="http://schemas.microsoft.com/office/drawing/2014/main" id="{3D1BBD17-EB21-4265-8BCB-65380AD568C6}"/>
              </a:ext>
            </a:extLst>
          </p:cNvPr>
          <p:cNvSpPr/>
          <p:nvPr/>
        </p:nvSpPr>
        <p:spPr>
          <a:xfrm>
            <a:off x="6132058" y="3589260"/>
            <a:ext cx="497670" cy="493305"/>
          </a:xfrm>
          <a:custGeom>
            <a:avLst/>
            <a:gdLst/>
            <a:ahLst/>
            <a:cxnLst/>
            <a:rect l="l" t="t" r="r" b="b"/>
            <a:pathLst>
              <a:path w="3240000" h="3211580">
                <a:moveTo>
                  <a:pt x="991906" y="2959580"/>
                </a:moveTo>
                <a:lnTo>
                  <a:pt x="2193254" y="2959580"/>
                </a:lnTo>
                <a:cubicBezTo>
                  <a:pt x="2215674" y="2959580"/>
                  <a:pt x="2233849" y="2977755"/>
                  <a:pt x="2233849" y="3000175"/>
                </a:cubicBezTo>
                <a:lnTo>
                  <a:pt x="2233849" y="3170985"/>
                </a:lnTo>
                <a:cubicBezTo>
                  <a:pt x="2233849" y="3193405"/>
                  <a:pt x="2215674" y="3211580"/>
                  <a:pt x="2193254" y="3211580"/>
                </a:cubicBezTo>
                <a:lnTo>
                  <a:pt x="991906" y="3211580"/>
                </a:lnTo>
                <a:cubicBezTo>
                  <a:pt x="969486" y="3211580"/>
                  <a:pt x="951311" y="3193405"/>
                  <a:pt x="951311" y="3170985"/>
                </a:cubicBezTo>
                <a:lnTo>
                  <a:pt x="951311" y="3000175"/>
                </a:lnTo>
                <a:cubicBezTo>
                  <a:pt x="951311" y="2977755"/>
                  <a:pt x="969486" y="2959580"/>
                  <a:pt x="991906" y="2959580"/>
                </a:cubicBezTo>
                <a:close/>
                <a:moveTo>
                  <a:pt x="1439043" y="1763796"/>
                </a:moveTo>
                <a:lnTo>
                  <a:pt x="1439043" y="2067459"/>
                </a:lnTo>
                <a:lnTo>
                  <a:pt x="1135380" y="2067459"/>
                </a:lnTo>
                <a:lnTo>
                  <a:pt x="1135380" y="2374533"/>
                </a:lnTo>
                <a:lnTo>
                  <a:pt x="1439043" y="2374533"/>
                </a:lnTo>
                <a:lnTo>
                  <a:pt x="1439043" y="2678196"/>
                </a:lnTo>
                <a:lnTo>
                  <a:pt x="1746117" y="2678196"/>
                </a:lnTo>
                <a:lnTo>
                  <a:pt x="1746117" y="2374533"/>
                </a:lnTo>
                <a:lnTo>
                  <a:pt x="2049780" y="2374533"/>
                </a:lnTo>
                <a:lnTo>
                  <a:pt x="2049780" y="2067459"/>
                </a:lnTo>
                <a:lnTo>
                  <a:pt x="1746117" y="2067459"/>
                </a:lnTo>
                <a:lnTo>
                  <a:pt x="1746117" y="1763796"/>
                </a:lnTo>
                <a:close/>
                <a:moveTo>
                  <a:pt x="128358" y="1541040"/>
                </a:moveTo>
                <a:lnTo>
                  <a:pt x="3056915" y="1550917"/>
                </a:lnTo>
                <a:cubicBezTo>
                  <a:pt x="3061111" y="2078028"/>
                  <a:pt x="2781683" y="2566719"/>
                  <a:pt x="2325284" y="2830467"/>
                </a:cubicBezTo>
                <a:lnTo>
                  <a:pt x="2182018" y="2900953"/>
                </a:lnTo>
                <a:lnTo>
                  <a:pt x="1002135" y="2900953"/>
                </a:lnTo>
                <a:cubicBezTo>
                  <a:pt x="950374" y="2879821"/>
                  <a:pt x="900231" y="2854191"/>
                  <a:pt x="851341" y="2825496"/>
                </a:cubicBezTo>
                <a:cubicBezTo>
                  <a:pt x="396732" y="2558675"/>
                  <a:pt x="120607" y="2068110"/>
                  <a:pt x="128358" y="1541040"/>
                </a:cubicBezTo>
                <a:close/>
                <a:moveTo>
                  <a:pt x="61067" y="1230414"/>
                </a:moveTo>
                <a:lnTo>
                  <a:pt x="3178933" y="1230414"/>
                </a:lnTo>
                <a:cubicBezTo>
                  <a:pt x="3212659" y="1230414"/>
                  <a:pt x="3240000" y="1257755"/>
                  <a:pt x="3240000" y="1291481"/>
                </a:cubicBezTo>
                <a:lnTo>
                  <a:pt x="3240000" y="1421347"/>
                </a:lnTo>
                <a:cubicBezTo>
                  <a:pt x="3240000" y="1455073"/>
                  <a:pt x="3212659" y="1482414"/>
                  <a:pt x="3178933" y="1482414"/>
                </a:cubicBezTo>
                <a:lnTo>
                  <a:pt x="61067" y="1482414"/>
                </a:lnTo>
                <a:cubicBezTo>
                  <a:pt x="27341" y="1482414"/>
                  <a:pt x="0" y="1455073"/>
                  <a:pt x="0" y="1421347"/>
                </a:cubicBezTo>
                <a:lnTo>
                  <a:pt x="0" y="1291481"/>
                </a:lnTo>
                <a:cubicBezTo>
                  <a:pt x="0" y="1257755"/>
                  <a:pt x="27341" y="1230414"/>
                  <a:pt x="61067" y="1230414"/>
                </a:cubicBezTo>
                <a:close/>
                <a:moveTo>
                  <a:pt x="2481726" y="315922"/>
                </a:moveTo>
                <a:lnTo>
                  <a:pt x="2862412" y="696608"/>
                </a:lnTo>
                <a:lnTo>
                  <a:pt x="2420437" y="1138584"/>
                </a:lnTo>
                <a:lnTo>
                  <a:pt x="1659064" y="1138584"/>
                </a:lnTo>
                <a:close/>
                <a:moveTo>
                  <a:pt x="2730827" y="0"/>
                </a:moveTo>
                <a:cubicBezTo>
                  <a:pt x="2765703" y="0"/>
                  <a:pt x="2800581" y="13305"/>
                  <a:pt x="2827191" y="39915"/>
                </a:cubicBezTo>
                <a:lnTo>
                  <a:pt x="3143636" y="356360"/>
                </a:lnTo>
                <a:cubicBezTo>
                  <a:pt x="3196857" y="409581"/>
                  <a:pt x="3196857" y="495868"/>
                  <a:pt x="3143636" y="549088"/>
                </a:cubicBezTo>
                <a:lnTo>
                  <a:pt x="3082882" y="609843"/>
                </a:lnTo>
                <a:cubicBezTo>
                  <a:pt x="3029661" y="663063"/>
                  <a:pt x="2943375" y="663064"/>
                  <a:pt x="2890155" y="609843"/>
                </a:cubicBezTo>
                <a:lnTo>
                  <a:pt x="2573708" y="293397"/>
                </a:lnTo>
                <a:cubicBezTo>
                  <a:pt x="2520488" y="240176"/>
                  <a:pt x="2520488" y="153889"/>
                  <a:pt x="2573708" y="100669"/>
                </a:cubicBezTo>
                <a:lnTo>
                  <a:pt x="2634463" y="39914"/>
                </a:lnTo>
                <a:cubicBezTo>
                  <a:pt x="2661073" y="13305"/>
                  <a:pt x="2695950" y="0"/>
                  <a:pt x="2730827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3" name="Rounded Rectangle 40">
            <a:extLst>
              <a:ext uri="{FF2B5EF4-FFF2-40B4-BE49-F238E27FC236}">
                <a16:creationId xmlns:a16="http://schemas.microsoft.com/office/drawing/2014/main" id="{9EAE5B7B-9157-44FC-AC9D-E519CCFB3F84}"/>
              </a:ext>
            </a:extLst>
          </p:cNvPr>
          <p:cNvSpPr/>
          <p:nvPr/>
        </p:nvSpPr>
        <p:spPr>
          <a:xfrm rot="2942052">
            <a:off x="8639059" y="3589842"/>
            <a:ext cx="462604" cy="492140"/>
          </a:xfrm>
          <a:custGeom>
            <a:avLst/>
            <a:gdLst/>
            <a:ahLst/>
            <a:cxnLst/>
            <a:rect l="l" t="t" r="r" b="b"/>
            <a:pathLst>
              <a:path w="3011706" h="3204001">
                <a:moveTo>
                  <a:pt x="2432249" y="1011942"/>
                </a:moveTo>
                <a:cubicBezTo>
                  <a:pt x="2423608" y="1019482"/>
                  <a:pt x="2416303" y="1028841"/>
                  <a:pt x="2410966" y="1039800"/>
                </a:cubicBezTo>
                <a:lnTo>
                  <a:pt x="1969837" y="1945620"/>
                </a:lnTo>
                <a:cubicBezTo>
                  <a:pt x="1948488" y="1989457"/>
                  <a:pt x="1966719" y="2042300"/>
                  <a:pt x="2010556" y="2063648"/>
                </a:cubicBezTo>
                <a:cubicBezTo>
                  <a:pt x="2054392" y="2084996"/>
                  <a:pt x="2107235" y="2066766"/>
                  <a:pt x="2128583" y="2022929"/>
                </a:cubicBezTo>
                <a:lnTo>
                  <a:pt x="2569712" y="1117109"/>
                </a:lnTo>
                <a:cubicBezTo>
                  <a:pt x="2591061" y="1073271"/>
                  <a:pt x="2572830" y="1020430"/>
                  <a:pt x="2528993" y="999081"/>
                </a:cubicBezTo>
                <a:cubicBezTo>
                  <a:pt x="2496115" y="983070"/>
                  <a:pt x="2458172" y="989322"/>
                  <a:pt x="2432249" y="1011942"/>
                </a:cubicBezTo>
                <a:close/>
                <a:moveTo>
                  <a:pt x="1709549" y="1044955"/>
                </a:moveTo>
                <a:cubicBezTo>
                  <a:pt x="1978186" y="735551"/>
                  <a:pt x="2446780" y="702502"/>
                  <a:pt x="2756184" y="971139"/>
                </a:cubicBezTo>
                <a:cubicBezTo>
                  <a:pt x="3065588" y="1239776"/>
                  <a:pt x="3098636" y="1708370"/>
                  <a:pt x="2830000" y="2017774"/>
                </a:cubicBezTo>
                <a:cubicBezTo>
                  <a:pt x="2561363" y="2327178"/>
                  <a:pt x="2092769" y="2360227"/>
                  <a:pt x="1783365" y="2091590"/>
                </a:cubicBezTo>
                <a:cubicBezTo>
                  <a:pt x="1473960" y="1822953"/>
                  <a:pt x="1440912" y="1354359"/>
                  <a:pt x="1709549" y="1044955"/>
                </a:cubicBezTo>
                <a:close/>
                <a:moveTo>
                  <a:pt x="208197" y="1872243"/>
                </a:moveTo>
                <a:cubicBezTo>
                  <a:pt x="195168" y="1885273"/>
                  <a:pt x="187109" y="1903273"/>
                  <a:pt x="187109" y="1923155"/>
                </a:cubicBezTo>
                <a:lnTo>
                  <a:pt x="187109" y="2715155"/>
                </a:lnTo>
                <a:cubicBezTo>
                  <a:pt x="187109" y="2754920"/>
                  <a:pt x="219344" y="2787155"/>
                  <a:pt x="259109" y="2787155"/>
                </a:cubicBezTo>
                <a:cubicBezTo>
                  <a:pt x="298874" y="2787155"/>
                  <a:pt x="331109" y="2754920"/>
                  <a:pt x="331109" y="2715155"/>
                </a:cubicBezTo>
                <a:lnTo>
                  <a:pt x="331109" y="1923155"/>
                </a:lnTo>
                <a:cubicBezTo>
                  <a:pt x="331109" y="1883390"/>
                  <a:pt x="298874" y="1851155"/>
                  <a:pt x="259109" y="1851155"/>
                </a:cubicBezTo>
                <a:cubicBezTo>
                  <a:pt x="239226" y="1851156"/>
                  <a:pt x="221226" y="1859214"/>
                  <a:pt x="208197" y="1872243"/>
                </a:cubicBezTo>
                <a:close/>
                <a:moveTo>
                  <a:pt x="0" y="1625202"/>
                </a:moveTo>
                <a:cubicBezTo>
                  <a:pt x="418057" y="1737228"/>
                  <a:pt x="858998" y="1737384"/>
                  <a:pt x="1277606" y="1625336"/>
                </a:cubicBezTo>
                <a:cubicBezTo>
                  <a:pt x="1277605" y="1938624"/>
                  <a:pt x="1277605" y="2251911"/>
                  <a:pt x="1277605" y="2565198"/>
                </a:cubicBezTo>
                <a:cubicBezTo>
                  <a:pt x="1277605" y="2917999"/>
                  <a:pt x="991603" y="3204001"/>
                  <a:pt x="638802" y="3204001"/>
                </a:cubicBezTo>
                <a:lnTo>
                  <a:pt x="638803" y="3204000"/>
                </a:lnTo>
                <a:cubicBezTo>
                  <a:pt x="286002" y="3204000"/>
                  <a:pt x="0" y="2917999"/>
                  <a:pt x="0" y="2565197"/>
                </a:cubicBezTo>
                <a:close/>
                <a:moveTo>
                  <a:pt x="208197" y="459897"/>
                </a:moveTo>
                <a:cubicBezTo>
                  <a:pt x="195167" y="472926"/>
                  <a:pt x="187109" y="490926"/>
                  <a:pt x="187109" y="510808"/>
                </a:cubicBezTo>
                <a:lnTo>
                  <a:pt x="187109" y="1302808"/>
                </a:lnTo>
                <a:cubicBezTo>
                  <a:pt x="187109" y="1342573"/>
                  <a:pt x="219344" y="1374808"/>
                  <a:pt x="259109" y="1374808"/>
                </a:cubicBezTo>
                <a:cubicBezTo>
                  <a:pt x="298874" y="1374808"/>
                  <a:pt x="331109" y="1342573"/>
                  <a:pt x="331109" y="1302808"/>
                </a:cubicBezTo>
                <a:lnTo>
                  <a:pt x="331109" y="510808"/>
                </a:lnTo>
                <a:cubicBezTo>
                  <a:pt x="331109" y="471043"/>
                  <a:pt x="298874" y="438808"/>
                  <a:pt x="259109" y="438808"/>
                </a:cubicBezTo>
                <a:cubicBezTo>
                  <a:pt x="239226" y="438808"/>
                  <a:pt x="221226" y="446867"/>
                  <a:pt x="208197" y="459897"/>
                </a:cubicBezTo>
                <a:close/>
                <a:moveTo>
                  <a:pt x="187101" y="187101"/>
                </a:moveTo>
                <a:cubicBezTo>
                  <a:pt x="302701" y="71501"/>
                  <a:pt x="462402" y="0"/>
                  <a:pt x="638803" y="0"/>
                </a:cubicBezTo>
                <a:cubicBezTo>
                  <a:pt x="991604" y="0"/>
                  <a:pt x="1277606" y="286002"/>
                  <a:pt x="1277606" y="638803"/>
                </a:cubicBezTo>
                <a:lnTo>
                  <a:pt x="1277606" y="1497764"/>
                </a:lnTo>
                <a:cubicBezTo>
                  <a:pt x="859958" y="1616355"/>
                  <a:pt x="417375" y="1616210"/>
                  <a:pt x="0" y="1498771"/>
                </a:cubicBezTo>
                <a:lnTo>
                  <a:pt x="0" y="638803"/>
                </a:lnTo>
                <a:cubicBezTo>
                  <a:pt x="0" y="462403"/>
                  <a:pt x="71500" y="302702"/>
                  <a:pt x="187101" y="187101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4" name="Rounded Rectangle 7">
            <a:extLst>
              <a:ext uri="{FF2B5EF4-FFF2-40B4-BE49-F238E27FC236}">
                <a16:creationId xmlns:a16="http://schemas.microsoft.com/office/drawing/2014/main" id="{EC656316-B78D-4EC1-9C72-547CA566FED0}"/>
              </a:ext>
            </a:extLst>
          </p:cNvPr>
          <p:cNvSpPr>
            <a:spLocks noChangeAspect="1"/>
          </p:cNvSpPr>
          <p:nvPr/>
        </p:nvSpPr>
        <p:spPr>
          <a:xfrm rot="18924894" flipH="1">
            <a:off x="6299616" y="4621988"/>
            <a:ext cx="162556" cy="635774"/>
          </a:xfrm>
          <a:custGeom>
            <a:avLst/>
            <a:gdLst/>
            <a:ahLst/>
            <a:cxnLst/>
            <a:rect l="l" t="t" r="r" b="b"/>
            <a:pathLst>
              <a:path w="1081111" h="4228323">
                <a:moveTo>
                  <a:pt x="335224" y="1867922"/>
                </a:moveTo>
                <a:cubicBezTo>
                  <a:pt x="355105" y="1839562"/>
                  <a:pt x="441066" y="1818228"/>
                  <a:pt x="544096" y="1818228"/>
                </a:cubicBezTo>
                <a:cubicBezTo>
                  <a:pt x="661845" y="1818228"/>
                  <a:pt x="757300" y="1846093"/>
                  <a:pt x="757300" y="1880465"/>
                </a:cubicBezTo>
                <a:lnTo>
                  <a:pt x="754850" y="1887560"/>
                </a:lnTo>
                <a:lnTo>
                  <a:pt x="757869" y="1887560"/>
                </a:lnTo>
                <a:lnTo>
                  <a:pt x="757869" y="2839818"/>
                </a:lnTo>
                <a:cubicBezTo>
                  <a:pt x="757869" y="2972331"/>
                  <a:pt x="662287" y="3079754"/>
                  <a:pt x="544381" y="3079754"/>
                </a:cubicBezTo>
                <a:cubicBezTo>
                  <a:pt x="426475" y="3079754"/>
                  <a:pt x="330892" y="2972330"/>
                  <a:pt x="330892" y="2839818"/>
                </a:cubicBezTo>
                <a:cubicBezTo>
                  <a:pt x="330892" y="2522399"/>
                  <a:pt x="330893" y="2204979"/>
                  <a:pt x="330893" y="1887560"/>
                </a:cubicBezTo>
                <a:lnTo>
                  <a:pt x="333343" y="1887560"/>
                </a:lnTo>
                <a:cubicBezTo>
                  <a:pt x="331423" y="1885549"/>
                  <a:pt x="330893" y="1883025"/>
                  <a:pt x="330893" y="1880465"/>
                </a:cubicBezTo>
                <a:cubicBezTo>
                  <a:pt x="330893" y="1876168"/>
                  <a:pt x="332384" y="1871973"/>
                  <a:pt x="335224" y="1867922"/>
                </a:cubicBezTo>
                <a:close/>
                <a:moveTo>
                  <a:pt x="40017" y="122059"/>
                </a:moveTo>
                <a:cubicBezTo>
                  <a:pt x="33211" y="132011"/>
                  <a:pt x="29637" y="142314"/>
                  <a:pt x="29637" y="152868"/>
                </a:cubicBezTo>
                <a:cubicBezTo>
                  <a:pt x="29637" y="201406"/>
                  <a:pt x="105246" y="244661"/>
                  <a:pt x="223474" y="271871"/>
                </a:cubicBezTo>
                <a:lnTo>
                  <a:pt x="259635" y="468058"/>
                </a:lnTo>
                <a:cubicBezTo>
                  <a:pt x="103865" y="495856"/>
                  <a:pt x="0" y="547115"/>
                  <a:pt x="0" y="605632"/>
                </a:cubicBezTo>
                <a:cubicBezTo>
                  <a:pt x="0" y="658669"/>
                  <a:pt x="85325" y="705745"/>
                  <a:pt x="217400" y="734580"/>
                </a:cubicBezTo>
                <a:lnTo>
                  <a:pt x="217063" y="737117"/>
                </a:lnTo>
                <a:lnTo>
                  <a:pt x="217063" y="2943282"/>
                </a:lnTo>
                <a:cubicBezTo>
                  <a:pt x="217063" y="3039089"/>
                  <a:pt x="294931" y="3121078"/>
                  <a:pt x="405721" y="3153265"/>
                </a:cubicBezTo>
                <a:cubicBezTo>
                  <a:pt x="400324" y="3160310"/>
                  <a:pt x="397646" y="3168520"/>
                  <a:pt x="397646" y="3177204"/>
                </a:cubicBezTo>
                <a:lnTo>
                  <a:pt x="397646" y="3194256"/>
                </a:lnTo>
                <a:cubicBezTo>
                  <a:pt x="397646" y="3224314"/>
                  <a:pt x="429716" y="3248680"/>
                  <a:pt x="469276" y="3248680"/>
                </a:cubicBezTo>
                <a:lnTo>
                  <a:pt x="496274" y="3248680"/>
                </a:lnTo>
                <a:cubicBezTo>
                  <a:pt x="503831" y="3569617"/>
                  <a:pt x="518631" y="3867052"/>
                  <a:pt x="514761" y="4228323"/>
                </a:cubicBezTo>
                <a:lnTo>
                  <a:pt x="577573" y="4091802"/>
                </a:lnTo>
                <a:cubicBezTo>
                  <a:pt x="580481" y="3794896"/>
                  <a:pt x="583388" y="3537508"/>
                  <a:pt x="586278" y="3248680"/>
                </a:cubicBezTo>
                <a:lnTo>
                  <a:pt x="611834" y="3248680"/>
                </a:lnTo>
                <a:cubicBezTo>
                  <a:pt x="651395" y="3248680"/>
                  <a:pt x="683465" y="3224314"/>
                  <a:pt x="683465" y="3194256"/>
                </a:cubicBezTo>
                <a:lnTo>
                  <a:pt x="683465" y="3177205"/>
                </a:lnTo>
                <a:cubicBezTo>
                  <a:pt x="683465" y="3168518"/>
                  <a:pt x="680787" y="3160307"/>
                  <a:pt x="675388" y="3153262"/>
                </a:cubicBezTo>
                <a:cubicBezTo>
                  <a:pt x="786180" y="3121079"/>
                  <a:pt x="864048" y="3039089"/>
                  <a:pt x="864048" y="2943282"/>
                </a:cubicBezTo>
                <a:lnTo>
                  <a:pt x="864048" y="737117"/>
                </a:lnTo>
                <a:cubicBezTo>
                  <a:pt x="864048" y="736269"/>
                  <a:pt x="864042" y="735422"/>
                  <a:pt x="863712" y="734579"/>
                </a:cubicBezTo>
                <a:cubicBezTo>
                  <a:pt x="995786" y="705744"/>
                  <a:pt x="1081111" y="658669"/>
                  <a:pt x="1081111" y="605632"/>
                </a:cubicBezTo>
                <a:cubicBezTo>
                  <a:pt x="1081111" y="547115"/>
                  <a:pt x="977246" y="495856"/>
                  <a:pt x="821477" y="468058"/>
                </a:cubicBezTo>
                <a:lnTo>
                  <a:pt x="857637" y="271871"/>
                </a:lnTo>
                <a:cubicBezTo>
                  <a:pt x="975865" y="244661"/>
                  <a:pt x="1051474" y="201406"/>
                  <a:pt x="1051474" y="152868"/>
                </a:cubicBezTo>
                <a:cubicBezTo>
                  <a:pt x="1051474" y="68441"/>
                  <a:pt x="822728" y="0"/>
                  <a:pt x="540555" y="0"/>
                </a:cubicBezTo>
                <a:cubicBezTo>
                  <a:pt x="293654" y="0"/>
                  <a:pt x="87658" y="52400"/>
                  <a:pt x="40017" y="122059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85" name="Rounded Rectangle 17">
            <a:extLst>
              <a:ext uri="{FF2B5EF4-FFF2-40B4-BE49-F238E27FC236}">
                <a16:creationId xmlns:a16="http://schemas.microsoft.com/office/drawing/2014/main" id="{6B94B2D2-8266-41F5-8364-5F47F1CD6CCC}"/>
              </a:ext>
            </a:extLst>
          </p:cNvPr>
          <p:cNvSpPr>
            <a:spLocks noChangeAspect="1"/>
          </p:cNvSpPr>
          <p:nvPr/>
        </p:nvSpPr>
        <p:spPr>
          <a:xfrm>
            <a:off x="11156386" y="3571006"/>
            <a:ext cx="332990" cy="529812"/>
          </a:xfrm>
          <a:custGeom>
            <a:avLst/>
            <a:gdLst/>
            <a:ahLst/>
            <a:cxnLst/>
            <a:rect l="l" t="t" r="r" b="b"/>
            <a:pathLst>
              <a:path w="2016224" h="3207971">
                <a:moveTo>
                  <a:pt x="854575" y="1382799"/>
                </a:moveTo>
                <a:lnTo>
                  <a:pt x="854575" y="1686462"/>
                </a:lnTo>
                <a:lnTo>
                  <a:pt x="550912" y="1686462"/>
                </a:lnTo>
                <a:lnTo>
                  <a:pt x="550912" y="1993536"/>
                </a:lnTo>
                <a:lnTo>
                  <a:pt x="854575" y="1993536"/>
                </a:lnTo>
                <a:lnTo>
                  <a:pt x="854575" y="2297199"/>
                </a:lnTo>
                <a:lnTo>
                  <a:pt x="1161649" y="2297199"/>
                </a:lnTo>
                <a:lnTo>
                  <a:pt x="1161649" y="1993536"/>
                </a:lnTo>
                <a:lnTo>
                  <a:pt x="1465312" y="1993536"/>
                </a:lnTo>
                <a:lnTo>
                  <a:pt x="1465312" y="1686462"/>
                </a:lnTo>
                <a:lnTo>
                  <a:pt x="1161649" y="1686462"/>
                </a:lnTo>
                <a:lnTo>
                  <a:pt x="1161649" y="1382799"/>
                </a:lnTo>
                <a:close/>
                <a:moveTo>
                  <a:pt x="397285" y="941591"/>
                </a:moveTo>
                <a:lnTo>
                  <a:pt x="1618940" y="941591"/>
                </a:lnTo>
                <a:lnTo>
                  <a:pt x="1618940" y="2738407"/>
                </a:lnTo>
                <a:lnTo>
                  <a:pt x="397285" y="2738407"/>
                </a:lnTo>
                <a:close/>
                <a:moveTo>
                  <a:pt x="305673" y="849979"/>
                </a:moveTo>
                <a:lnTo>
                  <a:pt x="305673" y="2830019"/>
                </a:lnTo>
                <a:lnTo>
                  <a:pt x="1710552" y="2830019"/>
                </a:lnTo>
                <a:lnTo>
                  <a:pt x="1710552" y="849979"/>
                </a:lnTo>
                <a:close/>
                <a:moveTo>
                  <a:pt x="240515" y="472027"/>
                </a:moveTo>
                <a:lnTo>
                  <a:pt x="1775709" y="472027"/>
                </a:lnTo>
                <a:cubicBezTo>
                  <a:pt x="1908542" y="472027"/>
                  <a:pt x="2016224" y="579709"/>
                  <a:pt x="2016224" y="712542"/>
                </a:cubicBezTo>
                <a:lnTo>
                  <a:pt x="2016224" y="2967456"/>
                </a:lnTo>
                <a:cubicBezTo>
                  <a:pt x="2016224" y="3100289"/>
                  <a:pt x="1908542" y="3207971"/>
                  <a:pt x="1775709" y="3207971"/>
                </a:cubicBezTo>
                <a:lnTo>
                  <a:pt x="240515" y="3207971"/>
                </a:lnTo>
                <a:cubicBezTo>
                  <a:pt x="107682" y="3207971"/>
                  <a:pt x="0" y="3100289"/>
                  <a:pt x="0" y="2967456"/>
                </a:cubicBezTo>
                <a:lnTo>
                  <a:pt x="0" y="712542"/>
                </a:lnTo>
                <a:cubicBezTo>
                  <a:pt x="0" y="579709"/>
                  <a:pt x="107682" y="472027"/>
                  <a:pt x="240515" y="472027"/>
                </a:cubicBezTo>
                <a:close/>
                <a:moveTo>
                  <a:pt x="515787" y="0"/>
                </a:moveTo>
                <a:lnTo>
                  <a:pt x="1500437" y="0"/>
                </a:lnTo>
                <a:cubicBezTo>
                  <a:pt x="1541893" y="0"/>
                  <a:pt x="1575500" y="33607"/>
                  <a:pt x="1575500" y="75063"/>
                </a:cubicBezTo>
                <a:lnTo>
                  <a:pt x="1575500" y="367990"/>
                </a:lnTo>
                <a:lnTo>
                  <a:pt x="440724" y="367990"/>
                </a:lnTo>
                <a:lnTo>
                  <a:pt x="440724" y="75063"/>
                </a:lnTo>
                <a:cubicBezTo>
                  <a:pt x="440724" y="33607"/>
                  <a:pt x="474331" y="0"/>
                  <a:pt x="515787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6" name="Oval 21">
            <a:extLst>
              <a:ext uri="{FF2B5EF4-FFF2-40B4-BE49-F238E27FC236}">
                <a16:creationId xmlns:a16="http://schemas.microsoft.com/office/drawing/2014/main" id="{97FCD430-8257-484B-9F8F-22D7D55C6EEE}"/>
              </a:ext>
            </a:extLst>
          </p:cNvPr>
          <p:cNvSpPr>
            <a:spLocks noChangeAspect="1"/>
          </p:cNvSpPr>
          <p:nvPr/>
        </p:nvSpPr>
        <p:spPr>
          <a:xfrm>
            <a:off x="9438721" y="3571006"/>
            <a:ext cx="529812" cy="529812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1799999" y="306000"/>
                </a:moveTo>
                <a:lnTo>
                  <a:pt x="1440000" y="306000"/>
                </a:lnTo>
                <a:lnTo>
                  <a:pt x="1440000" y="1308231"/>
                </a:lnTo>
                <a:lnTo>
                  <a:pt x="572043" y="807116"/>
                </a:lnTo>
                <a:lnTo>
                  <a:pt x="392043" y="1118885"/>
                </a:lnTo>
                <a:lnTo>
                  <a:pt x="1260000" y="1620000"/>
                </a:lnTo>
                <a:lnTo>
                  <a:pt x="392043" y="2121116"/>
                </a:lnTo>
                <a:lnTo>
                  <a:pt x="572043" y="2432885"/>
                </a:lnTo>
                <a:lnTo>
                  <a:pt x="1440000" y="1931769"/>
                </a:lnTo>
                <a:lnTo>
                  <a:pt x="1440000" y="2934000"/>
                </a:lnTo>
                <a:lnTo>
                  <a:pt x="1800000" y="2934000"/>
                </a:lnTo>
                <a:lnTo>
                  <a:pt x="1800000" y="1931769"/>
                </a:lnTo>
                <a:lnTo>
                  <a:pt x="2667957" y="2432884"/>
                </a:lnTo>
                <a:lnTo>
                  <a:pt x="2847957" y="2121116"/>
                </a:lnTo>
                <a:lnTo>
                  <a:pt x="1980000" y="1620000"/>
                </a:lnTo>
                <a:lnTo>
                  <a:pt x="2847958" y="1118885"/>
                </a:lnTo>
                <a:lnTo>
                  <a:pt x="2667957" y="807116"/>
                </a:lnTo>
                <a:lnTo>
                  <a:pt x="1800000" y="1308231"/>
                </a:lnTo>
                <a:close/>
                <a:moveTo>
                  <a:pt x="1620000" y="0"/>
                </a:moveTo>
                <a:cubicBezTo>
                  <a:pt x="2514701" y="0"/>
                  <a:pt x="3240000" y="725299"/>
                  <a:pt x="3240000" y="1620000"/>
                </a:cubicBezTo>
                <a:cubicBezTo>
                  <a:pt x="3240000" y="2514701"/>
                  <a:pt x="2514701" y="3240000"/>
                  <a:pt x="1620000" y="3240000"/>
                </a:cubicBezTo>
                <a:cubicBezTo>
                  <a:pt x="725299" y="3240000"/>
                  <a:pt x="0" y="2514701"/>
                  <a:pt x="0" y="1620000"/>
                </a:cubicBezTo>
                <a:cubicBezTo>
                  <a:pt x="0" y="725299"/>
                  <a:pt x="725299" y="0"/>
                  <a:pt x="1620000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7" name="Oval 25">
            <a:extLst>
              <a:ext uri="{FF2B5EF4-FFF2-40B4-BE49-F238E27FC236}">
                <a16:creationId xmlns:a16="http://schemas.microsoft.com/office/drawing/2014/main" id="{662B9A10-B959-4031-98B4-3EA3760E7508}"/>
              </a:ext>
            </a:extLst>
          </p:cNvPr>
          <p:cNvSpPr>
            <a:spLocks noChangeAspect="1"/>
          </p:cNvSpPr>
          <p:nvPr/>
        </p:nvSpPr>
        <p:spPr>
          <a:xfrm>
            <a:off x="10277790" y="3571006"/>
            <a:ext cx="529090" cy="529812"/>
          </a:xfrm>
          <a:custGeom>
            <a:avLst/>
            <a:gdLst/>
            <a:ahLst/>
            <a:cxnLst/>
            <a:rect l="l" t="t" r="r" b="b"/>
            <a:pathLst>
              <a:path w="3225370" h="3229762">
                <a:moveTo>
                  <a:pt x="1355872" y="0"/>
                </a:moveTo>
                <a:cubicBezTo>
                  <a:pt x="1564636" y="0"/>
                  <a:pt x="1733872" y="169236"/>
                  <a:pt x="1733872" y="378000"/>
                </a:cubicBezTo>
                <a:cubicBezTo>
                  <a:pt x="1733872" y="530834"/>
                  <a:pt x="1643169" y="662483"/>
                  <a:pt x="1512292" y="721255"/>
                </a:cubicBezTo>
                <a:lnTo>
                  <a:pt x="1607042" y="1169019"/>
                </a:lnTo>
                <a:cubicBezTo>
                  <a:pt x="1611319" y="1167786"/>
                  <a:pt x="1615651" y="1167712"/>
                  <a:pt x="1620000" y="1167712"/>
                </a:cubicBezTo>
                <a:cubicBezTo>
                  <a:pt x="1828764" y="1167712"/>
                  <a:pt x="1998000" y="1336948"/>
                  <a:pt x="1998000" y="1545712"/>
                </a:cubicBezTo>
                <a:lnTo>
                  <a:pt x="1996362" y="1567711"/>
                </a:lnTo>
                <a:lnTo>
                  <a:pt x="2525816" y="1711728"/>
                </a:lnTo>
                <a:cubicBezTo>
                  <a:pt x="2591164" y="1602543"/>
                  <a:pt x="2710810" y="1530128"/>
                  <a:pt x="2847370" y="1530128"/>
                </a:cubicBezTo>
                <a:cubicBezTo>
                  <a:pt x="3056134" y="1530128"/>
                  <a:pt x="3225370" y="1699364"/>
                  <a:pt x="3225370" y="1908128"/>
                </a:cubicBezTo>
                <a:cubicBezTo>
                  <a:pt x="3225370" y="2116892"/>
                  <a:pt x="3056134" y="2286128"/>
                  <a:pt x="2847370" y="2286128"/>
                </a:cubicBezTo>
                <a:cubicBezTo>
                  <a:pt x="2638606" y="2286128"/>
                  <a:pt x="2469370" y="2116892"/>
                  <a:pt x="2469370" y="1908128"/>
                </a:cubicBezTo>
                <a:lnTo>
                  <a:pt x="2475505" y="1847275"/>
                </a:lnTo>
                <a:lnTo>
                  <a:pt x="1957861" y="1706471"/>
                </a:lnTo>
                <a:cubicBezTo>
                  <a:pt x="1922674" y="1789256"/>
                  <a:pt x="1855841" y="1854310"/>
                  <a:pt x="1773397" y="1890608"/>
                </a:cubicBezTo>
                <a:lnTo>
                  <a:pt x="1908290" y="2478637"/>
                </a:lnTo>
                <a:cubicBezTo>
                  <a:pt x="2094333" y="2500701"/>
                  <a:pt x="2237929" y="2659462"/>
                  <a:pt x="2237929" y="2851762"/>
                </a:cubicBezTo>
                <a:cubicBezTo>
                  <a:pt x="2237929" y="3060526"/>
                  <a:pt x="2068693" y="3229762"/>
                  <a:pt x="1859929" y="3229762"/>
                </a:cubicBezTo>
                <a:cubicBezTo>
                  <a:pt x="1651165" y="3229762"/>
                  <a:pt x="1481929" y="3060526"/>
                  <a:pt x="1481929" y="2851762"/>
                </a:cubicBezTo>
                <a:cubicBezTo>
                  <a:pt x="1481929" y="2676759"/>
                  <a:pt x="1600854" y="2529533"/>
                  <a:pt x="1762693" y="2487978"/>
                </a:cubicBezTo>
                <a:lnTo>
                  <a:pt x="1632951" y="1922407"/>
                </a:lnTo>
                <a:cubicBezTo>
                  <a:pt x="1628677" y="1923639"/>
                  <a:pt x="1624347" y="1923712"/>
                  <a:pt x="1620000" y="1923712"/>
                </a:cubicBezTo>
                <a:cubicBezTo>
                  <a:pt x="1474614" y="1923712"/>
                  <a:pt x="1348399" y="1841634"/>
                  <a:pt x="1286703" y="1720478"/>
                </a:cubicBezTo>
                <a:lnTo>
                  <a:pt x="726463" y="1950491"/>
                </a:lnTo>
                <a:cubicBezTo>
                  <a:pt x="745503" y="1995553"/>
                  <a:pt x="756000" y="2045092"/>
                  <a:pt x="756000" y="2097083"/>
                </a:cubicBezTo>
                <a:cubicBezTo>
                  <a:pt x="756000" y="2305847"/>
                  <a:pt x="586764" y="2475083"/>
                  <a:pt x="378000" y="2475083"/>
                </a:cubicBezTo>
                <a:cubicBezTo>
                  <a:pt x="169236" y="2475083"/>
                  <a:pt x="0" y="2305847"/>
                  <a:pt x="0" y="2097083"/>
                </a:cubicBezTo>
                <a:cubicBezTo>
                  <a:pt x="0" y="1888319"/>
                  <a:pt x="169236" y="1719083"/>
                  <a:pt x="378000" y="1719083"/>
                </a:cubicBezTo>
                <a:cubicBezTo>
                  <a:pt x="481765" y="1719083"/>
                  <a:pt x="575764" y="1760894"/>
                  <a:pt x="643957" y="1828700"/>
                </a:cubicBezTo>
                <a:lnTo>
                  <a:pt x="1245626" y="1581679"/>
                </a:lnTo>
                <a:cubicBezTo>
                  <a:pt x="1242578" y="1569964"/>
                  <a:pt x="1242000" y="1557905"/>
                  <a:pt x="1242000" y="1545712"/>
                </a:cubicBezTo>
                <a:cubicBezTo>
                  <a:pt x="1242000" y="1391666"/>
                  <a:pt x="1334148" y="1259142"/>
                  <a:pt x="1466584" y="1200827"/>
                </a:cubicBezTo>
                <a:lnTo>
                  <a:pt x="1372109" y="754363"/>
                </a:lnTo>
                <a:cubicBezTo>
                  <a:pt x="1366762" y="755885"/>
                  <a:pt x="1361331" y="756000"/>
                  <a:pt x="1355872" y="756000"/>
                </a:cubicBezTo>
                <a:cubicBezTo>
                  <a:pt x="1147108" y="756000"/>
                  <a:pt x="977872" y="586764"/>
                  <a:pt x="977872" y="378000"/>
                </a:cubicBezTo>
                <a:cubicBezTo>
                  <a:pt x="977872" y="169236"/>
                  <a:pt x="1147108" y="0"/>
                  <a:pt x="1355872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8" name="Block Arc 20">
            <a:extLst>
              <a:ext uri="{FF2B5EF4-FFF2-40B4-BE49-F238E27FC236}">
                <a16:creationId xmlns:a16="http://schemas.microsoft.com/office/drawing/2014/main" id="{442BD419-0F67-4BAB-976B-E90CC1C4AECE}"/>
              </a:ext>
            </a:extLst>
          </p:cNvPr>
          <p:cNvSpPr>
            <a:spLocks noChangeAspect="1"/>
          </p:cNvSpPr>
          <p:nvPr/>
        </p:nvSpPr>
        <p:spPr>
          <a:xfrm rot="10800000">
            <a:off x="5298601" y="4674968"/>
            <a:ext cx="488619" cy="529812"/>
          </a:xfrm>
          <a:custGeom>
            <a:avLst/>
            <a:gdLst/>
            <a:ahLst/>
            <a:cxnLst/>
            <a:rect l="l" t="t" r="r" b="b"/>
            <a:pathLst>
              <a:path w="2958558" h="3207983">
                <a:moveTo>
                  <a:pt x="376920" y="2960896"/>
                </a:moveTo>
                <a:cubicBezTo>
                  <a:pt x="266613" y="2960896"/>
                  <a:pt x="177192" y="2871475"/>
                  <a:pt x="177192" y="2761168"/>
                </a:cubicBezTo>
                <a:cubicBezTo>
                  <a:pt x="177192" y="2650861"/>
                  <a:pt x="266613" y="2561440"/>
                  <a:pt x="376920" y="2561440"/>
                </a:cubicBezTo>
                <a:cubicBezTo>
                  <a:pt x="487227" y="2561440"/>
                  <a:pt x="576648" y="2650861"/>
                  <a:pt x="576648" y="2761168"/>
                </a:cubicBezTo>
                <a:cubicBezTo>
                  <a:pt x="576648" y="2871475"/>
                  <a:pt x="487227" y="2960896"/>
                  <a:pt x="376920" y="2960896"/>
                </a:cubicBezTo>
                <a:close/>
                <a:moveTo>
                  <a:pt x="376921" y="3072323"/>
                </a:moveTo>
                <a:cubicBezTo>
                  <a:pt x="539434" y="3072323"/>
                  <a:pt x="671176" y="2940581"/>
                  <a:pt x="671176" y="2778068"/>
                </a:cubicBezTo>
                <a:cubicBezTo>
                  <a:pt x="671176" y="2615555"/>
                  <a:pt x="539434" y="2483813"/>
                  <a:pt x="376921" y="2483813"/>
                </a:cubicBezTo>
                <a:cubicBezTo>
                  <a:pt x="214408" y="2483813"/>
                  <a:pt x="82666" y="2615555"/>
                  <a:pt x="82666" y="2778068"/>
                </a:cubicBezTo>
                <a:cubicBezTo>
                  <a:pt x="82666" y="2940581"/>
                  <a:pt x="214408" y="3072323"/>
                  <a:pt x="376921" y="3072323"/>
                </a:cubicBezTo>
                <a:close/>
                <a:moveTo>
                  <a:pt x="2379939" y="3207575"/>
                </a:moveTo>
                <a:cubicBezTo>
                  <a:pt x="2342159" y="3210380"/>
                  <a:pt x="2303308" y="3198772"/>
                  <a:pt x="2272342" y="3172087"/>
                </a:cubicBezTo>
                <a:cubicBezTo>
                  <a:pt x="2210411" y="3118717"/>
                  <a:pt x="2203469" y="3025247"/>
                  <a:pt x="2256839" y="2963315"/>
                </a:cubicBezTo>
                <a:cubicBezTo>
                  <a:pt x="2292137" y="2922355"/>
                  <a:pt x="2344975" y="2905450"/>
                  <a:pt x="2394194" y="2916618"/>
                </a:cubicBezTo>
                <a:lnTo>
                  <a:pt x="2482323" y="2842744"/>
                </a:lnTo>
                <a:lnTo>
                  <a:pt x="2486558" y="2847797"/>
                </a:lnTo>
                <a:cubicBezTo>
                  <a:pt x="2638916" y="2767056"/>
                  <a:pt x="2628462" y="2744879"/>
                  <a:pt x="2689889" y="2690172"/>
                </a:cubicBezTo>
                <a:cubicBezTo>
                  <a:pt x="2722819" y="2655246"/>
                  <a:pt x="2732363" y="2657367"/>
                  <a:pt x="2726376" y="2568558"/>
                </a:cubicBezTo>
                <a:lnTo>
                  <a:pt x="2730335" y="2568172"/>
                </a:lnTo>
                <a:lnTo>
                  <a:pt x="2726098" y="2568172"/>
                </a:lnTo>
                <a:lnTo>
                  <a:pt x="2726098" y="2140027"/>
                </a:lnTo>
                <a:lnTo>
                  <a:pt x="2686068" y="2140105"/>
                </a:lnTo>
                <a:cubicBezTo>
                  <a:pt x="2685662" y="1932305"/>
                  <a:pt x="2574529" y="1740506"/>
                  <a:pt x="2394530" y="1636956"/>
                </a:cubicBezTo>
                <a:cubicBezTo>
                  <a:pt x="2214320" y="1533284"/>
                  <a:pt x="1992511" y="1533845"/>
                  <a:pt x="1812826" y="1638426"/>
                </a:cubicBezTo>
                <a:cubicBezTo>
                  <a:pt x="1633353" y="1742884"/>
                  <a:pt x="1523189" y="1935240"/>
                  <a:pt x="1523830" y="2143038"/>
                </a:cubicBezTo>
                <a:lnTo>
                  <a:pt x="1483625" y="2143162"/>
                </a:lnTo>
                <a:lnTo>
                  <a:pt x="1483625" y="2568172"/>
                </a:lnTo>
                <a:lnTo>
                  <a:pt x="1479388" y="2568172"/>
                </a:lnTo>
                <a:lnTo>
                  <a:pt x="1483347" y="2568558"/>
                </a:lnTo>
                <a:cubicBezTo>
                  <a:pt x="1477359" y="2657367"/>
                  <a:pt x="1486903" y="2655246"/>
                  <a:pt x="1519833" y="2690172"/>
                </a:cubicBezTo>
                <a:cubicBezTo>
                  <a:pt x="1581261" y="2744879"/>
                  <a:pt x="1570806" y="2767057"/>
                  <a:pt x="1723166" y="2847797"/>
                </a:cubicBezTo>
                <a:lnTo>
                  <a:pt x="1727402" y="2842744"/>
                </a:lnTo>
                <a:lnTo>
                  <a:pt x="1815530" y="2916618"/>
                </a:lnTo>
                <a:cubicBezTo>
                  <a:pt x="1864749" y="2905450"/>
                  <a:pt x="1917587" y="2922356"/>
                  <a:pt x="1952884" y="2963315"/>
                </a:cubicBezTo>
                <a:cubicBezTo>
                  <a:pt x="2006254" y="3025247"/>
                  <a:pt x="1999313" y="3118717"/>
                  <a:pt x="1937381" y="3172087"/>
                </a:cubicBezTo>
                <a:cubicBezTo>
                  <a:pt x="1906416" y="3198772"/>
                  <a:pt x="1867565" y="3210380"/>
                  <a:pt x="1829785" y="3207575"/>
                </a:cubicBezTo>
                <a:cubicBezTo>
                  <a:pt x="1792004" y="3204769"/>
                  <a:pt x="1755294" y="3187551"/>
                  <a:pt x="1728609" y="3156586"/>
                </a:cubicBezTo>
                <a:cubicBezTo>
                  <a:pt x="1704170" y="3128225"/>
                  <a:pt x="1692377" y="3093251"/>
                  <a:pt x="1694258" y="3058558"/>
                </a:cubicBezTo>
                <a:lnTo>
                  <a:pt x="1607474" y="2985811"/>
                </a:lnTo>
                <a:lnTo>
                  <a:pt x="1609754" y="2983092"/>
                </a:lnTo>
                <a:cubicBezTo>
                  <a:pt x="1505378" y="2914609"/>
                  <a:pt x="1454899" y="2874388"/>
                  <a:pt x="1372959" y="2808609"/>
                </a:cubicBezTo>
                <a:cubicBezTo>
                  <a:pt x="1301402" y="2768123"/>
                  <a:pt x="1295976" y="2652344"/>
                  <a:pt x="1300245" y="2568172"/>
                </a:cubicBezTo>
                <a:lnTo>
                  <a:pt x="1296941" y="2568172"/>
                </a:lnTo>
                <a:lnTo>
                  <a:pt x="1296941" y="2143739"/>
                </a:lnTo>
                <a:lnTo>
                  <a:pt x="1251342" y="2143880"/>
                </a:lnTo>
                <a:cubicBezTo>
                  <a:pt x="1250400" y="1838694"/>
                  <a:pt x="1412261" y="1556194"/>
                  <a:pt x="1675942" y="1402813"/>
                </a:cubicBezTo>
                <a:cubicBezTo>
                  <a:pt x="1778114" y="1343381"/>
                  <a:pt x="1889554" y="1306836"/>
                  <a:pt x="2003205" y="1293823"/>
                </a:cubicBezTo>
                <a:lnTo>
                  <a:pt x="2003205" y="878785"/>
                </a:lnTo>
                <a:lnTo>
                  <a:pt x="1998176" y="878621"/>
                </a:lnTo>
                <a:cubicBezTo>
                  <a:pt x="2009560" y="630102"/>
                  <a:pt x="1847671" y="398939"/>
                  <a:pt x="1584243" y="287563"/>
                </a:cubicBezTo>
                <a:cubicBezTo>
                  <a:pt x="1373323" y="198386"/>
                  <a:pt x="1125012" y="198092"/>
                  <a:pt x="913796" y="286769"/>
                </a:cubicBezTo>
                <a:cubicBezTo>
                  <a:pt x="650203" y="397436"/>
                  <a:pt x="487575" y="627955"/>
                  <a:pt x="497878" y="876315"/>
                </a:cubicBezTo>
                <a:lnTo>
                  <a:pt x="492947" y="876461"/>
                </a:lnTo>
                <a:lnTo>
                  <a:pt x="492947" y="2424958"/>
                </a:lnTo>
                <a:cubicBezTo>
                  <a:pt x="646520" y="2471832"/>
                  <a:pt x="757382" y="2615059"/>
                  <a:pt x="757382" y="2784179"/>
                </a:cubicBezTo>
                <a:cubicBezTo>
                  <a:pt x="757382" y="2993324"/>
                  <a:pt x="587836" y="3162870"/>
                  <a:pt x="378691" y="3162870"/>
                </a:cubicBezTo>
                <a:cubicBezTo>
                  <a:pt x="169546" y="3162870"/>
                  <a:pt x="0" y="2993324"/>
                  <a:pt x="0" y="2784179"/>
                </a:cubicBezTo>
                <a:cubicBezTo>
                  <a:pt x="0" y="2610447"/>
                  <a:pt x="116991" y="2464039"/>
                  <a:pt x="276947" y="2421074"/>
                </a:cubicBezTo>
                <a:lnTo>
                  <a:pt x="276947" y="783746"/>
                </a:lnTo>
                <a:lnTo>
                  <a:pt x="281758" y="783746"/>
                </a:lnTo>
                <a:cubicBezTo>
                  <a:pt x="307533" y="493124"/>
                  <a:pt x="502412" y="231983"/>
                  <a:pt x="801266" y="95774"/>
                </a:cubicBezTo>
                <a:cubicBezTo>
                  <a:pt x="1082323" y="-32324"/>
                  <a:pt x="1416727" y="-31901"/>
                  <a:pt x="1697364" y="96907"/>
                </a:cubicBezTo>
                <a:cubicBezTo>
                  <a:pt x="1994951" y="233494"/>
                  <a:pt x="2188714" y="494056"/>
                  <a:pt x="2214549" y="783746"/>
                </a:cubicBezTo>
                <a:lnTo>
                  <a:pt x="2219205" y="783746"/>
                </a:lnTo>
                <a:lnTo>
                  <a:pt x="2219205" y="1295162"/>
                </a:lnTo>
                <a:cubicBezTo>
                  <a:pt x="2327099" y="1309357"/>
                  <a:pt x="2432799" y="1344641"/>
                  <a:pt x="2530224" y="1400656"/>
                </a:cubicBezTo>
                <a:cubicBezTo>
                  <a:pt x="2794677" y="1552703"/>
                  <a:pt x="2957961" y="1834385"/>
                  <a:pt x="2958558" y="2139573"/>
                </a:cubicBezTo>
                <a:lnTo>
                  <a:pt x="2912782" y="2139663"/>
                </a:lnTo>
                <a:lnTo>
                  <a:pt x="2912782" y="2568172"/>
                </a:lnTo>
                <a:lnTo>
                  <a:pt x="2909478" y="2568172"/>
                </a:lnTo>
                <a:cubicBezTo>
                  <a:pt x="2913747" y="2652344"/>
                  <a:pt x="2908320" y="2768123"/>
                  <a:pt x="2836763" y="2808609"/>
                </a:cubicBezTo>
                <a:cubicBezTo>
                  <a:pt x="2754824" y="2874388"/>
                  <a:pt x="2704345" y="2914609"/>
                  <a:pt x="2599970" y="2983091"/>
                </a:cubicBezTo>
                <a:lnTo>
                  <a:pt x="2602250" y="2985811"/>
                </a:lnTo>
                <a:lnTo>
                  <a:pt x="2515466" y="3058559"/>
                </a:lnTo>
                <a:cubicBezTo>
                  <a:pt x="2517346" y="3093252"/>
                  <a:pt x="2505554" y="3128225"/>
                  <a:pt x="2481114" y="3156586"/>
                </a:cubicBezTo>
                <a:cubicBezTo>
                  <a:pt x="2454429" y="3187551"/>
                  <a:pt x="2417719" y="3204769"/>
                  <a:pt x="2379939" y="3207575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89" name="Block Arc 11">
            <a:extLst>
              <a:ext uri="{FF2B5EF4-FFF2-40B4-BE49-F238E27FC236}">
                <a16:creationId xmlns:a16="http://schemas.microsoft.com/office/drawing/2014/main" id="{6237B46C-EE2F-45F5-A452-AEF5853F7D2C}"/>
              </a:ext>
            </a:extLst>
          </p:cNvPr>
          <p:cNvSpPr/>
          <p:nvPr/>
        </p:nvSpPr>
        <p:spPr>
          <a:xfrm rot="10800000">
            <a:off x="8710309" y="4659312"/>
            <a:ext cx="320105" cy="520850"/>
          </a:xfrm>
          <a:custGeom>
            <a:avLst/>
            <a:gdLst/>
            <a:ahLst/>
            <a:cxnLst/>
            <a:rect l="l" t="t" r="r" b="b"/>
            <a:pathLst>
              <a:path w="3636337" h="7138182">
                <a:moveTo>
                  <a:pt x="1563551" y="3029061"/>
                </a:moveTo>
                <a:lnTo>
                  <a:pt x="1563551" y="1171769"/>
                </a:lnTo>
                <a:cubicBezTo>
                  <a:pt x="1444523" y="1201084"/>
                  <a:pt x="1330799" y="1254073"/>
                  <a:pt x="1228219" y="1328453"/>
                </a:cubicBezTo>
                <a:cubicBezTo>
                  <a:pt x="927220" y="1546705"/>
                  <a:pt x="771440" y="1913395"/>
                  <a:pt x="823311" y="2281559"/>
                </a:cubicBezTo>
                <a:cubicBezTo>
                  <a:pt x="886035" y="2761950"/>
                  <a:pt x="1181988" y="2923981"/>
                  <a:pt x="1563551" y="3029061"/>
                </a:cubicBezTo>
                <a:close/>
                <a:moveTo>
                  <a:pt x="2056123" y="5971053"/>
                </a:moveTo>
                <a:cubicBezTo>
                  <a:pt x="2180706" y="5941789"/>
                  <a:pt x="2300029" y="5887431"/>
                  <a:pt x="2407191" y="5809729"/>
                </a:cubicBezTo>
                <a:cubicBezTo>
                  <a:pt x="2708190" y="5591477"/>
                  <a:pt x="2863970" y="5224787"/>
                  <a:pt x="2812099" y="4856623"/>
                </a:cubicBezTo>
                <a:cubicBezTo>
                  <a:pt x="2712300" y="4365494"/>
                  <a:pt x="2419393" y="4148018"/>
                  <a:pt x="2056123" y="4007016"/>
                </a:cubicBezTo>
                <a:close/>
                <a:moveTo>
                  <a:pt x="2056123" y="7138182"/>
                </a:moveTo>
                <a:lnTo>
                  <a:pt x="1563551" y="7138182"/>
                </a:lnTo>
                <a:lnTo>
                  <a:pt x="1563551" y="6796553"/>
                </a:lnTo>
                <a:cubicBezTo>
                  <a:pt x="1376287" y="6771102"/>
                  <a:pt x="1191751" y="6715291"/>
                  <a:pt x="1016794" y="6629471"/>
                </a:cubicBezTo>
                <a:cubicBezTo>
                  <a:pt x="412303" y="6332946"/>
                  <a:pt x="21102" y="5726704"/>
                  <a:pt x="0" y="5053734"/>
                </a:cubicBezTo>
                <a:lnTo>
                  <a:pt x="813973" y="5028205"/>
                </a:lnTo>
                <a:cubicBezTo>
                  <a:pt x="825624" y="5399818"/>
                  <a:pt x="1041643" y="5734588"/>
                  <a:pt x="1375441" y="5898325"/>
                </a:cubicBezTo>
                <a:cubicBezTo>
                  <a:pt x="1436179" y="5928119"/>
                  <a:pt x="1499008" y="5951362"/>
                  <a:pt x="1563551" y="5965918"/>
                </a:cubicBezTo>
                <a:lnTo>
                  <a:pt x="1563551" y="3847635"/>
                </a:lnTo>
                <a:cubicBezTo>
                  <a:pt x="920238" y="3662345"/>
                  <a:pt x="233045" y="3450393"/>
                  <a:pt x="16852" y="2382091"/>
                </a:cubicBezTo>
                <a:cubicBezTo>
                  <a:pt x="-73403" y="1719933"/>
                  <a:pt x="208577" y="1061859"/>
                  <a:pt x="750173" y="669157"/>
                </a:cubicBezTo>
                <a:cubicBezTo>
                  <a:pt x="994931" y="491686"/>
                  <a:pt x="1274723" y="381458"/>
                  <a:pt x="1563551" y="341319"/>
                </a:cubicBezTo>
                <a:lnTo>
                  <a:pt x="1563551" y="0"/>
                </a:lnTo>
                <a:lnTo>
                  <a:pt x="2056123" y="0"/>
                </a:lnTo>
                <a:lnTo>
                  <a:pt x="2056123" y="339268"/>
                </a:lnTo>
                <a:cubicBezTo>
                  <a:pt x="2248752" y="363969"/>
                  <a:pt x="2438747" y="420481"/>
                  <a:pt x="2618616" y="508711"/>
                </a:cubicBezTo>
                <a:cubicBezTo>
                  <a:pt x="3223107" y="805237"/>
                  <a:pt x="3614308" y="1411478"/>
                  <a:pt x="3635410" y="2084448"/>
                </a:cubicBezTo>
                <a:lnTo>
                  <a:pt x="2821437" y="2109978"/>
                </a:lnTo>
                <a:cubicBezTo>
                  <a:pt x="2809786" y="1738364"/>
                  <a:pt x="2593767" y="1403594"/>
                  <a:pt x="2259969" y="1239857"/>
                </a:cubicBezTo>
                <a:cubicBezTo>
                  <a:pt x="2194243" y="1207617"/>
                  <a:pt x="2126069" y="1183046"/>
                  <a:pt x="2056123" y="1168235"/>
                </a:cubicBezTo>
                <a:lnTo>
                  <a:pt x="2056123" y="3150890"/>
                </a:lnTo>
                <a:cubicBezTo>
                  <a:pt x="2675271" y="3303511"/>
                  <a:pt x="3347939" y="3564428"/>
                  <a:pt x="3618512" y="4743007"/>
                </a:cubicBezTo>
                <a:cubicBezTo>
                  <a:pt x="3712448" y="5409725"/>
                  <a:pt x="3430336" y="6073786"/>
                  <a:pt x="2885237" y="6469025"/>
                </a:cubicBezTo>
                <a:cubicBezTo>
                  <a:pt x="2636047" y="6649712"/>
                  <a:pt x="2350538" y="6760700"/>
                  <a:pt x="2056123" y="6798748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0" name="Rectangle 21">
            <a:extLst>
              <a:ext uri="{FF2B5EF4-FFF2-40B4-BE49-F238E27FC236}">
                <a16:creationId xmlns:a16="http://schemas.microsoft.com/office/drawing/2014/main" id="{3DFB5373-0015-4A31-8F01-1597E404815D}"/>
              </a:ext>
            </a:extLst>
          </p:cNvPr>
          <p:cNvSpPr/>
          <p:nvPr/>
        </p:nvSpPr>
        <p:spPr>
          <a:xfrm>
            <a:off x="6977936" y="4798176"/>
            <a:ext cx="505898" cy="283399"/>
          </a:xfrm>
          <a:custGeom>
            <a:avLst/>
            <a:gdLst/>
            <a:ahLst/>
            <a:cxnLst/>
            <a:rect l="l" t="t" r="r" b="b"/>
            <a:pathLst>
              <a:path w="4560938" h="2554996">
                <a:moveTo>
                  <a:pt x="2315585" y="1351978"/>
                </a:moveTo>
                <a:lnTo>
                  <a:pt x="2315585" y="1608128"/>
                </a:lnTo>
                <a:cubicBezTo>
                  <a:pt x="2332000" y="1604085"/>
                  <a:pt x="2347685" y="1596777"/>
                  <a:pt x="2361832" y="1586519"/>
                </a:cubicBezTo>
                <a:cubicBezTo>
                  <a:pt x="2403345" y="1556419"/>
                  <a:pt x="2424829" y="1505846"/>
                  <a:pt x="2417675" y="1455070"/>
                </a:cubicBezTo>
                <a:cubicBezTo>
                  <a:pt x="2409025" y="1388817"/>
                  <a:pt x="2368208" y="1366470"/>
                  <a:pt x="2315585" y="1351978"/>
                </a:cubicBezTo>
                <a:close/>
                <a:moveTo>
                  <a:pt x="3612086" y="989467"/>
                </a:moveTo>
                <a:cubicBezTo>
                  <a:pt x="3453010" y="989467"/>
                  <a:pt x="3324054" y="1118423"/>
                  <a:pt x="3324054" y="1277499"/>
                </a:cubicBezTo>
                <a:cubicBezTo>
                  <a:pt x="3324054" y="1436575"/>
                  <a:pt x="3453010" y="1565531"/>
                  <a:pt x="3612086" y="1565531"/>
                </a:cubicBezTo>
                <a:cubicBezTo>
                  <a:pt x="3771162" y="1565531"/>
                  <a:pt x="3900118" y="1436575"/>
                  <a:pt x="3900118" y="1277499"/>
                </a:cubicBezTo>
                <a:cubicBezTo>
                  <a:pt x="3900118" y="1118423"/>
                  <a:pt x="3771162" y="989467"/>
                  <a:pt x="3612086" y="989467"/>
                </a:cubicBezTo>
                <a:close/>
                <a:moveTo>
                  <a:pt x="948854" y="989467"/>
                </a:moveTo>
                <a:cubicBezTo>
                  <a:pt x="789778" y="989467"/>
                  <a:pt x="660822" y="1118423"/>
                  <a:pt x="660822" y="1277499"/>
                </a:cubicBezTo>
                <a:cubicBezTo>
                  <a:pt x="660822" y="1436575"/>
                  <a:pt x="789778" y="1565531"/>
                  <a:pt x="948854" y="1565531"/>
                </a:cubicBezTo>
                <a:cubicBezTo>
                  <a:pt x="1107930" y="1565531"/>
                  <a:pt x="1236886" y="1436575"/>
                  <a:pt x="1236886" y="1277499"/>
                </a:cubicBezTo>
                <a:cubicBezTo>
                  <a:pt x="1236886" y="1118423"/>
                  <a:pt x="1107930" y="989467"/>
                  <a:pt x="948854" y="989467"/>
                </a:cubicBezTo>
                <a:close/>
                <a:moveTo>
                  <a:pt x="2247651" y="946230"/>
                </a:moveTo>
                <a:cubicBezTo>
                  <a:pt x="2230469" y="950266"/>
                  <a:pt x="2214012" y="957763"/>
                  <a:pt x="2199233" y="968479"/>
                </a:cubicBezTo>
                <a:cubicBezTo>
                  <a:pt x="2157721" y="998579"/>
                  <a:pt x="2136236" y="1049152"/>
                  <a:pt x="2143390" y="1099928"/>
                </a:cubicBezTo>
                <a:cubicBezTo>
                  <a:pt x="2157154" y="1167662"/>
                  <a:pt x="2197550" y="1197656"/>
                  <a:pt x="2247651" y="1217102"/>
                </a:cubicBezTo>
                <a:close/>
                <a:moveTo>
                  <a:pt x="2247651" y="785264"/>
                </a:moveTo>
                <a:lnTo>
                  <a:pt x="2315585" y="785264"/>
                </a:lnTo>
                <a:lnTo>
                  <a:pt x="2315585" y="832380"/>
                </a:lnTo>
                <a:cubicBezTo>
                  <a:pt x="2341411" y="835890"/>
                  <a:pt x="2366862" y="843587"/>
                  <a:pt x="2390991" y="855423"/>
                </a:cubicBezTo>
                <a:cubicBezTo>
                  <a:pt x="2474360" y="896319"/>
                  <a:pt x="2528313" y="979930"/>
                  <a:pt x="2531223" y="1072743"/>
                </a:cubicBezTo>
                <a:lnTo>
                  <a:pt x="2418963" y="1076264"/>
                </a:lnTo>
                <a:cubicBezTo>
                  <a:pt x="2417356" y="1025012"/>
                  <a:pt x="2387564" y="978842"/>
                  <a:pt x="2341528" y="956260"/>
                </a:cubicBezTo>
                <a:cubicBezTo>
                  <a:pt x="2333151" y="952151"/>
                  <a:pt x="2324486" y="948946"/>
                  <a:pt x="2315585" y="946938"/>
                </a:cubicBezTo>
                <a:lnTo>
                  <a:pt x="2315585" y="1239083"/>
                </a:lnTo>
                <a:cubicBezTo>
                  <a:pt x="2404308" y="1264638"/>
                  <a:pt x="2499083" y="1293869"/>
                  <a:pt x="2528899" y="1441205"/>
                </a:cubicBezTo>
                <a:cubicBezTo>
                  <a:pt x="2541347" y="1532528"/>
                  <a:pt x="2502457" y="1623287"/>
                  <a:pt x="2427762" y="1677447"/>
                </a:cubicBezTo>
                <a:cubicBezTo>
                  <a:pt x="2394006" y="1701923"/>
                  <a:pt x="2355419" y="1717125"/>
                  <a:pt x="2315585" y="1722661"/>
                </a:cubicBezTo>
                <a:lnTo>
                  <a:pt x="2315585" y="1769734"/>
                </a:lnTo>
                <a:lnTo>
                  <a:pt x="2247651" y="1769734"/>
                </a:lnTo>
                <a:lnTo>
                  <a:pt x="2247651" y="1722944"/>
                </a:lnTo>
                <a:cubicBezTo>
                  <a:pt x="2221084" y="1719537"/>
                  <a:pt x="2194881" y="1711743"/>
                  <a:pt x="2170074" y="1699575"/>
                </a:cubicBezTo>
                <a:cubicBezTo>
                  <a:pt x="2086705" y="1658679"/>
                  <a:pt x="2032752" y="1575069"/>
                  <a:pt x="2029842" y="1482255"/>
                </a:cubicBezTo>
                <a:lnTo>
                  <a:pt x="2142102" y="1478734"/>
                </a:lnTo>
                <a:cubicBezTo>
                  <a:pt x="2143709" y="1529986"/>
                  <a:pt x="2173501" y="1576156"/>
                  <a:pt x="2219537" y="1598738"/>
                </a:cubicBezTo>
                <a:cubicBezTo>
                  <a:pt x="2228602" y="1603184"/>
                  <a:pt x="2238004" y="1606573"/>
                  <a:pt x="2247651" y="1608616"/>
                </a:cubicBezTo>
                <a:lnTo>
                  <a:pt x="2247651" y="1335176"/>
                </a:lnTo>
                <a:cubicBezTo>
                  <a:pt x="2162261" y="1314127"/>
                  <a:pt x="2069489" y="1278142"/>
                  <a:pt x="2032173" y="1115597"/>
                </a:cubicBezTo>
                <a:cubicBezTo>
                  <a:pt x="2019217" y="1023646"/>
                  <a:pt x="2058125" y="932061"/>
                  <a:pt x="2133303" y="877552"/>
                </a:cubicBezTo>
                <a:cubicBezTo>
                  <a:pt x="2167670" y="852632"/>
                  <a:pt x="2207046" y="837325"/>
                  <a:pt x="2247651" y="832077"/>
                </a:cubicBezTo>
                <a:close/>
                <a:moveTo>
                  <a:pt x="2280470" y="617534"/>
                </a:moveTo>
                <a:cubicBezTo>
                  <a:pt x="1915981" y="617534"/>
                  <a:pt x="1620504" y="913011"/>
                  <a:pt x="1620504" y="1277500"/>
                </a:cubicBezTo>
                <a:cubicBezTo>
                  <a:pt x="1620504" y="1641989"/>
                  <a:pt x="1915981" y="1937466"/>
                  <a:pt x="2280470" y="1937466"/>
                </a:cubicBezTo>
                <a:cubicBezTo>
                  <a:pt x="2644959" y="1937466"/>
                  <a:pt x="2940436" y="1641989"/>
                  <a:pt x="2940436" y="1277500"/>
                </a:cubicBezTo>
                <a:cubicBezTo>
                  <a:pt x="2940436" y="913011"/>
                  <a:pt x="2644959" y="617534"/>
                  <a:pt x="2280470" y="617534"/>
                </a:cubicBezTo>
                <a:close/>
                <a:moveTo>
                  <a:pt x="284505" y="265281"/>
                </a:moveTo>
                <a:lnTo>
                  <a:pt x="4276434" y="265281"/>
                </a:lnTo>
                <a:lnTo>
                  <a:pt x="4276434" y="2289716"/>
                </a:lnTo>
                <a:lnTo>
                  <a:pt x="284505" y="2289716"/>
                </a:lnTo>
                <a:close/>
                <a:moveTo>
                  <a:pt x="180344" y="148161"/>
                </a:moveTo>
                <a:lnTo>
                  <a:pt x="180344" y="2406836"/>
                </a:lnTo>
                <a:lnTo>
                  <a:pt x="4380595" y="2406836"/>
                </a:lnTo>
                <a:lnTo>
                  <a:pt x="4380595" y="148161"/>
                </a:lnTo>
                <a:close/>
                <a:moveTo>
                  <a:pt x="0" y="0"/>
                </a:moveTo>
                <a:lnTo>
                  <a:pt x="4560938" y="0"/>
                </a:lnTo>
                <a:lnTo>
                  <a:pt x="4560938" y="2554996"/>
                </a:lnTo>
                <a:lnTo>
                  <a:pt x="0" y="2554996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1" name="Round Same Side Corner Rectangle 8">
            <a:extLst>
              <a:ext uri="{FF2B5EF4-FFF2-40B4-BE49-F238E27FC236}">
                <a16:creationId xmlns:a16="http://schemas.microsoft.com/office/drawing/2014/main" id="{E4451B41-2F0A-4F98-8F16-0D0192492445}"/>
              </a:ext>
            </a:extLst>
          </p:cNvPr>
          <p:cNvSpPr/>
          <p:nvPr/>
        </p:nvSpPr>
        <p:spPr>
          <a:xfrm>
            <a:off x="11061660" y="4700090"/>
            <a:ext cx="522441" cy="523242"/>
          </a:xfrm>
          <a:custGeom>
            <a:avLst/>
            <a:gdLst/>
            <a:ahLst/>
            <a:cxnLst/>
            <a:rect l="l" t="t" r="r" b="b"/>
            <a:pathLst>
              <a:path w="3197597" h="3202496">
                <a:moveTo>
                  <a:pt x="601421" y="1611393"/>
                </a:moveTo>
                <a:lnTo>
                  <a:pt x="2596176" y="1611393"/>
                </a:lnTo>
                <a:cubicBezTo>
                  <a:pt x="2928331" y="1611393"/>
                  <a:pt x="3197594" y="1880656"/>
                  <a:pt x="3197594" y="2212811"/>
                </a:cubicBezTo>
                <a:lnTo>
                  <a:pt x="3197594" y="2776360"/>
                </a:lnTo>
                <a:lnTo>
                  <a:pt x="3197597" y="2776360"/>
                </a:lnTo>
                <a:lnTo>
                  <a:pt x="3197597" y="2914824"/>
                </a:lnTo>
                <a:lnTo>
                  <a:pt x="3197198" y="2914824"/>
                </a:lnTo>
                <a:lnTo>
                  <a:pt x="3197198" y="3202496"/>
                </a:lnTo>
                <a:lnTo>
                  <a:pt x="398" y="3202496"/>
                </a:lnTo>
                <a:lnTo>
                  <a:pt x="398" y="2914824"/>
                </a:lnTo>
                <a:lnTo>
                  <a:pt x="0" y="2914824"/>
                </a:lnTo>
                <a:lnTo>
                  <a:pt x="0" y="2212811"/>
                </a:lnTo>
                <a:cubicBezTo>
                  <a:pt x="0" y="1880656"/>
                  <a:pt x="269266" y="1611393"/>
                  <a:pt x="601421" y="1611393"/>
                </a:cubicBezTo>
                <a:close/>
                <a:moveTo>
                  <a:pt x="1598801" y="0"/>
                </a:moveTo>
                <a:cubicBezTo>
                  <a:pt x="1998649" y="0"/>
                  <a:pt x="2322791" y="324142"/>
                  <a:pt x="2322791" y="723993"/>
                </a:cubicBezTo>
                <a:cubicBezTo>
                  <a:pt x="2322791" y="1123843"/>
                  <a:pt x="1998649" y="1447985"/>
                  <a:pt x="1598801" y="1447985"/>
                </a:cubicBezTo>
                <a:cubicBezTo>
                  <a:pt x="1198951" y="1447985"/>
                  <a:pt x="874809" y="1123843"/>
                  <a:pt x="874809" y="723993"/>
                </a:cubicBezTo>
                <a:cubicBezTo>
                  <a:pt x="874809" y="324142"/>
                  <a:pt x="1198951" y="0"/>
                  <a:pt x="1598801" y="0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2" name="Rounded Rectangle 51">
            <a:extLst>
              <a:ext uri="{FF2B5EF4-FFF2-40B4-BE49-F238E27FC236}">
                <a16:creationId xmlns:a16="http://schemas.microsoft.com/office/drawing/2014/main" id="{B83253D3-E181-4488-9CD9-39D21527F719}"/>
              </a:ext>
            </a:extLst>
          </p:cNvPr>
          <p:cNvSpPr/>
          <p:nvPr/>
        </p:nvSpPr>
        <p:spPr>
          <a:xfrm rot="16200000" flipH="1">
            <a:off x="9442736" y="5628226"/>
            <a:ext cx="541566" cy="510026"/>
          </a:xfrm>
          <a:custGeom>
            <a:avLst/>
            <a:gdLst/>
            <a:ahLst/>
            <a:cxnLst/>
            <a:rect l="l" t="t" r="r" b="b"/>
            <a:pathLst>
              <a:path w="2928608" h="2758049">
                <a:moveTo>
                  <a:pt x="2797052" y="1199936"/>
                </a:moveTo>
                <a:lnTo>
                  <a:pt x="2797052" y="1541978"/>
                </a:lnTo>
                <a:cubicBezTo>
                  <a:pt x="2797052" y="1578306"/>
                  <a:pt x="2826502" y="1607756"/>
                  <a:pt x="2862830" y="1607756"/>
                </a:cubicBezTo>
                <a:lnTo>
                  <a:pt x="2862830" y="1607755"/>
                </a:lnTo>
                <a:cubicBezTo>
                  <a:pt x="2899158" y="1607755"/>
                  <a:pt x="2928608" y="1578305"/>
                  <a:pt x="2928608" y="1541977"/>
                </a:cubicBezTo>
                <a:lnTo>
                  <a:pt x="2928607" y="1199936"/>
                </a:lnTo>
                <a:cubicBezTo>
                  <a:pt x="2928607" y="1163608"/>
                  <a:pt x="2899158" y="1134159"/>
                  <a:pt x="2862830" y="1134158"/>
                </a:cubicBezTo>
                <a:cubicBezTo>
                  <a:pt x="2826502" y="1134159"/>
                  <a:pt x="2797052" y="1163608"/>
                  <a:pt x="2797052" y="1199936"/>
                </a:cubicBezTo>
                <a:close/>
                <a:moveTo>
                  <a:pt x="2593193" y="1147315"/>
                </a:moveTo>
                <a:lnTo>
                  <a:pt x="2593193" y="1594601"/>
                </a:lnTo>
                <a:cubicBezTo>
                  <a:pt x="2593193" y="1630929"/>
                  <a:pt x="2622643" y="1660379"/>
                  <a:pt x="2658971" y="1660379"/>
                </a:cubicBezTo>
                <a:lnTo>
                  <a:pt x="2658971" y="1660378"/>
                </a:lnTo>
                <a:cubicBezTo>
                  <a:pt x="2695299" y="1660378"/>
                  <a:pt x="2724749" y="1630928"/>
                  <a:pt x="2724749" y="1594600"/>
                </a:cubicBezTo>
                <a:lnTo>
                  <a:pt x="2724748" y="1147315"/>
                </a:lnTo>
                <a:cubicBezTo>
                  <a:pt x="2724748" y="1110987"/>
                  <a:pt x="2695299" y="1081538"/>
                  <a:pt x="2658971" y="1081537"/>
                </a:cubicBezTo>
                <a:cubicBezTo>
                  <a:pt x="2622643" y="1081538"/>
                  <a:pt x="2593193" y="1110987"/>
                  <a:pt x="2593193" y="1147315"/>
                </a:cubicBezTo>
                <a:close/>
                <a:moveTo>
                  <a:pt x="2389334" y="1121004"/>
                </a:moveTo>
                <a:lnTo>
                  <a:pt x="2389334" y="1620912"/>
                </a:lnTo>
                <a:cubicBezTo>
                  <a:pt x="2389334" y="1657240"/>
                  <a:pt x="2418784" y="1686690"/>
                  <a:pt x="2455112" y="1686690"/>
                </a:cubicBezTo>
                <a:lnTo>
                  <a:pt x="2455112" y="1686689"/>
                </a:lnTo>
                <a:cubicBezTo>
                  <a:pt x="2491440" y="1686689"/>
                  <a:pt x="2520890" y="1657239"/>
                  <a:pt x="2520890" y="1620911"/>
                </a:cubicBezTo>
                <a:lnTo>
                  <a:pt x="2520889" y="1121004"/>
                </a:lnTo>
                <a:cubicBezTo>
                  <a:pt x="2520889" y="1084676"/>
                  <a:pt x="2491440" y="1055227"/>
                  <a:pt x="2455112" y="1055226"/>
                </a:cubicBezTo>
                <a:cubicBezTo>
                  <a:pt x="2418784" y="1055227"/>
                  <a:pt x="2389334" y="1084676"/>
                  <a:pt x="2389334" y="1121004"/>
                </a:cubicBezTo>
                <a:close/>
                <a:moveTo>
                  <a:pt x="1314382" y="1247024"/>
                </a:moveTo>
                <a:cubicBezTo>
                  <a:pt x="1314381" y="1225915"/>
                  <a:pt x="1331494" y="1208803"/>
                  <a:pt x="1352603" y="1208803"/>
                </a:cubicBezTo>
                <a:lnTo>
                  <a:pt x="1410313" y="1208803"/>
                </a:lnTo>
                <a:lnTo>
                  <a:pt x="1410313" y="1146778"/>
                </a:lnTo>
                <a:cubicBezTo>
                  <a:pt x="1410313" y="1145599"/>
                  <a:pt x="1410393" y="1144438"/>
                  <a:pt x="1411688" y="1143457"/>
                </a:cubicBezTo>
                <a:lnTo>
                  <a:pt x="1408531" y="1133444"/>
                </a:lnTo>
                <a:cubicBezTo>
                  <a:pt x="1410371" y="1112415"/>
                  <a:pt x="1428909" y="1096860"/>
                  <a:pt x="1449938" y="1098699"/>
                </a:cubicBezTo>
                <a:lnTo>
                  <a:pt x="2236821" y="1167543"/>
                </a:lnTo>
                <a:cubicBezTo>
                  <a:pt x="2257849" y="1169383"/>
                  <a:pt x="2273405" y="1187920"/>
                  <a:pt x="2271565" y="1208950"/>
                </a:cubicBezTo>
                <a:cubicBezTo>
                  <a:pt x="2269725" y="1229978"/>
                  <a:pt x="2251187" y="1245533"/>
                  <a:pt x="2230159" y="1243693"/>
                </a:cubicBezTo>
                <a:cubicBezTo>
                  <a:pt x="1973864" y="1221271"/>
                  <a:pt x="1717570" y="1198849"/>
                  <a:pt x="1461275" y="1176426"/>
                </a:cubicBezTo>
                <a:lnTo>
                  <a:pt x="1461274" y="1208803"/>
                </a:lnTo>
                <a:lnTo>
                  <a:pt x="1518985" y="1208803"/>
                </a:lnTo>
                <a:cubicBezTo>
                  <a:pt x="1540095" y="1208802"/>
                  <a:pt x="1557205" y="1225915"/>
                  <a:pt x="1557206" y="1247025"/>
                </a:cubicBezTo>
                <a:lnTo>
                  <a:pt x="1557207" y="1247023"/>
                </a:lnTo>
                <a:cubicBezTo>
                  <a:pt x="1557207" y="1268132"/>
                  <a:pt x="1540095" y="1285244"/>
                  <a:pt x="1518986" y="1285244"/>
                </a:cubicBezTo>
                <a:cubicBezTo>
                  <a:pt x="1499749" y="1285244"/>
                  <a:pt x="1480511" y="1285243"/>
                  <a:pt x="1461275" y="1285244"/>
                </a:cubicBezTo>
                <a:lnTo>
                  <a:pt x="1461275" y="1337600"/>
                </a:lnTo>
                <a:lnTo>
                  <a:pt x="1518985" y="1337600"/>
                </a:lnTo>
                <a:cubicBezTo>
                  <a:pt x="1540095" y="1337600"/>
                  <a:pt x="1557206" y="1354713"/>
                  <a:pt x="1557206" y="1375821"/>
                </a:cubicBezTo>
                <a:lnTo>
                  <a:pt x="1557207" y="1375820"/>
                </a:lnTo>
                <a:cubicBezTo>
                  <a:pt x="1557206" y="1396928"/>
                  <a:pt x="1540095" y="1414041"/>
                  <a:pt x="1518986" y="1414041"/>
                </a:cubicBezTo>
                <a:cubicBezTo>
                  <a:pt x="1499750" y="1414041"/>
                  <a:pt x="1480511" y="1414041"/>
                  <a:pt x="1461275" y="1414042"/>
                </a:cubicBezTo>
                <a:lnTo>
                  <a:pt x="1461275" y="1466398"/>
                </a:lnTo>
                <a:lnTo>
                  <a:pt x="1518985" y="1466398"/>
                </a:lnTo>
                <a:cubicBezTo>
                  <a:pt x="1540095" y="1466398"/>
                  <a:pt x="1557206" y="1483509"/>
                  <a:pt x="1557206" y="1504618"/>
                </a:cubicBezTo>
                <a:lnTo>
                  <a:pt x="1557207" y="1504619"/>
                </a:lnTo>
                <a:cubicBezTo>
                  <a:pt x="1557207" y="1525727"/>
                  <a:pt x="1540094" y="1542838"/>
                  <a:pt x="1518986" y="1542839"/>
                </a:cubicBezTo>
                <a:cubicBezTo>
                  <a:pt x="1499749" y="1542839"/>
                  <a:pt x="1480511" y="1542838"/>
                  <a:pt x="1461275" y="1542839"/>
                </a:cubicBezTo>
                <a:lnTo>
                  <a:pt x="1461274" y="1575412"/>
                </a:lnTo>
                <a:lnTo>
                  <a:pt x="2226550" y="1494978"/>
                </a:lnTo>
                <a:cubicBezTo>
                  <a:pt x="2247542" y="1492772"/>
                  <a:pt x="2266350" y="1508001"/>
                  <a:pt x="2268556" y="1528995"/>
                </a:cubicBezTo>
                <a:cubicBezTo>
                  <a:pt x="2270763" y="1549988"/>
                  <a:pt x="2255534" y="1568794"/>
                  <a:pt x="2234542" y="1571000"/>
                </a:cubicBezTo>
                <a:cubicBezTo>
                  <a:pt x="1972686" y="1598522"/>
                  <a:pt x="1710833" y="1626046"/>
                  <a:pt x="1448978" y="1653567"/>
                </a:cubicBezTo>
                <a:cubicBezTo>
                  <a:pt x="1427984" y="1655774"/>
                  <a:pt x="1409178" y="1640544"/>
                  <a:pt x="1406971" y="1619551"/>
                </a:cubicBezTo>
                <a:cubicBezTo>
                  <a:pt x="1406474" y="1614827"/>
                  <a:pt x="1406862" y="1610214"/>
                  <a:pt x="1410805" y="1606610"/>
                </a:cubicBezTo>
                <a:lnTo>
                  <a:pt x="1410312" y="1605422"/>
                </a:lnTo>
                <a:lnTo>
                  <a:pt x="1410312" y="1542839"/>
                </a:lnTo>
                <a:lnTo>
                  <a:pt x="1352603" y="1542841"/>
                </a:lnTo>
                <a:cubicBezTo>
                  <a:pt x="1331494" y="1542841"/>
                  <a:pt x="1314382" y="1525729"/>
                  <a:pt x="1314382" y="1504619"/>
                </a:cubicBezTo>
                <a:cubicBezTo>
                  <a:pt x="1314382" y="1483510"/>
                  <a:pt x="1331493" y="1466397"/>
                  <a:pt x="1352603" y="1466398"/>
                </a:cubicBezTo>
                <a:lnTo>
                  <a:pt x="1410312" y="1466398"/>
                </a:lnTo>
                <a:lnTo>
                  <a:pt x="1410313" y="1414042"/>
                </a:lnTo>
                <a:lnTo>
                  <a:pt x="1352603" y="1414042"/>
                </a:lnTo>
                <a:cubicBezTo>
                  <a:pt x="1331494" y="1414041"/>
                  <a:pt x="1314383" y="1396930"/>
                  <a:pt x="1314382" y="1375820"/>
                </a:cubicBezTo>
                <a:cubicBezTo>
                  <a:pt x="1314383" y="1354713"/>
                  <a:pt x="1331494" y="1337600"/>
                  <a:pt x="1352603" y="1337601"/>
                </a:cubicBezTo>
                <a:lnTo>
                  <a:pt x="1410312" y="1337600"/>
                </a:lnTo>
                <a:lnTo>
                  <a:pt x="1410312" y="1285244"/>
                </a:lnTo>
                <a:lnTo>
                  <a:pt x="1352603" y="1285244"/>
                </a:lnTo>
                <a:cubicBezTo>
                  <a:pt x="1331494" y="1285244"/>
                  <a:pt x="1314381" y="1268133"/>
                  <a:pt x="1314382" y="1247024"/>
                </a:cubicBezTo>
                <a:close/>
                <a:moveTo>
                  <a:pt x="1171967" y="72000"/>
                </a:moveTo>
                <a:lnTo>
                  <a:pt x="1171967" y="288000"/>
                </a:lnTo>
                <a:cubicBezTo>
                  <a:pt x="1171967" y="327765"/>
                  <a:pt x="1204202" y="360000"/>
                  <a:pt x="1243967" y="360000"/>
                </a:cubicBezTo>
                <a:cubicBezTo>
                  <a:pt x="1283732" y="360000"/>
                  <a:pt x="1315967" y="327765"/>
                  <a:pt x="1315967" y="288000"/>
                </a:cubicBezTo>
                <a:lnTo>
                  <a:pt x="1315967" y="72000"/>
                </a:lnTo>
                <a:cubicBezTo>
                  <a:pt x="1315967" y="32235"/>
                  <a:pt x="1283732" y="0"/>
                  <a:pt x="1243967" y="0"/>
                </a:cubicBezTo>
                <a:cubicBezTo>
                  <a:pt x="1204202" y="0"/>
                  <a:pt x="1171967" y="32235"/>
                  <a:pt x="1171967" y="72000"/>
                </a:cubicBezTo>
                <a:close/>
                <a:moveTo>
                  <a:pt x="1171966" y="2470049"/>
                </a:moveTo>
                <a:lnTo>
                  <a:pt x="1171966" y="2686049"/>
                </a:lnTo>
                <a:cubicBezTo>
                  <a:pt x="1171966" y="2725814"/>
                  <a:pt x="1204201" y="2758049"/>
                  <a:pt x="1243966" y="2758049"/>
                </a:cubicBezTo>
                <a:cubicBezTo>
                  <a:pt x="1283731" y="2758049"/>
                  <a:pt x="1315966" y="2725814"/>
                  <a:pt x="1315966" y="2686049"/>
                </a:cubicBezTo>
                <a:lnTo>
                  <a:pt x="1315966" y="2470049"/>
                </a:lnTo>
                <a:cubicBezTo>
                  <a:pt x="1315966" y="2430284"/>
                  <a:pt x="1283731" y="2398049"/>
                  <a:pt x="1243966" y="2398049"/>
                </a:cubicBezTo>
                <a:cubicBezTo>
                  <a:pt x="1204201" y="2398049"/>
                  <a:pt x="1171966" y="2430284"/>
                  <a:pt x="1171966" y="2470049"/>
                </a:cubicBezTo>
                <a:close/>
                <a:moveTo>
                  <a:pt x="515345" y="1370958"/>
                </a:moveTo>
                <a:cubicBezTo>
                  <a:pt x="515344" y="1558300"/>
                  <a:pt x="586814" y="1745642"/>
                  <a:pt x="729750" y="1888579"/>
                </a:cubicBezTo>
                <a:cubicBezTo>
                  <a:pt x="1015625" y="2174454"/>
                  <a:pt x="1479119" y="2174454"/>
                  <a:pt x="1764994" y="1888580"/>
                </a:cubicBezTo>
                <a:lnTo>
                  <a:pt x="1940572" y="1713001"/>
                </a:lnTo>
                <a:lnTo>
                  <a:pt x="2136413" y="1713002"/>
                </a:lnTo>
                <a:cubicBezTo>
                  <a:pt x="2215124" y="1713001"/>
                  <a:pt x="2278929" y="1649195"/>
                  <a:pt x="2278929" y="1570486"/>
                </a:cubicBezTo>
                <a:lnTo>
                  <a:pt x="2278929" y="1374645"/>
                </a:lnTo>
                <a:lnTo>
                  <a:pt x="2282614" y="1370959"/>
                </a:lnTo>
                <a:lnTo>
                  <a:pt x="2278929" y="1367272"/>
                </a:lnTo>
                <a:lnTo>
                  <a:pt x="2278929" y="1171432"/>
                </a:lnTo>
                <a:cubicBezTo>
                  <a:pt x="2278929" y="1092722"/>
                  <a:pt x="2215123" y="1028916"/>
                  <a:pt x="2136413" y="1028916"/>
                </a:cubicBezTo>
                <a:lnTo>
                  <a:pt x="1940571" y="1028916"/>
                </a:lnTo>
                <a:cubicBezTo>
                  <a:pt x="1882045" y="970390"/>
                  <a:pt x="1823519" y="911862"/>
                  <a:pt x="1764993" y="853336"/>
                </a:cubicBezTo>
                <a:cubicBezTo>
                  <a:pt x="1479118" y="567461"/>
                  <a:pt x="1015625" y="567462"/>
                  <a:pt x="729750" y="853336"/>
                </a:cubicBezTo>
                <a:cubicBezTo>
                  <a:pt x="586813" y="996273"/>
                  <a:pt x="515344" y="1183616"/>
                  <a:pt x="515345" y="1370958"/>
                </a:cubicBezTo>
                <a:close/>
                <a:moveTo>
                  <a:pt x="388776" y="2386770"/>
                </a:moveTo>
                <a:cubicBezTo>
                  <a:pt x="388776" y="2405196"/>
                  <a:pt x="395805" y="2423622"/>
                  <a:pt x="409865" y="2437681"/>
                </a:cubicBezTo>
                <a:cubicBezTo>
                  <a:pt x="437983" y="2465800"/>
                  <a:pt x="483570" y="2465800"/>
                  <a:pt x="511688" y="2437681"/>
                </a:cubicBezTo>
                <a:lnTo>
                  <a:pt x="664423" y="2284946"/>
                </a:lnTo>
                <a:cubicBezTo>
                  <a:pt x="692541" y="2256828"/>
                  <a:pt x="692541" y="2211241"/>
                  <a:pt x="664423" y="2183123"/>
                </a:cubicBezTo>
                <a:cubicBezTo>
                  <a:pt x="636305" y="2155005"/>
                  <a:pt x="590718" y="2155005"/>
                  <a:pt x="562599" y="2183123"/>
                </a:cubicBezTo>
                <a:lnTo>
                  <a:pt x="409865" y="2335858"/>
                </a:lnTo>
                <a:cubicBezTo>
                  <a:pt x="395805" y="2349917"/>
                  <a:pt x="388776" y="2368343"/>
                  <a:pt x="388776" y="2386770"/>
                </a:cubicBezTo>
                <a:close/>
                <a:moveTo>
                  <a:pt x="388776" y="365689"/>
                </a:moveTo>
                <a:cubicBezTo>
                  <a:pt x="388776" y="384115"/>
                  <a:pt x="395805" y="402541"/>
                  <a:pt x="409865" y="416600"/>
                </a:cubicBezTo>
                <a:lnTo>
                  <a:pt x="562599" y="569335"/>
                </a:lnTo>
                <a:cubicBezTo>
                  <a:pt x="590718" y="597454"/>
                  <a:pt x="636305" y="597454"/>
                  <a:pt x="664423" y="569335"/>
                </a:cubicBezTo>
                <a:cubicBezTo>
                  <a:pt x="692541" y="541217"/>
                  <a:pt x="692541" y="495630"/>
                  <a:pt x="664423" y="467512"/>
                </a:cubicBezTo>
                <a:lnTo>
                  <a:pt x="511688" y="314777"/>
                </a:lnTo>
                <a:cubicBezTo>
                  <a:pt x="483570" y="286659"/>
                  <a:pt x="437983" y="286659"/>
                  <a:pt x="409865" y="314777"/>
                </a:cubicBezTo>
                <a:cubicBezTo>
                  <a:pt x="395805" y="328836"/>
                  <a:pt x="388776" y="347262"/>
                  <a:pt x="388776" y="365689"/>
                </a:cubicBezTo>
                <a:close/>
                <a:moveTo>
                  <a:pt x="0" y="1379024"/>
                </a:moveTo>
                <a:cubicBezTo>
                  <a:pt x="0" y="1418789"/>
                  <a:pt x="32235" y="1451024"/>
                  <a:pt x="72000" y="1451024"/>
                </a:cubicBezTo>
                <a:lnTo>
                  <a:pt x="288000" y="1451024"/>
                </a:lnTo>
                <a:cubicBezTo>
                  <a:pt x="327765" y="1451024"/>
                  <a:pt x="360000" y="1418789"/>
                  <a:pt x="360000" y="1379024"/>
                </a:cubicBezTo>
                <a:cubicBezTo>
                  <a:pt x="360000" y="1339259"/>
                  <a:pt x="327765" y="1307024"/>
                  <a:pt x="288000" y="1307024"/>
                </a:cubicBezTo>
                <a:lnTo>
                  <a:pt x="72000" y="1307024"/>
                </a:lnTo>
                <a:cubicBezTo>
                  <a:pt x="32235" y="1307024"/>
                  <a:pt x="0" y="1339259"/>
                  <a:pt x="0" y="1379024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3" name="Isosceles Triangle 5">
            <a:extLst>
              <a:ext uri="{FF2B5EF4-FFF2-40B4-BE49-F238E27FC236}">
                <a16:creationId xmlns:a16="http://schemas.microsoft.com/office/drawing/2014/main" id="{C90FA9E7-BC2A-492A-9790-9857E5ADE9BC}"/>
              </a:ext>
            </a:extLst>
          </p:cNvPr>
          <p:cNvSpPr>
            <a:spLocks noChangeAspect="1"/>
          </p:cNvSpPr>
          <p:nvPr/>
        </p:nvSpPr>
        <p:spPr>
          <a:xfrm>
            <a:off x="7895083" y="4737985"/>
            <a:ext cx="404220" cy="403783"/>
          </a:xfrm>
          <a:custGeom>
            <a:avLst/>
            <a:gdLst/>
            <a:ahLst/>
            <a:cxnLst/>
            <a:rect l="l" t="t" r="r" b="b"/>
            <a:pathLst>
              <a:path w="3229104" h="3225610">
                <a:moveTo>
                  <a:pt x="2311104" y="907633"/>
                </a:moveTo>
                <a:lnTo>
                  <a:pt x="3229104" y="907633"/>
                </a:lnTo>
                <a:lnTo>
                  <a:pt x="1769979" y="3097491"/>
                </a:lnTo>
                <a:close/>
                <a:moveTo>
                  <a:pt x="823" y="907633"/>
                </a:moveTo>
                <a:lnTo>
                  <a:pt x="918823" y="907633"/>
                </a:lnTo>
                <a:lnTo>
                  <a:pt x="1498048" y="3135591"/>
                </a:lnTo>
                <a:close/>
                <a:moveTo>
                  <a:pt x="1036980" y="907632"/>
                </a:moveTo>
                <a:lnTo>
                  <a:pt x="2192122" y="907632"/>
                </a:lnTo>
                <a:lnTo>
                  <a:pt x="1614551" y="3225610"/>
                </a:lnTo>
                <a:close/>
                <a:moveTo>
                  <a:pt x="2769693" y="0"/>
                </a:moveTo>
                <a:lnTo>
                  <a:pt x="3229104" y="792088"/>
                </a:lnTo>
                <a:lnTo>
                  <a:pt x="2310282" y="792088"/>
                </a:lnTo>
                <a:close/>
                <a:moveTo>
                  <a:pt x="1732713" y="0"/>
                </a:moveTo>
                <a:lnTo>
                  <a:pt x="2651535" y="0"/>
                </a:lnTo>
                <a:lnTo>
                  <a:pt x="2192124" y="792088"/>
                </a:lnTo>
                <a:close/>
                <a:moveTo>
                  <a:pt x="1614553" y="0"/>
                </a:moveTo>
                <a:lnTo>
                  <a:pt x="2073964" y="792088"/>
                </a:lnTo>
                <a:lnTo>
                  <a:pt x="1155142" y="792088"/>
                </a:lnTo>
                <a:close/>
                <a:moveTo>
                  <a:pt x="577571" y="0"/>
                </a:moveTo>
                <a:lnTo>
                  <a:pt x="1496393" y="0"/>
                </a:lnTo>
                <a:lnTo>
                  <a:pt x="1036982" y="792088"/>
                </a:lnTo>
                <a:close/>
                <a:moveTo>
                  <a:pt x="459411" y="0"/>
                </a:moveTo>
                <a:lnTo>
                  <a:pt x="918822" y="792088"/>
                </a:lnTo>
                <a:lnTo>
                  <a:pt x="0" y="792088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4" name="Trapezoid 22">
            <a:extLst>
              <a:ext uri="{FF2B5EF4-FFF2-40B4-BE49-F238E27FC236}">
                <a16:creationId xmlns:a16="http://schemas.microsoft.com/office/drawing/2014/main" id="{D2EC6B0A-E896-40D9-B4A8-1556019F68B9}"/>
              </a:ext>
            </a:extLst>
          </p:cNvPr>
          <p:cNvSpPr>
            <a:spLocks noChangeAspect="1"/>
          </p:cNvSpPr>
          <p:nvPr/>
        </p:nvSpPr>
        <p:spPr>
          <a:xfrm>
            <a:off x="9438721" y="4805113"/>
            <a:ext cx="529812" cy="269525"/>
          </a:xfrm>
          <a:custGeom>
            <a:avLst/>
            <a:gdLst/>
            <a:ahLst/>
            <a:cxnLst/>
            <a:rect l="l" t="t" r="r" b="b"/>
            <a:pathLst>
              <a:path w="3261500" h="1659188">
                <a:moveTo>
                  <a:pt x="121102" y="1436888"/>
                </a:moveTo>
                <a:lnTo>
                  <a:pt x="3045452" y="1436888"/>
                </a:lnTo>
                <a:cubicBezTo>
                  <a:pt x="3001437" y="1508238"/>
                  <a:pt x="2956882" y="1580993"/>
                  <a:pt x="2918729" y="1659188"/>
                </a:cubicBezTo>
                <a:lnTo>
                  <a:pt x="202648" y="1659188"/>
                </a:lnTo>
                <a:cubicBezTo>
                  <a:pt x="188127" y="1585004"/>
                  <a:pt x="156049" y="1510828"/>
                  <a:pt x="121102" y="1436888"/>
                </a:cubicBezTo>
                <a:close/>
                <a:moveTo>
                  <a:pt x="2814967" y="1119413"/>
                </a:moveTo>
                <a:lnTo>
                  <a:pt x="2814967" y="1227413"/>
                </a:lnTo>
                <a:lnTo>
                  <a:pt x="2922967" y="1227413"/>
                </a:lnTo>
                <a:lnTo>
                  <a:pt x="2922967" y="1119413"/>
                </a:lnTo>
                <a:close/>
                <a:moveTo>
                  <a:pt x="2600074" y="1119413"/>
                </a:moveTo>
                <a:lnTo>
                  <a:pt x="2600074" y="1227413"/>
                </a:lnTo>
                <a:lnTo>
                  <a:pt x="2708074" y="1227413"/>
                </a:lnTo>
                <a:lnTo>
                  <a:pt x="2708074" y="1119413"/>
                </a:lnTo>
                <a:close/>
                <a:moveTo>
                  <a:pt x="2385182" y="1119413"/>
                </a:moveTo>
                <a:lnTo>
                  <a:pt x="2385182" y="1227413"/>
                </a:lnTo>
                <a:lnTo>
                  <a:pt x="2493182" y="1227413"/>
                </a:lnTo>
                <a:lnTo>
                  <a:pt x="2493182" y="1119413"/>
                </a:lnTo>
                <a:close/>
                <a:moveTo>
                  <a:pt x="1716569" y="1119413"/>
                </a:moveTo>
                <a:lnTo>
                  <a:pt x="1716569" y="1227413"/>
                </a:lnTo>
                <a:lnTo>
                  <a:pt x="1824569" y="1227413"/>
                </a:lnTo>
                <a:lnTo>
                  <a:pt x="1824569" y="1119413"/>
                </a:lnTo>
                <a:close/>
                <a:moveTo>
                  <a:pt x="1501676" y="1119413"/>
                </a:moveTo>
                <a:lnTo>
                  <a:pt x="1501676" y="1227413"/>
                </a:lnTo>
                <a:lnTo>
                  <a:pt x="1609676" y="1227413"/>
                </a:lnTo>
                <a:lnTo>
                  <a:pt x="1609676" y="1119413"/>
                </a:lnTo>
                <a:close/>
                <a:moveTo>
                  <a:pt x="1286784" y="1119413"/>
                </a:moveTo>
                <a:lnTo>
                  <a:pt x="1286784" y="1227413"/>
                </a:lnTo>
                <a:lnTo>
                  <a:pt x="1394784" y="1227413"/>
                </a:lnTo>
                <a:lnTo>
                  <a:pt x="1394784" y="1119413"/>
                </a:lnTo>
                <a:close/>
                <a:moveTo>
                  <a:pt x="1071892" y="1119413"/>
                </a:moveTo>
                <a:lnTo>
                  <a:pt x="1071892" y="1227413"/>
                </a:lnTo>
                <a:lnTo>
                  <a:pt x="1179892" y="1227413"/>
                </a:lnTo>
                <a:lnTo>
                  <a:pt x="1179892" y="1119413"/>
                </a:lnTo>
                <a:close/>
                <a:moveTo>
                  <a:pt x="857000" y="1119413"/>
                </a:moveTo>
                <a:lnTo>
                  <a:pt x="857000" y="1227413"/>
                </a:lnTo>
                <a:lnTo>
                  <a:pt x="965000" y="1227413"/>
                </a:lnTo>
                <a:lnTo>
                  <a:pt x="965000" y="1119413"/>
                </a:lnTo>
                <a:close/>
                <a:moveTo>
                  <a:pt x="642108" y="1119413"/>
                </a:moveTo>
                <a:lnTo>
                  <a:pt x="642108" y="1227413"/>
                </a:lnTo>
                <a:lnTo>
                  <a:pt x="750108" y="1227413"/>
                </a:lnTo>
                <a:lnTo>
                  <a:pt x="750108" y="1119413"/>
                </a:lnTo>
                <a:close/>
                <a:moveTo>
                  <a:pt x="427216" y="1119413"/>
                </a:moveTo>
                <a:lnTo>
                  <a:pt x="427216" y="1227413"/>
                </a:lnTo>
                <a:lnTo>
                  <a:pt x="535216" y="1227413"/>
                </a:lnTo>
                <a:lnTo>
                  <a:pt x="535216" y="1119413"/>
                </a:lnTo>
                <a:close/>
                <a:moveTo>
                  <a:pt x="356387" y="794045"/>
                </a:moveTo>
                <a:lnTo>
                  <a:pt x="310667" y="896924"/>
                </a:lnTo>
                <a:lnTo>
                  <a:pt x="2620886" y="908354"/>
                </a:lnTo>
                <a:lnTo>
                  <a:pt x="2540130" y="801665"/>
                </a:lnTo>
                <a:close/>
                <a:moveTo>
                  <a:pt x="382676" y="631248"/>
                </a:moveTo>
                <a:lnTo>
                  <a:pt x="363625" y="730317"/>
                </a:lnTo>
                <a:lnTo>
                  <a:pt x="2492522" y="737937"/>
                </a:lnTo>
                <a:lnTo>
                  <a:pt x="2418771" y="631248"/>
                </a:lnTo>
                <a:close/>
                <a:moveTo>
                  <a:pt x="1756650" y="318899"/>
                </a:moveTo>
                <a:lnTo>
                  <a:pt x="1756650" y="477608"/>
                </a:lnTo>
                <a:lnTo>
                  <a:pt x="1900650" y="477608"/>
                </a:lnTo>
                <a:lnTo>
                  <a:pt x="1900650" y="318899"/>
                </a:lnTo>
                <a:close/>
                <a:moveTo>
                  <a:pt x="1470038" y="318899"/>
                </a:moveTo>
                <a:lnTo>
                  <a:pt x="1470038" y="477608"/>
                </a:lnTo>
                <a:lnTo>
                  <a:pt x="1614038" y="477608"/>
                </a:lnTo>
                <a:lnTo>
                  <a:pt x="1614038" y="318899"/>
                </a:lnTo>
                <a:close/>
                <a:moveTo>
                  <a:pt x="1183427" y="318899"/>
                </a:moveTo>
                <a:lnTo>
                  <a:pt x="1183427" y="477608"/>
                </a:lnTo>
                <a:lnTo>
                  <a:pt x="1327427" y="477608"/>
                </a:lnTo>
                <a:lnTo>
                  <a:pt x="1327427" y="318899"/>
                </a:lnTo>
                <a:close/>
                <a:moveTo>
                  <a:pt x="896816" y="318899"/>
                </a:moveTo>
                <a:lnTo>
                  <a:pt x="896816" y="477608"/>
                </a:lnTo>
                <a:lnTo>
                  <a:pt x="1040816" y="477608"/>
                </a:lnTo>
                <a:lnTo>
                  <a:pt x="1040816" y="318899"/>
                </a:lnTo>
                <a:close/>
                <a:moveTo>
                  <a:pt x="1190618" y="0"/>
                </a:moveTo>
                <a:lnTo>
                  <a:pt x="1271830" y="0"/>
                </a:lnTo>
                <a:lnTo>
                  <a:pt x="1308266" y="193836"/>
                </a:lnTo>
                <a:lnTo>
                  <a:pt x="1977660" y="193836"/>
                </a:lnTo>
                <a:lnTo>
                  <a:pt x="2138144" y="525639"/>
                </a:lnTo>
                <a:lnTo>
                  <a:pt x="2421400" y="525639"/>
                </a:lnTo>
                <a:lnTo>
                  <a:pt x="2750195" y="950920"/>
                </a:lnTo>
                <a:lnTo>
                  <a:pt x="3261500" y="937238"/>
                </a:lnTo>
                <a:cubicBezTo>
                  <a:pt x="3244841" y="1097170"/>
                  <a:pt x="3172191" y="1230845"/>
                  <a:pt x="3089450" y="1364888"/>
                </a:cubicBezTo>
                <a:lnTo>
                  <a:pt x="88044" y="1364888"/>
                </a:lnTo>
                <a:cubicBezTo>
                  <a:pt x="35437" y="1251413"/>
                  <a:pt x="-11245" y="1137942"/>
                  <a:pt x="2399" y="1024450"/>
                </a:cubicBezTo>
                <a:lnTo>
                  <a:pt x="197767" y="1019222"/>
                </a:lnTo>
                <a:lnTo>
                  <a:pt x="321162" y="525639"/>
                </a:lnTo>
                <a:lnTo>
                  <a:pt x="681951" y="525639"/>
                </a:lnTo>
                <a:lnTo>
                  <a:pt x="764901" y="193836"/>
                </a:lnTo>
                <a:lnTo>
                  <a:pt x="930048" y="193836"/>
                </a:lnTo>
                <a:lnTo>
                  <a:pt x="966373" y="588"/>
                </a:lnTo>
                <a:lnTo>
                  <a:pt x="1047585" y="588"/>
                </a:lnTo>
                <a:lnTo>
                  <a:pt x="1083910" y="193836"/>
                </a:lnTo>
                <a:lnTo>
                  <a:pt x="1154183" y="193836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5" name="Rounded Rectangle 20">
            <a:extLst>
              <a:ext uri="{FF2B5EF4-FFF2-40B4-BE49-F238E27FC236}">
                <a16:creationId xmlns:a16="http://schemas.microsoft.com/office/drawing/2014/main" id="{B5A75B4D-CA52-4F78-AC74-CB42B7BD2898}"/>
              </a:ext>
            </a:extLst>
          </p:cNvPr>
          <p:cNvSpPr>
            <a:spLocks noChangeAspect="1"/>
          </p:cNvSpPr>
          <p:nvPr/>
        </p:nvSpPr>
        <p:spPr>
          <a:xfrm rot="2160000">
            <a:off x="10296822" y="4674968"/>
            <a:ext cx="491028" cy="529812"/>
          </a:xfrm>
          <a:custGeom>
            <a:avLst/>
            <a:gdLst/>
            <a:ahLst/>
            <a:cxnLst/>
            <a:rect l="l" t="t" r="r" b="b"/>
            <a:pathLst>
              <a:path w="2735240" h="2951283">
                <a:moveTo>
                  <a:pt x="945240" y="943134"/>
                </a:moveTo>
                <a:cubicBezTo>
                  <a:pt x="504657" y="1263236"/>
                  <a:pt x="406988" y="1879894"/>
                  <a:pt x="727090" y="2320477"/>
                </a:cubicBezTo>
                <a:cubicBezTo>
                  <a:pt x="1047193" y="2761060"/>
                  <a:pt x="1663850" y="2858729"/>
                  <a:pt x="2104434" y="2538627"/>
                </a:cubicBezTo>
                <a:cubicBezTo>
                  <a:pt x="2545017" y="2218524"/>
                  <a:pt x="2642686" y="1601867"/>
                  <a:pt x="2322584" y="1161283"/>
                </a:cubicBezTo>
                <a:cubicBezTo>
                  <a:pt x="2003839" y="722570"/>
                  <a:pt x="1391052" y="623866"/>
                  <a:pt x="951049" y="939346"/>
                </a:cubicBezTo>
                <a:lnTo>
                  <a:pt x="1557721" y="1618250"/>
                </a:lnTo>
                <a:cubicBezTo>
                  <a:pt x="1596798" y="1621348"/>
                  <a:pt x="1633874" y="1641400"/>
                  <a:pt x="1658719" y="1675596"/>
                </a:cubicBezTo>
                <a:cubicBezTo>
                  <a:pt x="1705470" y="1739944"/>
                  <a:pt x="1691206" y="1830007"/>
                  <a:pt x="1626858" y="1876758"/>
                </a:cubicBezTo>
                <a:cubicBezTo>
                  <a:pt x="1562511" y="1923509"/>
                  <a:pt x="1472448" y="1909245"/>
                  <a:pt x="1425696" y="1844897"/>
                </a:cubicBezTo>
                <a:cubicBezTo>
                  <a:pt x="1398776" y="1807844"/>
                  <a:pt x="1392087" y="1762265"/>
                  <a:pt x="1405709" y="1721944"/>
                </a:cubicBezTo>
                <a:lnTo>
                  <a:pt x="950242" y="939871"/>
                </a:lnTo>
                <a:cubicBezTo>
                  <a:pt x="948462" y="940800"/>
                  <a:pt x="946850" y="941964"/>
                  <a:pt x="945240" y="943134"/>
                </a:cubicBezTo>
                <a:close/>
                <a:moveTo>
                  <a:pt x="390013" y="178929"/>
                </a:moveTo>
                <a:cubicBezTo>
                  <a:pt x="223423" y="299964"/>
                  <a:pt x="186493" y="533130"/>
                  <a:pt x="307528" y="699721"/>
                </a:cubicBezTo>
                <a:cubicBezTo>
                  <a:pt x="392822" y="817118"/>
                  <a:pt x="533802" y="870124"/>
                  <a:pt x="667672" y="847235"/>
                </a:cubicBezTo>
                <a:lnTo>
                  <a:pt x="556452" y="694153"/>
                </a:lnTo>
                <a:lnTo>
                  <a:pt x="528500" y="714461"/>
                </a:lnTo>
                <a:cubicBezTo>
                  <a:pt x="498835" y="736014"/>
                  <a:pt x="457314" y="729437"/>
                  <a:pt x="435761" y="699772"/>
                </a:cubicBezTo>
                <a:lnTo>
                  <a:pt x="341779" y="570418"/>
                </a:lnTo>
                <a:cubicBezTo>
                  <a:pt x="320226" y="540753"/>
                  <a:pt x="326803" y="499231"/>
                  <a:pt x="356468" y="477679"/>
                </a:cubicBezTo>
                <a:lnTo>
                  <a:pt x="684509" y="239343"/>
                </a:lnTo>
                <a:cubicBezTo>
                  <a:pt x="714174" y="217790"/>
                  <a:pt x="755695" y="224366"/>
                  <a:pt x="777248" y="254031"/>
                </a:cubicBezTo>
                <a:lnTo>
                  <a:pt x="871230" y="383386"/>
                </a:lnTo>
                <a:cubicBezTo>
                  <a:pt x="892782" y="413051"/>
                  <a:pt x="886206" y="454572"/>
                  <a:pt x="856541" y="476125"/>
                </a:cubicBezTo>
                <a:lnTo>
                  <a:pt x="828590" y="496433"/>
                </a:lnTo>
                <a:lnTo>
                  <a:pt x="939810" y="649514"/>
                </a:lnTo>
                <a:cubicBezTo>
                  <a:pt x="1002947" y="529270"/>
                  <a:pt x="996100" y="378811"/>
                  <a:pt x="910806" y="261414"/>
                </a:cubicBezTo>
                <a:cubicBezTo>
                  <a:pt x="789771" y="94824"/>
                  <a:pt x="556604" y="57894"/>
                  <a:pt x="390013" y="178929"/>
                </a:cubicBezTo>
                <a:close/>
                <a:moveTo>
                  <a:pt x="326716" y="91807"/>
                </a:moveTo>
                <a:cubicBezTo>
                  <a:pt x="541423" y="-64186"/>
                  <a:pt x="841934" y="-16590"/>
                  <a:pt x="997927" y="198117"/>
                </a:cubicBezTo>
                <a:cubicBezTo>
                  <a:pt x="1090326" y="325293"/>
                  <a:pt x="1111296" y="482575"/>
                  <a:pt x="1067359" y="621566"/>
                </a:cubicBezTo>
                <a:cubicBezTo>
                  <a:pt x="1125087" y="596400"/>
                  <a:pt x="1184605" y="577365"/>
                  <a:pt x="1244892" y="563339"/>
                </a:cubicBezTo>
                <a:lnTo>
                  <a:pt x="1244892" y="425809"/>
                </a:lnTo>
                <a:lnTo>
                  <a:pt x="1238396" y="425809"/>
                </a:lnTo>
                <a:cubicBezTo>
                  <a:pt x="1203300" y="425809"/>
                  <a:pt x="1174849" y="397358"/>
                  <a:pt x="1174849" y="362262"/>
                </a:cubicBezTo>
                <a:lnTo>
                  <a:pt x="1174849" y="209229"/>
                </a:lnTo>
                <a:cubicBezTo>
                  <a:pt x="1174849" y="191681"/>
                  <a:pt x="1181962" y="175794"/>
                  <a:pt x="1193462" y="164294"/>
                </a:cubicBezTo>
                <a:cubicBezTo>
                  <a:pt x="1204961" y="152795"/>
                  <a:pt x="1220848" y="145682"/>
                  <a:pt x="1238396" y="145682"/>
                </a:cubicBezTo>
                <a:lnTo>
                  <a:pt x="1484804" y="145682"/>
                </a:lnTo>
                <a:cubicBezTo>
                  <a:pt x="1519900" y="145682"/>
                  <a:pt x="1548351" y="174133"/>
                  <a:pt x="1548351" y="209229"/>
                </a:cubicBezTo>
                <a:lnTo>
                  <a:pt x="1548351" y="362262"/>
                </a:lnTo>
                <a:cubicBezTo>
                  <a:pt x="1548351" y="397358"/>
                  <a:pt x="1519900" y="425809"/>
                  <a:pt x="1484804" y="425809"/>
                </a:cubicBezTo>
                <a:lnTo>
                  <a:pt x="1478305" y="425809"/>
                </a:lnTo>
                <a:lnTo>
                  <a:pt x="1478305" y="531522"/>
                </a:lnTo>
                <a:cubicBezTo>
                  <a:pt x="1867969" y="516696"/>
                  <a:pt x="2257580" y="690299"/>
                  <a:pt x="2504004" y="1029474"/>
                </a:cubicBezTo>
                <a:cubicBezTo>
                  <a:pt x="2896903" y="1570253"/>
                  <a:pt x="2777023" y="2327148"/>
                  <a:pt x="2236244" y="2720047"/>
                </a:cubicBezTo>
                <a:cubicBezTo>
                  <a:pt x="1695464" y="3112946"/>
                  <a:pt x="938569" y="2993066"/>
                  <a:pt x="545670" y="2452287"/>
                </a:cubicBezTo>
                <a:cubicBezTo>
                  <a:pt x="302842" y="2118063"/>
                  <a:pt x="255883" y="1701289"/>
                  <a:pt x="383624" y="1339097"/>
                </a:cubicBezTo>
                <a:lnTo>
                  <a:pt x="271337" y="1301981"/>
                </a:lnTo>
                <a:lnTo>
                  <a:pt x="269200" y="1308446"/>
                </a:lnTo>
                <a:cubicBezTo>
                  <a:pt x="258184" y="1341768"/>
                  <a:pt x="222242" y="1359852"/>
                  <a:pt x="188919" y="1348836"/>
                </a:cubicBezTo>
                <a:lnTo>
                  <a:pt x="43619" y="1300805"/>
                </a:lnTo>
                <a:cubicBezTo>
                  <a:pt x="10297" y="1289790"/>
                  <a:pt x="-7787" y="1253847"/>
                  <a:pt x="3228" y="1220525"/>
                </a:cubicBezTo>
                <a:lnTo>
                  <a:pt x="80565" y="986568"/>
                </a:lnTo>
                <a:cubicBezTo>
                  <a:pt x="86073" y="969906"/>
                  <a:pt x="97812" y="957056"/>
                  <a:pt x="112340" y="949746"/>
                </a:cubicBezTo>
                <a:cubicBezTo>
                  <a:pt x="126869" y="942436"/>
                  <a:pt x="144185" y="940669"/>
                  <a:pt x="160847" y="946177"/>
                </a:cubicBezTo>
                <a:lnTo>
                  <a:pt x="306147" y="994208"/>
                </a:lnTo>
                <a:cubicBezTo>
                  <a:pt x="339468" y="1005223"/>
                  <a:pt x="357552" y="1041166"/>
                  <a:pt x="346537" y="1074488"/>
                </a:cubicBezTo>
                <a:lnTo>
                  <a:pt x="344596" y="1080361"/>
                </a:lnTo>
                <a:lnTo>
                  <a:pt x="482601" y="1125980"/>
                </a:lnTo>
                <a:cubicBezTo>
                  <a:pt x="516519" y="1067404"/>
                  <a:pt x="556040" y="1011588"/>
                  <a:pt x="601675" y="959905"/>
                </a:cubicBezTo>
                <a:cubicBezTo>
                  <a:pt x="455910" y="958740"/>
                  <a:pt x="312806" y="890195"/>
                  <a:pt x="220407" y="763018"/>
                </a:cubicBezTo>
                <a:cubicBezTo>
                  <a:pt x="64413" y="548311"/>
                  <a:pt x="112009" y="247801"/>
                  <a:pt x="326716" y="91807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6" name="Trapezoid 28">
            <a:extLst>
              <a:ext uri="{FF2B5EF4-FFF2-40B4-BE49-F238E27FC236}">
                <a16:creationId xmlns:a16="http://schemas.microsoft.com/office/drawing/2014/main" id="{013F6F7D-652C-40EF-B339-66A172676932}"/>
              </a:ext>
            </a:extLst>
          </p:cNvPr>
          <p:cNvSpPr>
            <a:spLocks noChangeAspect="1"/>
          </p:cNvSpPr>
          <p:nvPr/>
        </p:nvSpPr>
        <p:spPr>
          <a:xfrm>
            <a:off x="4477340" y="4674968"/>
            <a:ext cx="437175" cy="529812"/>
          </a:xfrm>
          <a:custGeom>
            <a:avLst/>
            <a:gdLst/>
            <a:ahLst/>
            <a:cxnLst/>
            <a:rect l="l" t="t" r="r" b="b"/>
            <a:pathLst>
              <a:path w="2664297" h="3228846">
                <a:moveTo>
                  <a:pt x="2006233" y="1910002"/>
                </a:moveTo>
                <a:cubicBezTo>
                  <a:pt x="2195393" y="2270441"/>
                  <a:pt x="2396463" y="2592453"/>
                  <a:pt x="2218318" y="2693318"/>
                </a:cubicBezTo>
                <a:cubicBezTo>
                  <a:pt x="1760490" y="2959655"/>
                  <a:pt x="875097" y="3011972"/>
                  <a:pt x="413381" y="2693318"/>
                </a:cubicBezTo>
                <a:cubicBezTo>
                  <a:pt x="278026" y="2578660"/>
                  <a:pt x="448417" y="2270210"/>
                  <a:pt x="622358" y="1918652"/>
                </a:cubicBezTo>
                <a:close/>
                <a:moveTo>
                  <a:pt x="998355" y="318176"/>
                </a:moveTo>
                <a:lnTo>
                  <a:pt x="1054483" y="938365"/>
                </a:lnTo>
                <a:cubicBezTo>
                  <a:pt x="1073419" y="1202005"/>
                  <a:pt x="-94533" y="2544942"/>
                  <a:pt x="263185" y="2803859"/>
                </a:cubicBezTo>
                <a:cubicBezTo>
                  <a:pt x="799752" y="3120272"/>
                  <a:pt x="1828684" y="3068324"/>
                  <a:pt x="2360732" y="2803859"/>
                </a:cubicBezTo>
                <a:cubicBezTo>
                  <a:pt x="2817826" y="2582721"/>
                  <a:pt x="1567592" y="1249230"/>
                  <a:pt x="1559424" y="938364"/>
                </a:cubicBezTo>
                <a:lnTo>
                  <a:pt x="1635785" y="320808"/>
                </a:lnTo>
                <a:lnTo>
                  <a:pt x="1616510" y="323841"/>
                </a:lnTo>
                <a:cubicBezTo>
                  <a:pt x="1541035" y="362546"/>
                  <a:pt x="1432716" y="386340"/>
                  <a:pt x="1312455" y="386340"/>
                </a:cubicBezTo>
                <a:cubicBezTo>
                  <a:pt x="1186664" y="386340"/>
                  <a:pt x="1073940" y="360308"/>
                  <a:pt x="998355" y="318176"/>
                </a:cubicBezTo>
                <a:close/>
                <a:moveTo>
                  <a:pt x="1312455" y="60748"/>
                </a:moveTo>
                <a:cubicBezTo>
                  <a:pt x="1155275" y="60748"/>
                  <a:pt x="1027857" y="120035"/>
                  <a:pt x="1027857" y="193171"/>
                </a:cubicBezTo>
                <a:cubicBezTo>
                  <a:pt x="1027857" y="266307"/>
                  <a:pt x="1155275" y="325594"/>
                  <a:pt x="1312455" y="325594"/>
                </a:cubicBezTo>
                <a:cubicBezTo>
                  <a:pt x="1469634" y="325594"/>
                  <a:pt x="1597052" y="266307"/>
                  <a:pt x="1597052" y="193171"/>
                </a:cubicBezTo>
                <a:cubicBezTo>
                  <a:pt x="1597052" y="120035"/>
                  <a:pt x="1469634" y="60748"/>
                  <a:pt x="1312455" y="60748"/>
                </a:cubicBezTo>
                <a:close/>
                <a:moveTo>
                  <a:pt x="1312455" y="0"/>
                </a:moveTo>
                <a:cubicBezTo>
                  <a:pt x="1537130" y="0"/>
                  <a:pt x="1720121" y="83046"/>
                  <a:pt x="1726235" y="186847"/>
                </a:cubicBezTo>
                <a:cubicBezTo>
                  <a:pt x="1726742" y="186524"/>
                  <a:pt x="1727174" y="186120"/>
                  <a:pt x="1727606" y="185717"/>
                </a:cubicBezTo>
                <a:lnTo>
                  <a:pt x="1727102" y="190850"/>
                </a:lnTo>
                <a:cubicBezTo>
                  <a:pt x="1727595" y="191614"/>
                  <a:pt x="1727605" y="192391"/>
                  <a:pt x="1727605" y="193170"/>
                </a:cubicBezTo>
                <a:lnTo>
                  <a:pt x="1726271" y="199326"/>
                </a:lnTo>
                <a:lnTo>
                  <a:pt x="1655630" y="919826"/>
                </a:lnTo>
                <a:cubicBezTo>
                  <a:pt x="1665213" y="1268678"/>
                  <a:pt x="3079202" y="2735754"/>
                  <a:pt x="2542920" y="2983914"/>
                </a:cubicBezTo>
                <a:cubicBezTo>
                  <a:pt x="1918698" y="3280693"/>
                  <a:pt x="711513" y="3338989"/>
                  <a:pt x="81991" y="2983914"/>
                </a:cubicBezTo>
                <a:cubicBezTo>
                  <a:pt x="-337699" y="2693358"/>
                  <a:pt x="991496" y="1215684"/>
                  <a:pt x="969280" y="919828"/>
                </a:cubicBezTo>
                <a:lnTo>
                  <a:pt x="898640" y="199335"/>
                </a:lnTo>
                <a:cubicBezTo>
                  <a:pt x="897375" y="197339"/>
                  <a:pt x="897304" y="195258"/>
                  <a:pt x="897304" y="193170"/>
                </a:cubicBezTo>
                <a:lnTo>
                  <a:pt x="897808" y="190847"/>
                </a:lnTo>
                <a:lnTo>
                  <a:pt x="897305" y="185717"/>
                </a:lnTo>
                <a:lnTo>
                  <a:pt x="898687" y="186789"/>
                </a:lnTo>
                <a:cubicBezTo>
                  <a:pt x="904857" y="83015"/>
                  <a:pt x="1087821" y="0"/>
                  <a:pt x="1312455" y="0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97" name="Rounded Rectangle 2">
            <a:extLst>
              <a:ext uri="{FF2B5EF4-FFF2-40B4-BE49-F238E27FC236}">
                <a16:creationId xmlns:a16="http://schemas.microsoft.com/office/drawing/2014/main" id="{2CB3F902-7F51-468E-928D-DF8ED92CA432}"/>
              </a:ext>
            </a:extLst>
          </p:cNvPr>
          <p:cNvSpPr/>
          <p:nvPr/>
        </p:nvSpPr>
        <p:spPr>
          <a:xfrm>
            <a:off x="5283276" y="5634756"/>
            <a:ext cx="519265" cy="519265"/>
          </a:xfrm>
          <a:custGeom>
            <a:avLst/>
            <a:gdLst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71732 w 3960440"/>
              <a:gd name="connsiteY2" fmla="*/ 2285845 h 3960000"/>
              <a:gd name="connsiteX3" fmla="*/ 1338560 w 3960440"/>
              <a:gd name="connsiteY3" fmla="*/ 1981614 h 3960000"/>
              <a:gd name="connsiteX4" fmla="*/ 1182276 w 3960440"/>
              <a:gd name="connsiteY4" fmla="*/ 1442314 h 3960000"/>
              <a:gd name="connsiteX5" fmla="*/ 2217373 w 3960440"/>
              <a:gd name="connsiteY5" fmla="*/ 796414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873721 w 3960440"/>
              <a:gd name="connsiteY10" fmla="*/ 1156628 h 3960000"/>
              <a:gd name="connsiteX11" fmla="*/ 1525929 w 3960440"/>
              <a:gd name="connsiteY11" fmla="*/ 1392629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71732 w 3960440"/>
              <a:gd name="connsiteY2" fmla="*/ 2285845 h 3960000"/>
              <a:gd name="connsiteX3" fmla="*/ 1296382 w 3960440"/>
              <a:gd name="connsiteY3" fmla="*/ 1907811 h 3960000"/>
              <a:gd name="connsiteX4" fmla="*/ 1182276 w 3960440"/>
              <a:gd name="connsiteY4" fmla="*/ 1442314 h 3960000"/>
              <a:gd name="connsiteX5" fmla="*/ 2217373 w 3960440"/>
              <a:gd name="connsiteY5" fmla="*/ 796414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873721 w 3960440"/>
              <a:gd name="connsiteY10" fmla="*/ 1156628 h 3960000"/>
              <a:gd name="connsiteX11" fmla="*/ 1525929 w 3960440"/>
              <a:gd name="connsiteY11" fmla="*/ 1392629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182276 w 3960440"/>
              <a:gd name="connsiteY4" fmla="*/ 1442314 h 3960000"/>
              <a:gd name="connsiteX5" fmla="*/ 2217373 w 3960440"/>
              <a:gd name="connsiteY5" fmla="*/ 796414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873721 w 3960440"/>
              <a:gd name="connsiteY10" fmla="*/ 1156628 h 3960000"/>
              <a:gd name="connsiteX11" fmla="*/ 1525929 w 3960440"/>
              <a:gd name="connsiteY11" fmla="*/ 1392629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182276 w 3960440"/>
              <a:gd name="connsiteY4" fmla="*/ 1442314 h 3960000"/>
              <a:gd name="connsiteX5" fmla="*/ 2217373 w 3960440"/>
              <a:gd name="connsiteY5" fmla="*/ 796414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873721 w 3960440"/>
              <a:gd name="connsiteY10" fmla="*/ 1156628 h 3960000"/>
              <a:gd name="connsiteX11" fmla="*/ 1525929 w 3960440"/>
              <a:gd name="connsiteY11" fmla="*/ 1392629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182276 w 3960440"/>
              <a:gd name="connsiteY4" fmla="*/ 1442314 h 3960000"/>
              <a:gd name="connsiteX5" fmla="*/ 2217373 w 3960440"/>
              <a:gd name="connsiteY5" fmla="*/ 796414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873721 w 3960440"/>
              <a:gd name="connsiteY10" fmla="*/ 1156628 h 3960000"/>
              <a:gd name="connsiteX11" fmla="*/ 1525929 w 3960440"/>
              <a:gd name="connsiteY11" fmla="*/ 1392629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182276 w 3960440"/>
              <a:gd name="connsiteY4" fmla="*/ 1442314 h 3960000"/>
              <a:gd name="connsiteX5" fmla="*/ 2217373 w 3960440"/>
              <a:gd name="connsiteY5" fmla="*/ 796414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873721 w 3960440"/>
              <a:gd name="connsiteY10" fmla="*/ 1156628 h 3960000"/>
              <a:gd name="connsiteX11" fmla="*/ 1525929 w 3960440"/>
              <a:gd name="connsiteY11" fmla="*/ 1392629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182276 w 3960440"/>
              <a:gd name="connsiteY4" fmla="*/ 1442314 h 3960000"/>
              <a:gd name="connsiteX5" fmla="*/ 2217373 w 3960440"/>
              <a:gd name="connsiteY5" fmla="*/ 838586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873721 w 3960440"/>
              <a:gd name="connsiteY10" fmla="*/ 1156628 h 3960000"/>
              <a:gd name="connsiteX11" fmla="*/ 1525929 w 3960440"/>
              <a:gd name="connsiteY11" fmla="*/ 1392629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38586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873721 w 3960440"/>
              <a:gd name="connsiteY10" fmla="*/ 1156628 h 3960000"/>
              <a:gd name="connsiteX11" fmla="*/ 1525929 w 3960440"/>
              <a:gd name="connsiteY11" fmla="*/ 1392629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38586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915898 w 3960440"/>
              <a:gd name="connsiteY10" fmla="*/ 1219889 h 3960000"/>
              <a:gd name="connsiteX11" fmla="*/ 1525929 w 3960440"/>
              <a:gd name="connsiteY11" fmla="*/ 1392629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38586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21788 w 3960440"/>
              <a:gd name="connsiteY12" fmla="*/ 1897758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38586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03335 w 3960440"/>
              <a:gd name="connsiteY14" fmla="*/ 2485692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38586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10984 w 3960440"/>
              <a:gd name="connsiteY8" fmla="*/ 2071653 h 3960000"/>
              <a:gd name="connsiteX9" fmla="*/ 2072459 w 3960440"/>
              <a:gd name="connsiteY9" fmla="*/ 1512703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66603 w 3960440"/>
              <a:gd name="connsiteY14" fmla="*/ 2506778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38586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95341 w 3960440"/>
              <a:gd name="connsiteY8" fmla="*/ 2082197 h 3960000"/>
              <a:gd name="connsiteX9" fmla="*/ 2072459 w 3960440"/>
              <a:gd name="connsiteY9" fmla="*/ 1512703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66603 w 3960440"/>
              <a:gd name="connsiteY14" fmla="*/ 2506778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38586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95341 w 3960440"/>
              <a:gd name="connsiteY8" fmla="*/ 2082197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66603 w 3960440"/>
              <a:gd name="connsiteY14" fmla="*/ 2506778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30780 w 3960440"/>
              <a:gd name="connsiteY6" fmla="*/ 1554106 h 3960000"/>
              <a:gd name="connsiteX7" fmla="*/ 2424394 w 3960440"/>
              <a:gd name="connsiteY7" fmla="*/ 2278672 h 3960000"/>
              <a:gd name="connsiteX8" fmla="*/ 1995341 w 3960440"/>
              <a:gd name="connsiteY8" fmla="*/ 2082197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66603 w 3960440"/>
              <a:gd name="connsiteY14" fmla="*/ 2506778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24394 w 3960440"/>
              <a:gd name="connsiteY7" fmla="*/ 2278672 h 3960000"/>
              <a:gd name="connsiteX8" fmla="*/ 1995341 w 3960440"/>
              <a:gd name="connsiteY8" fmla="*/ 2082197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66603 w 3960440"/>
              <a:gd name="connsiteY14" fmla="*/ 2506778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1995341 w 3960440"/>
              <a:gd name="connsiteY8" fmla="*/ 2082197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66603 w 3960440"/>
              <a:gd name="connsiteY14" fmla="*/ 2506778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66603 w 3960440"/>
              <a:gd name="connsiteY14" fmla="*/ 2506778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283619 w 3960440"/>
              <a:gd name="connsiteY15" fmla="*/ 2688571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44820 w 3960440"/>
              <a:gd name="connsiteY16" fmla="*/ 1595509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76454 w 3960440"/>
              <a:gd name="connsiteY16" fmla="*/ 1627140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76454 w 3960440"/>
              <a:gd name="connsiteY16" fmla="*/ 1627140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76454 w 3960440"/>
              <a:gd name="connsiteY16" fmla="*/ 1627140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76454 w 3960440"/>
              <a:gd name="connsiteY16" fmla="*/ 1627140 h 3960000"/>
              <a:gd name="connsiteX17" fmla="*/ 2134565 w 3960440"/>
              <a:gd name="connsiteY17" fmla="*/ 477605 h 3960000"/>
              <a:gd name="connsiteX18" fmla="*/ 1979373 w 3960440"/>
              <a:gd name="connsiteY18" fmla="*/ 472350 h 3960000"/>
              <a:gd name="connsiteX19" fmla="*/ 436907 w 3960440"/>
              <a:gd name="connsiteY19" fmla="*/ 0 h 3960000"/>
              <a:gd name="connsiteX20" fmla="*/ 3523533 w 3960440"/>
              <a:gd name="connsiteY20" fmla="*/ 0 h 3960000"/>
              <a:gd name="connsiteX21" fmla="*/ 3960440 w 3960440"/>
              <a:gd name="connsiteY21" fmla="*/ 436907 h 3960000"/>
              <a:gd name="connsiteX22" fmla="*/ 3960440 w 3960440"/>
              <a:gd name="connsiteY22" fmla="*/ 3523093 h 3960000"/>
              <a:gd name="connsiteX23" fmla="*/ 3523533 w 3960440"/>
              <a:gd name="connsiteY23" fmla="*/ 3960000 h 3960000"/>
              <a:gd name="connsiteX24" fmla="*/ 436907 w 3960440"/>
              <a:gd name="connsiteY24" fmla="*/ 3960000 h 3960000"/>
              <a:gd name="connsiteX25" fmla="*/ 0 w 3960440"/>
              <a:gd name="connsiteY25" fmla="*/ 3523093 h 3960000"/>
              <a:gd name="connsiteX26" fmla="*/ 0 w 3960440"/>
              <a:gd name="connsiteY26" fmla="*/ 436907 h 3960000"/>
              <a:gd name="connsiteX27" fmla="*/ 436907 w 3960440"/>
              <a:gd name="connsiteY27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76454 w 3960440"/>
              <a:gd name="connsiteY16" fmla="*/ 1627140 h 3960000"/>
              <a:gd name="connsiteX17" fmla="*/ 1979373 w 3960440"/>
              <a:gd name="connsiteY17" fmla="*/ 472350 h 3960000"/>
              <a:gd name="connsiteX18" fmla="*/ 436907 w 3960440"/>
              <a:gd name="connsiteY18" fmla="*/ 0 h 3960000"/>
              <a:gd name="connsiteX19" fmla="*/ 3523533 w 3960440"/>
              <a:gd name="connsiteY19" fmla="*/ 0 h 3960000"/>
              <a:gd name="connsiteX20" fmla="*/ 3960440 w 3960440"/>
              <a:gd name="connsiteY20" fmla="*/ 436907 h 3960000"/>
              <a:gd name="connsiteX21" fmla="*/ 3960440 w 3960440"/>
              <a:gd name="connsiteY21" fmla="*/ 3523093 h 3960000"/>
              <a:gd name="connsiteX22" fmla="*/ 3523533 w 3960440"/>
              <a:gd name="connsiteY22" fmla="*/ 3960000 h 3960000"/>
              <a:gd name="connsiteX23" fmla="*/ 436907 w 3960440"/>
              <a:gd name="connsiteY23" fmla="*/ 3960000 h 3960000"/>
              <a:gd name="connsiteX24" fmla="*/ 0 w 3960440"/>
              <a:gd name="connsiteY24" fmla="*/ 3523093 h 3960000"/>
              <a:gd name="connsiteX25" fmla="*/ 0 w 3960440"/>
              <a:gd name="connsiteY25" fmla="*/ 436907 h 3960000"/>
              <a:gd name="connsiteX26" fmla="*/ 436907 w 3960440"/>
              <a:gd name="connsiteY26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76454 w 3960440"/>
              <a:gd name="connsiteY16" fmla="*/ 1627140 h 3960000"/>
              <a:gd name="connsiteX17" fmla="*/ 1979373 w 3960440"/>
              <a:gd name="connsiteY17" fmla="*/ 472350 h 3960000"/>
              <a:gd name="connsiteX18" fmla="*/ 436907 w 3960440"/>
              <a:gd name="connsiteY18" fmla="*/ 0 h 3960000"/>
              <a:gd name="connsiteX19" fmla="*/ 3523533 w 3960440"/>
              <a:gd name="connsiteY19" fmla="*/ 0 h 3960000"/>
              <a:gd name="connsiteX20" fmla="*/ 3960440 w 3960440"/>
              <a:gd name="connsiteY20" fmla="*/ 436907 h 3960000"/>
              <a:gd name="connsiteX21" fmla="*/ 3960440 w 3960440"/>
              <a:gd name="connsiteY21" fmla="*/ 3523093 h 3960000"/>
              <a:gd name="connsiteX22" fmla="*/ 3523533 w 3960440"/>
              <a:gd name="connsiteY22" fmla="*/ 3960000 h 3960000"/>
              <a:gd name="connsiteX23" fmla="*/ 436907 w 3960440"/>
              <a:gd name="connsiteY23" fmla="*/ 3960000 h 3960000"/>
              <a:gd name="connsiteX24" fmla="*/ 0 w 3960440"/>
              <a:gd name="connsiteY24" fmla="*/ 3523093 h 3960000"/>
              <a:gd name="connsiteX25" fmla="*/ 0 w 3960440"/>
              <a:gd name="connsiteY25" fmla="*/ 436907 h 3960000"/>
              <a:gd name="connsiteX26" fmla="*/ 436907 w 3960440"/>
              <a:gd name="connsiteY26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296382 w 3960440"/>
              <a:gd name="connsiteY3" fmla="*/ 1907811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76454 w 3960440"/>
              <a:gd name="connsiteY16" fmla="*/ 1627140 h 3960000"/>
              <a:gd name="connsiteX17" fmla="*/ 1979373 w 3960440"/>
              <a:gd name="connsiteY17" fmla="*/ 472350 h 3960000"/>
              <a:gd name="connsiteX18" fmla="*/ 436907 w 3960440"/>
              <a:gd name="connsiteY18" fmla="*/ 0 h 3960000"/>
              <a:gd name="connsiteX19" fmla="*/ 3523533 w 3960440"/>
              <a:gd name="connsiteY19" fmla="*/ 0 h 3960000"/>
              <a:gd name="connsiteX20" fmla="*/ 3960440 w 3960440"/>
              <a:gd name="connsiteY20" fmla="*/ 436907 h 3960000"/>
              <a:gd name="connsiteX21" fmla="*/ 3960440 w 3960440"/>
              <a:gd name="connsiteY21" fmla="*/ 3523093 h 3960000"/>
              <a:gd name="connsiteX22" fmla="*/ 3523533 w 3960440"/>
              <a:gd name="connsiteY22" fmla="*/ 3960000 h 3960000"/>
              <a:gd name="connsiteX23" fmla="*/ 436907 w 3960440"/>
              <a:gd name="connsiteY23" fmla="*/ 3960000 h 3960000"/>
              <a:gd name="connsiteX24" fmla="*/ 0 w 3960440"/>
              <a:gd name="connsiteY24" fmla="*/ 3523093 h 3960000"/>
              <a:gd name="connsiteX25" fmla="*/ 0 w 3960440"/>
              <a:gd name="connsiteY25" fmla="*/ 436907 h 3960000"/>
              <a:gd name="connsiteX26" fmla="*/ 436907 w 3960440"/>
              <a:gd name="connsiteY26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328015 w 3960440"/>
              <a:gd name="connsiteY3" fmla="*/ 1812920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76454 w 3960440"/>
              <a:gd name="connsiteY16" fmla="*/ 1627140 h 3960000"/>
              <a:gd name="connsiteX17" fmla="*/ 1979373 w 3960440"/>
              <a:gd name="connsiteY17" fmla="*/ 472350 h 3960000"/>
              <a:gd name="connsiteX18" fmla="*/ 436907 w 3960440"/>
              <a:gd name="connsiteY18" fmla="*/ 0 h 3960000"/>
              <a:gd name="connsiteX19" fmla="*/ 3523533 w 3960440"/>
              <a:gd name="connsiteY19" fmla="*/ 0 h 3960000"/>
              <a:gd name="connsiteX20" fmla="*/ 3960440 w 3960440"/>
              <a:gd name="connsiteY20" fmla="*/ 436907 h 3960000"/>
              <a:gd name="connsiteX21" fmla="*/ 3960440 w 3960440"/>
              <a:gd name="connsiteY21" fmla="*/ 3523093 h 3960000"/>
              <a:gd name="connsiteX22" fmla="*/ 3523533 w 3960440"/>
              <a:gd name="connsiteY22" fmla="*/ 3960000 h 3960000"/>
              <a:gd name="connsiteX23" fmla="*/ 436907 w 3960440"/>
              <a:gd name="connsiteY23" fmla="*/ 3960000 h 3960000"/>
              <a:gd name="connsiteX24" fmla="*/ 0 w 3960440"/>
              <a:gd name="connsiteY24" fmla="*/ 3523093 h 3960000"/>
              <a:gd name="connsiteX25" fmla="*/ 0 w 3960440"/>
              <a:gd name="connsiteY25" fmla="*/ 436907 h 3960000"/>
              <a:gd name="connsiteX26" fmla="*/ 436907 w 3960440"/>
              <a:gd name="connsiteY26" fmla="*/ 0 h 3960000"/>
              <a:gd name="connsiteX0" fmla="*/ 1979373 w 3960440"/>
              <a:gd name="connsiteY0" fmla="*/ 472350 h 3960000"/>
              <a:gd name="connsiteX1" fmla="*/ 813783 w 3960440"/>
              <a:gd name="connsiteY1" fmla="*/ 1434034 h 3960000"/>
              <a:gd name="connsiteX2" fmla="*/ 1119009 w 3960440"/>
              <a:gd name="connsiteY2" fmla="*/ 2222584 h 3960000"/>
              <a:gd name="connsiteX3" fmla="*/ 1328015 w 3960440"/>
              <a:gd name="connsiteY3" fmla="*/ 1812920 h 3960000"/>
              <a:gd name="connsiteX4" fmla="*/ 1234998 w 3960440"/>
              <a:gd name="connsiteY4" fmla="*/ 1431771 h 3960000"/>
              <a:gd name="connsiteX5" fmla="*/ 2217373 w 3960440"/>
              <a:gd name="connsiteY5" fmla="*/ 891303 h 3960000"/>
              <a:gd name="connsiteX6" fmla="*/ 2783502 w 3960440"/>
              <a:gd name="connsiteY6" fmla="*/ 1606823 h 3960000"/>
              <a:gd name="connsiteX7" fmla="*/ 2456028 w 3960440"/>
              <a:gd name="connsiteY7" fmla="*/ 2225955 h 3960000"/>
              <a:gd name="connsiteX8" fmla="*/ 2026974 w 3960440"/>
              <a:gd name="connsiteY8" fmla="*/ 2018938 h 3960000"/>
              <a:gd name="connsiteX9" fmla="*/ 2135727 w 3960440"/>
              <a:gd name="connsiteY9" fmla="*/ 1554876 h 3960000"/>
              <a:gd name="connsiteX10" fmla="*/ 1915898 w 3960440"/>
              <a:gd name="connsiteY10" fmla="*/ 1219889 h 3960000"/>
              <a:gd name="connsiteX11" fmla="*/ 1589196 w 3960440"/>
              <a:gd name="connsiteY11" fmla="*/ 1434803 h 3960000"/>
              <a:gd name="connsiteX12" fmla="*/ 1574511 w 3960440"/>
              <a:gd name="connsiteY12" fmla="*/ 1939931 h 3960000"/>
              <a:gd name="connsiteX13" fmla="*/ 1339611 w 3960440"/>
              <a:gd name="connsiteY13" fmla="*/ 3487664 h 3960000"/>
              <a:gd name="connsiteX14" fmla="*/ 1887692 w 3960440"/>
              <a:gd name="connsiteY14" fmla="*/ 2422431 h 3960000"/>
              <a:gd name="connsiteX15" fmla="*/ 2336342 w 3960440"/>
              <a:gd name="connsiteY15" fmla="*/ 2720202 h 3960000"/>
              <a:gd name="connsiteX16" fmla="*/ 3176454 w 3960440"/>
              <a:gd name="connsiteY16" fmla="*/ 1627140 h 3960000"/>
              <a:gd name="connsiteX17" fmla="*/ 1979373 w 3960440"/>
              <a:gd name="connsiteY17" fmla="*/ 472350 h 3960000"/>
              <a:gd name="connsiteX18" fmla="*/ 436907 w 3960440"/>
              <a:gd name="connsiteY18" fmla="*/ 0 h 3960000"/>
              <a:gd name="connsiteX19" fmla="*/ 3523533 w 3960440"/>
              <a:gd name="connsiteY19" fmla="*/ 0 h 3960000"/>
              <a:gd name="connsiteX20" fmla="*/ 3960440 w 3960440"/>
              <a:gd name="connsiteY20" fmla="*/ 436907 h 3960000"/>
              <a:gd name="connsiteX21" fmla="*/ 3960440 w 3960440"/>
              <a:gd name="connsiteY21" fmla="*/ 3523093 h 3960000"/>
              <a:gd name="connsiteX22" fmla="*/ 3523533 w 3960440"/>
              <a:gd name="connsiteY22" fmla="*/ 3960000 h 3960000"/>
              <a:gd name="connsiteX23" fmla="*/ 436907 w 3960440"/>
              <a:gd name="connsiteY23" fmla="*/ 3960000 h 3960000"/>
              <a:gd name="connsiteX24" fmla="*/ 0 w 3960440"/>
              <a:gd name="connsiteY24" fmla="*/ 3523093 h 3960000"/>
              <a:gd name="connsiteX25" fmla="*/ 0 w 3960440"/>
              <a:gd name="connsiteY25" fmla="*/ 436907 h 3960000"/>
              <a:gd name="connsiteX26" fmla="*/ 436907 w 3960440"/>
              <a:gd name="connsiteY26" fmla="*/ 0 h 396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</a:cxnLst>
            <a:rect l="l" t="t" r="r" b="b"/>
            <a:pathLst>
              <a:path w="3960440" h="3960000">
                <a:moveTo>
                  <a:pt x="1979373" y="472350"/>
                </a:moveTo>
                <a:cubicBezTo>
                  <a:pt x="1228307" y="485871"/>
                  <a:pt x="850011" y="1078219"/>
                  <a:pt x="813783" y="1434034"/>
                </a:cubicBezTo>
                <a:cubicBezTo>
                  <a:pt x="787561" y="1781828"/>
                  <a:pt x="889690" y="2005359"/>
                  <a:pt x="1119009" y="2222584"/>
                </a:cubicBezTo>
                <a:cubicBezTo>
                  <a:pt x="1178964" y="2123026"/>
                  <a:pt x="1260199" y="1908547"/>
                  <a:pt x="1328015" y="1812920"/>
                </a:cubicBezTo>
                <a:cubicBezTo>
                  <a:pt x="1222115" y="1647651"/>
                  <a:pt x="1255483" y="1756375"/>
                  <a:pt x="1234998" y="1431771"/>
                </a:cubicBezTo>
                <a:cubicBezTo>
                  <a:pt x="1331609" y="922504"/>
                  <a:pt x="1719145" y="812633"/>
                  <a:pt x="2217373" y="891303"/>
                </a:cubicBezTo>
                <a:cubicBezTo>
                  <a:pt x="2693518" y="1016895"/>
                  <a:pt x="2787642" y="1344599"/>
                  <a:pt x="2783502" y="1606823"/>
                </a:cubicBezTo>
                <a:cubicBezTo>
                  <a:pt x="2771081" y="1743454"/>
                  <a:pt x="2679609" y="2064482"/>
                  <a:pt x="2456028" y="2225955"/>
                </a:cubicBezTo>
                <a:cubicBezTo>
                  <a:pt x="2192422" y="2399851"/>
                  <a:pt x="2004893" y="2209395"/>
                  <a:pt x="2026974" y="2018938"/>
                </a:cubicBezTo>
                <a:cubicBezTo>
                  <a:pt x="2072519" y="1810540"/>
                  <a:pt x="2086043" y="1754994"/>
                  <a:pt x="2135727" y="1554876"/>
                </a:cubicBezTo>
                <a:cubicBezTo>
                  <a:pt x="2195073" y="1382360"/>
                  <a:pt x="2084273" y="1259912"/>
                  <a:pt x="1915898" y="1219889"/>
                </a:cubicBezTo>
                <a:cubicBezTo>
                  <a:pt x="1750283" y="1186766"/>
                  <a:pt x="1626460" y="1331294"/>
                  <a:pt x="1589196" y="1434803"/>
                </a:cubicBezTo>
                <a:cubicBezTo>
                  <a:pt x="1499489" y="1732912"/>
                  <a:pt x="1614533" y="1824000"/>
                  <a:pt x="1574511" y="1939931"/>
                </a:cubicBezTo>
                <a:cubicBezTo>
                  <a:pt x="1332991" y="2671400"/>
                  <a:pt x="1220920" y="3468343"/>
                  <a:pt x="1339611" y="3487664"/>
                </a:cubicBezTo>
                <a:cubicBezTo>
                  <a:pt x="1434840" y="3497327"/>
                  <a:pt x="1730357" y="3129057"/>
                  <a:pt x="1887692" y="2422431"/>
                </a:cubicBezTo>
                <a:cubicBezTo>
                  <a:pt x="1985681" y="2531460"/>
                  <a:pt x="2093439" y="2747804"/>
                  <a:pt x="2336342" y="2720202"/>
                </a:cubicBezTo>
                <a:cubicBezTo>
                  <a:pt x="2693796" y="2666377"/>
                  <a:pt x="3092265" y="2401394"/>
                  <a:pt x="3176454" y="1627140"/>
                </a:cubicBezTo>
                <a:cubicBezTo>
                  <a:pt x="3254038" y="999456"/>
                  <a:pt x="2816023" y="430731"/>
                  <a:pt x="1979373" y="472350"/>
                </a:cubicBezTo>
                <a:close/>
                <a:moveTo>
                  <a:pt x="436907" y="0"/>
                </a:moveTo>
                <a:lnTo>
                  <a:pt x="3523533" y="0"/>
                </a:lnTo>
                <a:cubicBezTo>
                  <a:pt x="3764830" y="0"/>
                  <a:pt x="3960440" y="195610"/>
                  <a:pt x="3960440" y="436907"/>
                </a:cubicBezTo>
                <a:lnTo>
                  <a:pt x="3960440" y="3523093"/>
                </a:lnTo>
                <a:cubicBezTo>
                  <a:pt x="3960440" y="3764390"/>
                  <a:pt x="3764830" y="3960000"/>
                  <a:pt x="3523533" y="3960000"/>
                </a:cubicBezTo>
                <a:lnTo>
                  <a:pt x="436907" y="3960000"/>
                </a:lnTo>
                <a:cubicBezTo>
                  <a:pt x="195610" y="3960000"/>
                  <a:pt x="0" y="3764390"/>
                  <a:pt x="0" y="3523093"/>
                </a:cubicBezTo>
                <a:lnTo>
                  <a:pt x="0" y="436907"/>
                </a:lnTo>
                <a:cubicBezTo>
                  <a:pt x="0" y="195610"/>
                  <a:pt x="195610" y="0"/>
                  <a:pt x="436907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8" name="Rounded Rectangle 8">
            <a:extLst>
              <a:ext uri="{FF2B5EF4-FFF2-40B4-BE49-F238E27FC236}">
                <a16:creationId xmlns:a16="http://schemas.microsoft.com/office/drawing/2014/main" id="{CF999092-51D0-4040-A441-EE93FB3BE0AB}"/>
              </a:ext>
            </a:extLst>
          </p:cNvPr>
          <p:cNvSpPr/>
          <p:nvPr/>
        </p:nvSpPr>
        <p:spPr>
          <a:xfrm>
            <a:off x="4436267" y="5634756"/>
            <a:ext cx="519323" cy="519265"/>
          </a:xfrm>
          <a:custGeom>
            <a:avLst/>
            <a:gdLst>
              <a:gd name="connsiteX0" fmla="*/ 554477 w 3888432"/>
              <a:gd name="connsiteY0" fmla="*/ 1512168 h 3960440"/>
              <a:gd name="connsiteX1" fmla="*/ 554477 w 3888432"/>
              <a:gd name="connsiteY1" fmla="*/ 3312368 h 3960440"/>
              <a:gd name="connsiteX2" fmla="*/ 1201638 w 3888432"/>
              <a:gd name="connsiteY2" fmla="*/ 3312368 h 3960440"/>
              <a:gd name="connsiteX3" fmla="*/ 1201638 w 3888432"/>
              <a:gd name="connsiteY3" fmla="*/ 1512168 h 3960440"/>
              <a:gd name="connsiteX4" fmla="*/ 554477 w 3888432"/>
              <a:gd name="connsiteY4" fmla="*/ 1512168 h 3960440"/>
              <a:gd name="connsiteX5" fmla="*/ 2688485 w 3888432"/>
              <a:gd name="connsiteY5" fmla="*/ 1475633 h 3960440"/>
              <a:gd name="connsiteX6" fmla="*/ 2136833 w 3888432"/>
              <a:gd name="connsiteY6" fmla="*/ 1785510 h 3960440"/>
              <a:gd name="connsiteX7" fmla="*/ 2136833 w 3888432"/>
              <a:gd name="connsiteY7" fmla="*/ 1510185 h 3960440"/>
              <a:gd name="connsiteX8" fmla="*/ 1489672 w 3888432"/>
              <a:gd name="connsiteY8" fmla="*/ 1510185 h 3960440"/>
              <a:gd name="connsiteX9" fmla="*/ 1489672 w 3888432"/>
              <a:gd name="connsiteY9" fmla="*/ 3310385 h 3960440"/>
              <a:gd name="connsiteX10" fmla="*/ 2136833 w 3888432"/>
              <a:gd name="connsiteY10" fmla="*/ 3310385 h 3960440"/>
              <a:gd name="connsiteX11" fmla="*/ 2136833 w 3888432"/>
              <a:gd name="connsiteY11" fmla="*/ 2084121 h 3960440"/>
              <a:gd name="connsiteX12" fmla="*/ 2673919 w 3888432"/>
              <a:gd name="connsiteY12" fmla="*/ 2138897 h 3960440"/>
              <a:gd name="connsiteX13" fmla="*/ 2679688 w 3888432"/>
              <a:gd name="connsiteY13" fmla="*/ 3312366 h 3960440"/>
              <a:gd name="connsiteX14" fmla="*/ 3326849 w 3888432"/>
              <a:gd name="connsiteY14" fmla="*/ 3312366 h 3960440"/>
              <a:gd name="connsiteX15" fmla="*/ 3333768 w 3888432"/>
              <a:gd name="connsiteY15" fmla="*/ 2128613 h 3960440"/>
              <a:gd name="connsiteX16" fmla="*/ 2840340 w 3888432"/>
              <a:gd name="connsiteY16" fmla="*/ 1479943 h 3960440"/>
              <a:gd name="connsiteX17" fmla="*/ 2688485 w 3888432"/>
              <a:gd name="connsiteY17" fmla="*/ 1475633 h 3960440"/>
              <a:gd name="connsiteX18" fmla="*/ 878058 w 3888432"/>
              <a:gd name="connsiteY18" fmla="*/ 648072 h 3960440"/>
              <a:gd name="connsiteX19" fmla="*/ 554477 w 3888432"/>
              <a:gd name="connsiteY19" fmla="*/ 971653 h 3960440"/>
              <a:gd name="connsiteX20" fmla="*/ 878058 w 3888432"/>
              <a:gd name="connsiteY20" fmla="*/ 1295234 h 3960440"/>
              <a:gd name="connsiteX21" fmla="*/ 1201639 w 3888432"/>
              <a:gd name="connsiteY21" fmla="*/ 971653 h 3960440"/>
              <a:gd name="connsiteX22" fmla="*/ 878058 w 3888432"/>
              <a:gd name="connsiteY22" fmla="*/ 648072 h 3960440"/>
              <a:gd name="connsiteX23" fmla="*/ 333511 w 3888432"/>
              <a:gd name="connsiteY23" fmla="*/ 0 h 3960440"/>
              <a:gd name="connsiteX24" fmla="*/ 3554921 w 3888432"/>
              <a:gd name="connsiteY24" fmla="*/ 0 h 3960440"/>
              <a:gd name="connsiteX25" fmla="*/ 3888432 w 3888432"/>
              <a:gd name="connsiteY25" fmla="*/ 333511 h 3960440"/>
              <a:gd name="connsiteX26" fmla="*/ 3888432 w 3888432"/>
              <a:gd name="connsiteY26" fmla="*/ 3626929 h 3960440"/>
              <a:gd name="connsiteX27" fmla="*/ 3554921 w 3888432"/>
              <a:gd name="connsiteY27" fmla="*/ 3960440 h 3960440"/>
              <a:gd name="connsiteX28" fmla="*/ 333511 w 3888432"/>
              <a:gd name="connsiteY28" fmla="*/ 3960440 h 3960440"/>
              <a:gd name="connsiteX29" fmla="*/ 0 w 3888432"/>
              <a:gd name="connsiteY29" fmla="*/ 3626929 h 3960440"/>
              <a:gd name="connsiteX30" fmla="*/ 0 w 3888432"/>
              <a:gd name="connsiteY30" fmla="*/ 333511 h 3960440"/>
              <a:gd name="connsiteX31" fmla="*/ 333511 w 3888432"/>
              <a:gd name="connsiteY31" fmla="*/ 0 h 3960440"/>
              <a:gd name="connsiteX0" fmla="*/ 554477 w 3888432"/>
              <a:gd name="connsiteY0" fmla="*/ 1512168 h 3960440"/>
              <a:gd name="connsiteX1" fmla="*/ 554477 w 3888432"/>
              <a:gd name="connsiteY1" fmla="*/ 3312368 h 3960440"/>
              <a:gd name="connsiteX2" fmla="*/ 1201638 w 3888432"/>
              <a:gd name="connsiteY2" fmla="*/ 3312368 h 3960440"/>
              <a:gd name="connsiteX3" fmla="*/ 1201638 w 3888432"/>
              <a:gd name="connsiteY3" fmla="*/ 1512168 h 3960440"/>
              <a:gd name="connsiteX4" fmla="*/ 554477 w 3888432"/>
              <a:gd name="connsiteY4" fmla="*/ 1512168 h 3960440"/>
              <a:gd name="connsiteX5" fmla="*/ 2840340 w 3888432"/>
              <a:gd name="connsiteY5" fmla="*/ 1479943 h 3960440"/>
              <a:gd name="connsiteX6" fmla="*/ 2136833 w 3888432"/>
              <a:gd name="connsiteY6" fmla="*/ 1785510 h 3960440"/>
              <a:gd name="connsiteX7" fmla="*/ 2136833 w 3888432"/>
              <a:gd name="connsiteY7" fmla="*/ 1510185 h 3960440"/>
              <a:gd name="connsiteX8" fmla="*/ 1489672 w 3888432"/>
              <a:gd name="connsiteY8" fmla="*/ 1510185 h 3960440"/>
              <a:gd name="connsiteX9" fmla="*/ 1489672 w 3888432"/>
              <a:gd name="connsiteY9" fmla="*/ 3310385 h 3960440"/>
              <a:gd name="connsiteX10" fmla="*/ 2136833 w 3888432"/>
              <a:gd name="connsiteY10" fmla="*/ 3310385 h 3960440"/>
              <a:gd name="connsiteX11" fmla="*/ 2136833 w 3888432"/>
              <a:gd name="connsiteY11" fmla="*/ 2084121 h 3960440"/>
              <a:gd name="connsiteX12" fmla="*/ 2673919 w 3888432"/>
              <a:gd name="connsiteY12" fmla="*/ 2138897 h 3960440"/>
              <a:gd name="connsiteX13" fmla="*/ 2679688 w 3888432"/>
              <a:gd name="connsiteY13" fmla="*/ 3312366 h 3960440"/>
              <a:gd name="connsiteX14" fmla="*/ 3326849 w 3888432"/>
              <a:gd name="connsiteY14" fmla="*/ 3312366 h 3960440"/>
              <a:gd name="connsiteX15" fmla="*/ 3333768 w 3888432"/>
              <a:gd name="connsiteY15" fmla="*/ 2128613 h 3960440"/>
              <a:gd name="connsiteX16" fmla="*/ 2840340 w 3888432"/>
              <a:gd name="connsiteY16" fmla="*/ 1479943 h 3960440"/>
              <a:gd name="connsiteX17" fmla="*/ 878058 w 3888432"/>
              <a:gd name="connsiteY17" fmla="*/ 648072 h 3960440"/>
              <a:gd name="connsiteX18" fmla="*/ 554477 w 3888432"/>
              <a:gd name="connsiteY18" fmla="*/ 971653 h 3960440"/>
              <a:gd name="connsiteX19" fmla="*/ 878058 w 3888432"/>
              <a:gd name="connsiteY19" fmla="*/ 1295234 h 3960440"/>
              <a:gd name="connsiteX20" fmla="*/ 1201639 w 3888432"/>
              <a:gd name="connsiteY20" fmla="*/ 971653 h 3960440"/>
              <a:gd name="connsiteX21" fmla="*/ 878058 w 3888432"/>
              <a:gd name="connsiteY21" fmla="*/ 648072 h 3960440"/>
              <a:gd name="connsiteX22" fmla="*/ 333511 w 3888432"/>
              <a:gd name="connsiteY22" fmla="*/ 0 h 3960440"/>
              <a:gd name="connsiteX23" fmla="*/ 3554921 w 3888432"/>
              <a:gd name="connsiteY23" fmla="*/ 0 h 3960440"/>
              <a:gd name="connsiteX24" fmla="*/ 3888432 w 3888432"/>
              <a:gd name="connsiteY24" fmla="*/ 333511 h 3960440"/>
              <a:gd name="connsiteX25" fmla="*/ 3888432 w 3888432"/>
              <a:gd name="connsiteY25" fmla="*/ 3626929 h 3960440"/>
              <a:gd name="connsiteX26" fmla="*/ 3554921 w 3888432"/>
              <a:gd name="connsiteY26" fmla="*/ 3960440 h 3960440"/>
              <a:gd name="connsiteX27" fmla="*/ 333511 w 3888432"/>
              <a:gd name="connsiteY27" fmla="*/ 3960440 h 3960440"/>
              <a:gd name="connsiteX28" fmla="*/ 0 w 3888432"/>
              <a:gd name="connsiteY28" fmla="*/ 3626929 h 3960440"/>
              <a:gd name="connsiteX29" fmla="*/ 0 w 3888432"/>
              <a:gd name="connsiteY29" fmla="*/ 333511 h 3960440"/>
              <a:gd name="connsiteX30" fmla="*/ 333511 w 3888432"/>
              <a:gd name="connsiteY30" fmla="*/ 0 h 3960440"/>
              <a:gd name="connsiteX0" fmla="*/ 554477 w 3888432"/>
              <a:gd name="connsiteY0" fmla="*/ 1512168 h 3960440"/>
              <a:gd name="connsiteX1" fmla="*/ 554477 w 3888432"/>
              <a:gd name="connsiteY1" fmla="*/ 3312368 h 3960440"/>
              <a:gd name="connsiteX2" fmla="*/ 1201638 w 3888432"/>
              <a:gd name="connsiteY2" fmla="*/ 3312368 h 3960440"/>
              <a:gd name="connsiteX3" fmla="*/ 1201638 w 3888432"/>
              <a:gd name="connsiteY3" fmla="*/ 1512168 h 3960440"/>
              <a:gd name="connsiteX4" fmla="*/ 554477 w 3888432"/>
              <a:gd name="connsiteY4" fmla="*/ 1512168 h 3960440"/>
              <a:gd name="connsiteX5" fmla="*/ 2840340 w 3888432"/>
              <a:gd name="connsiteY5" fmla="*/ 1479943 h 3960440"/>
              <a:gd name="connsiteX6" fmla="*/ 2136833 w 3888432"/>
              <a:gd name="connsiteY6" fmla="*/ 1785510 h 3960440"/>
              <a:gd name="connsiteX7" fmla="*/ 2136833 w 3888432"/>
              <a:gd name="connsiteY7" fmla="*/ 1510185 h 3960440"/>
              <a:gd name="connsiteX8" fmla="*/ 1489672 w 3888432"/>
              <a:gd name="connsiteY8" fmla="*/ 1510185 h 3960440"/>
              <a:gd name="connsiteX9" fmla="*/ 1489672 w 3888432"/>
              <a:gd name="connsiteY9" fmla="*/ 3310385 h 3960440"/>
              <a:gd name="connsiteX10" fmla="*/ 2136833 w 3888432"/>
              <a:gd name="connsiteY10" fmla="*/ 3310385 h 3960440"/>
              <a:gd name="connsiteX11" fmla="*/ 2136833 w 3888432"/>
              <a:gd name="connsiteY11" fmla="*/ 2084121 h 3960440"/>
              <a:gd name="connsiteX12" fmla="*/ 2673919 w 3888432"/>
              <a:gd name="connsiteY12" fmla="*/ 2138897 h 3960440"/>
              <a:gd name="connsiteX13" fmla="*/ 2679688 w 3888432"/>
              <a:gd name="connsiteY13" fmla="*/ 3312366 h 3960440"/>
              <a:gd name="connsiteX14" fmla="*/ 3326849 w 3888432"/>
              <a:gd name="connsiteY14" fmla="*/ 3312366 h 3960440"/>
              <a:gd name="connsiteX15" fmla="*/ 3333768 w 3888432"/>
              <a:gd name="connsiteY15" fmla="*/ 2128613 h 3960440"/>
              <a:gd name="connsiteX16" fmla="*/ 2840340 w 3888432"/>
              <a:gd name="connsiteY16" fmla="*/ 1479943 h 3960440"/>
              <a:gd name="connsiteX17" fmla="*/ 878058 w 3888432"/>
              <a:gd name="connsiteY17" fmla="*/ 648072 h 3960440"/>
              <a:gd name="connsiteX18" fmla="*/ 554477 w 3888432"/>
              <a:gd name="connsiteY18" fmla="*/ 971653 h 3960440"/>
              <a:gd name="connsiteX19" fmla="*/ 878058 w 3888432"/>
              <a:gd name="connsiteY19" fmla="*/ 1295234 h 3960440"/>
              <a:gd name="connsiteX20" fmla="*/ 1201639 w 3888432"/>
              <a:gd name="connsiteY20" fmla="*/ 971653 h 3960440"/>
              <a:gd name="connsiteX21" fmla="*/ 878058 w 3888432"/>
              <a:gd name="connsiteY21" fmla="*/ 648072 h 3960440"/>
              <a:gd name="connsiteX22" fmla="*/ 333511 w 3888432"/>
              <a:gd name="connsiteY22" fmla="*/ 0 h 3960440"/>
              <a:gd name="connsiteX23" fmla="*/ 3554921 w 3888432"/>
              <a:gd name="connsiteY23" fmla="*/ 0 h 3960440"/>
              <a:gd name="connsiteX24" fmla="*/ 3888432 w 3888432"/>
              <a:gd name="connsiteY24" fmla="*/ 333511 h 3960440"/>
              <a:gd name="connsiteX25" fmla="*/ 3888432 w 3888432"/>
              <a:gd name="connsiteY25" fmla="*/ 3626929 h 3960440"/>
              <a:gd name="connsiteX26" fmla="*/ 3554921 w 3888432"/>
              <a:gd name="connsiteY26" fmla="*/ 3960440 h 3960440"/>
              <a:gd name="connsiteX27" fmla="*/ 333511 w 3888432"/>
              <a:gd name="connsiteY27" fmla="*/ 3960440 h 3960440"/>
              <a:gd name="connsiteX28" fmla="*/ 0 w 3888432"/>
              <a:gd name="connsiteY28" fmla="*/ 3626929 h 3960440"/>
              <a:gd name="connsiteX29" fmla="*/ 0 w 3888432"/>
              <a:gd name="connsiteY29" fmla="*/ 333511 h 3960440"/>
              <a:gd name="connsiteX30" fmla="*/ 333511 w 3888432"/>
              <a:gd name="connsiteY30" fmla="*/ 0 h 3960440"/>
              <a:gd name="connsiteX0" fmla="*/ 554477 w 3888432"/>
              <a:gd name="connsiteY0" fmla="*/ 1512168 h 3960440"/>
              <a:gd name="connsiteX1" fmla="*/ 554477 w 3888432"/>
              <a:gd name="connsiteY1" fmla="*/ 3312368 h 3960440"/>
              <a:gd name="connsiteX2" fmla="*/ 1201638 w 3888432"/>
              <a:gd name="connsiteY2" fmla="*/ 3312368 h 3960440"/>
              <a:gd name="connsiteX3" fmla="*/ 1201638 w 3888432"/>
              <a:gd name="connsiteY3" fmla="*/ 1512168 h 3960440"/>
              <a:gd name="connsiteX4" fmla="*/ 554477 w 3888432"/>
              <a:gd name="connsiteY4" fmla="*/ 1512168 h 3960440"/>
              <a:gd name="connsiteX5" fmla="*/ 2840340 w 3888432"/>
              <a:gd name="connsiteY5" fmla="*/ 1479943 h 3960440"/>
              <a:gd name="connsiteX6" fmla="*/ 2136833 w 3888432"/>
              <a:gd name="connsiteY6" fmla="*/ 1785510 h 3960440"/>
              <a:gd name="connsiteX7" fmla="*/ 2136833 w 3888432"/>
              <a:gd name="connsiteY7" fmla="*/ 1510185 h 3960440"/>
              <a:gd name="connsiteX8" fmla="*/ 1489672 w 3888432"/>
              <a:gd name="connsiteY8" fmla="*/ 1510185 h 3960440"/>
              <a:gd name="connsiteX9" fmla="*/ 1489672 w 3888432"/>
              <a:gd name="connsiteY9" fmla="*/ 3310385 h 3960440"/>
              <a:gd name="connsiteX10" fmla="*/ 2136833 w 3888432"/>
              <a:gd name="connsiteY10" fmla="*/ 3310385 h 3960440"/>
              <a:gd name="connsiteX11" fmla="*/ 2136833 w 3888432"/>
              <a:gd name="connsiteY11" fmla="*/ 2084121 h 3960440"/>
              <a:gd name="connsiteX12" fmla="*/ 2673919 w 3888432"/>
              <a:gd name="connsiteY12" fmla="*/ 2138897 h 3960440"/>
              <a:gd name="connsiteX13" fmla="*/ 2679688 w 3888432"/>
              <a:gd name="connsiteY13" fmla="*/ 3312366 h 3960440"/>
              <a:gd name="connsiteX14" fmla="*/ 3326849 w 3888432"/>
              <a:gd name="connsiteY14" fmla="*/ 3312366 h 3960440"/>
              <a:gd name="connsiteX15" fmla="*/ 3333768 w 3888432"/>
              <a:gd name="connsiteY15" fmla="*/ 2128613 h 3960440"/>
              <a:gd name="connsiteX16" fmla="*/ 2840340 w 3888432"/>
              <a:gd name="connsiteY16" fmla="*/ 1479943 h 3960440"/>
              <a:gd name="connsiteX17" fmla="*/ 878058 w 3888432"/>
              <a:gd name="connsiteY17" fmla="*/ 648072 h 3960440"/>
              <a:gd name="connsiteX18" fmla="*/ 554477 w 3888432"/>
              <a:gd name="connsiteY18" fmla="*/ 971653 h 3960440"/>
              <a:gd name="connsiteX19" fmla="*/ 878058 w 3888432"/>
              <a:gd name="connsiteY19" fmla="*/ 1295234 h 3960440"/>
              <a:gd name="connsiteX20" fmla="*/ 1201639 w 3888432"/>
              <a:gd name="connsiteY20" fmla="*/ 971653 h 3960440"/>
              <a:gd name="connsiteX21" fmla="*/ 878058 w 3888432"/>
              <a:gd name="connsiteY21" fmla="*/ 648072 h 3960440"/>
              <a:gd name="connsiteX22" fmla="*/ 333511 w 3888432"/>
              <a:gd name="connsiteY22" fmla="*/ 0 h 3960440"/>
              <a:gd name="connsiteX23" fmla="*/ 3554921 w 3888432"/>
              <a:gd name="connsiteY23" fmla="*/ 0 h 3960440"/>
              <a:gd name="connsiteX24" fmla="*/ 3888432 w 3888432"/>
              <a:gd name="connsiteY24" fmla="*/ 333511 h 3960440"/>
              <a:gd name="connsiteX25" fmla="*/ 3888432 w 3888432"/>
              <a:gd name="connsiteY25" fmla="*/ 3626929 h 3960440"/>
              <a:gd name="connsiteX26" fmla="*/ 3554921 w 3888432"/>
              <a:gd name="connsiteY26" fmla="*/ 3960440 h 3960440"/>
              <a:gd name="connsiteX27" fmla="*/ 333511 w 3888432"/>
              <a:gd name="connsiteY27" fmla="*/ 3960440 h 3960440"/>
              <a:gd name="connsiteX28" fmla="*/ 0 w 3888432"/>
              <a:gd name="connsiteY28" fmla="*/ 3626929 h 3960440"/>
              <a:gd name="connsiteX29" fmla="*/ 0 w 3888432"/>
              <a:gd name="connsiteY29" fmla="*/ 333511 h 3960440"/>
              <a:gd name="connsiteX30" fmla="*/ 333511 w 3888432"/>
              <a:gd name="connsiteY30" fmla="*/ 0 h 3960440"/>
              <a:gd name="connsiteX0" fmla="*/ 554477 w 3888432"/>
              <a:gd name="connsiteY0" fmla="*/ 1512168 h 3960440"/>
              <a:gd name="connsiteX1" fmla="*/ 554477 w 3888432"/>
              <a:gd name="connsiteY1" fmla="*/ 3312368 h 3960440"/>
              <a:gd name="connsiteX2" fmla="*/ 1201638 w 3888432"/>
              <a:gd name="connsiteY2" fmla="*/ 3312368 h 3960440"/>
              <a:gd name="connsiteX3" fmla="*/ 1201638 w 3888432"/>
              <a:gd name="connsiteY3" fmla="*/ 1512168 h 3960440"/>
              <a:gd name="connsiteX4" fmla="*/ 554477 w 3888432"/>
              <a:gd name="connsiteY4" fmla="*/ 1512168 h 3960440"/>
              <a:gd name="connsiteX5" fmla="*/ 2840340 w 3888432"/>
              <a:gd name="connsiteY5" fmla="*/ 1479943 h 3960440"/>
              <a:gd name="connsiteX6" fmla="*/ 2136833 w 3888432"/>
              <a:gd name="connsiteY6" fmla="*/ 1785510 h 3960440"/>
              <a:gd name="connsiteX7" fmla="*/ 2136833 w 3888432"/>
              <a:gd name="connsiteY7" fmla="*/ 1510185 h 3960440"/>
              <a:gd name="connsiteX8" fmla="*/ 1489672 w 3888432"/>
              <a:gd name="connsiteY8" fmla="*/ 1510185 h 3960440"/>
              <a:gd name="connsiteX9" fmla="*/ 1489672 w 3888432"/>
              <a:gd name="connsiteY9" fmla="*/ 3310385 h 3960440"/>
              <a:gd name="connsiteX10" fmla="*/ 2136833 w 3888432"/>
              <a:gd name="connsiteY10" fmla="*/ 3310385 h 3960440"/>
              <a:gd name="connsiteX11" fmla="*/ 2136833 w 3888432"/>
              <a:gd name="connsiteY11" fmla="*/ 2084121 h 3960440"/>
              <a:gd name="connsiteX12" fmla="*/ 2673919 w 3888432"/>
              <a:gd name="connsiteY12" fmla="*/ 2138897 h 3960440"/>
              <a:gd name="connsiteX13" fmla="*/ 2679688 w 3888432"/>
              <a:gd name="connsiteY13" fmla="*/ 3312366 h 3960440"/>
              <a:gd name="connsiteX14" fmla="*/ 3326849 w 3888432"/>
              <a:gd name="connsiteY14" fmla="*/ 3312366 h 3960440"/>
              <a:gd name="connsiteX15" fmla="*/ 3333768 w 3888432"/>
              <a:gd name="connsiteY15" fmla="*/ 2128613 h 3960440"/>
              <a:gd name="connsiteX16" fmla="*/ 2840340 w 3888432"/>
              <a:gd name="connsiteY16" fmla="*/ 1479943 h 3960440"/>
              <a:gd name="connsiteX17" fmla="*/ 878058 w 3888432"/>
              <a:gd name="connsiteY17" fmla="*/ 648072 h 3960440"/>
              <a:gd name="connsiteX18" fmla="*/ 554477 w 3888432"/>
              <a:gd name="connsiteY18" fmla="*/ 971653 h 3960440"/>
              <a:gd name="connsiteX19" fmla="*/ 878058 w 3888432"/>
              <a:gd name="connsiteY19" fmla="*/ 1295234 h 3960440"/>
              <a:gd name="connsiteX20" fmla="*/ 1201639 w 3888432"/>
              <a:gd name="connsiteY20" fmla="*/ 971653 h 3960440"/>
              <a:gd name="connsiteX21" fmla="*/ 878058 w 3888432"/>
              <a:gd name="connsiteY21" fmla="*/ 648072 h 3960440"/>
              <a:gd name="connsiteX22" fmla="*/ 333511 w 3888432"/>
              <a:gd name="connsiteY22" fmla="*/ 0 h 3960440"/>
              <a:gd name="connsiteX23" fmla="*/ 3554921 w 3888432"/>
              <a:gd name="connsiteY23" fmla="*/ 0 h 3960440"/>
              <a:gd name="connsiteX24" fmla="*/ 3888432 w 3888432"/>
              <a:gd name="connsiteY24" fmla="*/ 333511 h 3960440"/>
              <a:gd name="connsiteX25" fmla="*/ 3888432 w 3888432"/>
              <a:gd name="connsiteY25" fmla="*/ 3626929 h 3960440"/>
              <a:gd name="connsiteX26" fmla="*/ 3554921 w 3888432"/>
              <a:gd name="connsiteY26" fmla="*/ 3960440 h 3960440"/>
              <a:gd name="connsiteX27" fmla="*/ 333511 w 3888432"/>
              <a:gd name="connsiteY27" fmla="*/ 3960440 h 3960440"/>
              <a:gd name="connsiteX28" fmla="*/ 0 w 3888432"/>
              <a:gd name="connsiteY28" fmla="*/ 3626929 h 3960440"/>
              <a:gd name="connsiteX29" fmla="*/ 0 w 3888432"/>
              <a:gd name="connsiteY29" fmla="*/ 333511 h 3960440"/>
              <a:gd name="connsiteX30" fmla="*/ 333511 w 3888432"/>
              <a:gd name="connsiteY30" fmla="*/ 0 h 3960440"/>
              <a:gd name="connsiteX0" fmla="*/ 554477 w 3888432"/>
              <a:gd name="connsiteY0" fmla="*/ 1512168 h 3960440"/>
              <a:gd name="connsiteX1" fmla="*/ 554477 w 3888432"/>
              <a:gd name="connsiteY1" fmla="*/ 3312368 h 3960440"/>
              <a:gd name="connsiteX2" fmla="*/ 1201638 w 3888432"/>
              <a:gd name="connsiteY2" fmla="*/ 3312368 h 3960440"/>
              <a:gd name="connsiteX3" fmla="*/ 1201638 w 3888432"/>
              <a:gd name="connsiteY3" fmla="*/ 1512168 h 3960440"/>
              <a:gd name="connsiteX4" fmla="*/ 554477 w 3888432"/>
              <a:gd name="connsiteY4" fmla="*/ 1512168 h 3960440"/>
              <a:gd name="connsiteX5" fmla="*/ 2840340 w 3888432"/>
              <a:gd name="connsiteY5" fmla="*/ 1479943 h 3960440"/>
              <a:gd name="connsiteX6" fmla="*/ 2136833 w 3888432"/>
              <a:gd name="connsiteY6" fmla="*/ 1785510 h 3960440"/>
              <a:gd name="connsiteX7" fmla="*/ 2136833 w 3888432"/>
              <a:gd name="connsiteY7" fmla="*/ 1510185 h 3960440"/>
              <a:gd name="connsiteX8" fmla="*/ 1489672 w 3888432"/>
              <a:gd name="connsiteY8" fmla="*/ 1510185 h 3960440"/>
              <a:gd name="connsiteX9" fmla="*/ 1489672 w 3888432"/>
              <a:gd name="connsiteY9" fmla="*/ 3310385 h 3960440"/>
              <a:gd name="connsiteX10" fmla="*/ 2136833 w 3888432"/>
              <a:gd name="connsiteY10" fmla="*/ 3310385 h 3960440"/>
              <a:gd name="connsiteX11" fmla="*/ 2136833 w 3888432"/>
              <a:gd name="connsiteY11" fmla="*/ 2084121 h 3960440"/>
              <a:gd name="connsiteX12" fmla="*/ 2673919 w 3888432"/>
              <a:gd name="connsiteY12" fmla="*/ 2138897 h 3960440"/>
              <a:gd name="connsiteX13" fmla="*/ 2679688 w 3888432"/>
              <a:gd name="connsiteY13" fmla="*/ 3312366 h 3960440"/>
              <a:gd name="connsiteX14" fmla="*/ 3326849 w 3888432"/>
              <a:gd name="connsiteY14" fmla="*/ 3312366 h 3960440"/>
              <a:gd name="connsiteX15" fmla="*/ 3333768 w 3888432"/>
              <a:gd name="connsiteY15" fmla="*/ 2128613 h 3960440"/>
              <a:gd name="connsiteX16" fmla="*/ 2840340 w 3888432"/>
              <a:gd name="connsiteY16" fmla="*/ 1479943 h 3960440"/>
              <a:gd name="connsiteX17" fmla="*/ 878058 w 3888432"/>
              <a:gd name="connsiteY17" fmla="*/ 648072 h 3960440"/>
              <a:gd name="connsiteX18" fmla="*/ 554477 w 3888432"/>
              <a:gd name="connsiteY18" fmla="*/ 971653 h 3960440"/>
              <a:gd name="connsiteX19" fmla="*/ 878058 w 3888432"/>
              <a:gd name="connsiteY19" fmla="*/ 1295234 h 3960440"/>
              <a:gd name="connsiteX20" fmla="*/ 1201639 w 3888432"/>
              <a:gd name="connsiteY20" fmla="*/ 971653 h 3960440"/>
              <a:gd name="connsiteX21" fmla="*/ 878058 w 3888432"/>
              <a:gd name="connsiteY21" fmla="*/ 648072 h 3960440"/>
              <a:gd name="connsiteX22" fmla="*/ 333511 w 3888432"/>
              <a:gd name="connsiteY22" fmla="*/ 0 h 3960440"/>
              <a:gd name="connsiteX23" fmla="*/ 3554921 w 3888432"/>
              <a:gd name="connsiteY23" fmla="*/ 0 h 3960440"/>
              <a:gd name="connsiteX24" fmla="*/ 3888432 w 3888432"/>
              <a:gd name="connsiteY24" fmla="*/ 333511 h 3960440"/>
              <a:gd name="connsiteX25" fmla="*/ 3888432 w 3888432"/>
              <a:gd name="connsiteY25" fmla="*/ 3626929 h 3960440"/>
              <a:gd name="connsiteX26" fmla="*/ 3554921 w 3888432"/>
              <a:gd name="connsiteY26" fmla="*/ 3960440 h 3960440"/>
              <a:gd name="connsiteX27" fmla="*/ 333511 w 3888432"/>
              <a:gd name="connsiteY27" fmla="*/ 3960440 h 3960440"/>
              <a:gd name="connsiteX28" fmla="*/ 0 w 3888432"/>
              <a:gd name="connsiteY28" fmla="*/ 3626929 h 3960440"/>
              <a:gd name="connsiteX29" fmla="*/ 0 w 3888432"/>
              <a:gd name="connsiteY29" fmla="*/ 333511 h 3960440"/>
              <a:gd name="connsiteX30" fmla="*/ 333511 w 3888432"/>
              <a:gd name="connsiteY30" fmla="*/ 0 h 3960440"/>
              <a:gd name="connsiteX0" fmla="*/ 554477 w 3888432"/>
              <a:gd name="connsiteY0" fmla="*/ 1512168 h 3960440"/>
              <a:gd name="connsiteX1" fmla="*/ 554477 w 3888432"/>
              <a:gd name="connsiteY1" fmla="*/ 3312368 h 3960440"/>
              <a:gd name="connsiteX2" fmla="*/ 1201638 w 3888432"/>
              <a:gd name="connsiteY2" fmla="*/ 3312368 h 3960440"/>
              <a:gd name="connsiteX3" fmla="*/ 1201638 w 3888432"/>
              <a:gd name="connsiteY3" fmla="*/ 1512168 h 3960440"/>
              <a:gd name="connsiteX4" fmla="*/ 554477 w 3888432"/>
              <a:gd name="connsiteY4" fmla="*/ 1512168 h 3960440"/>
              <a:gd name="connsiteX5" fmla="*/ 2840340 w 3888432"/>
              <a:gd name="connsiteY5" fmla="*/ 1479943 h 3960440"/>
              <a:gd name="connsiteX6" fmla="*/ 2136833 w 3888432"/>
              <a:gd name="connsiteY6" fmla="*/ 1785510 h 3960440"/>
              <a:gd name="connsiteX7" fmla="*/ 2136833 w 3888432"/>
              <a:gd name="connsiteY7" fmla="*/ 1510185 h 3960440"/>
              <a:gd name="connsiteX8" fmla="*/ 1489672 w 3888432"/>
              <a:gd name="connsiteY8" fmla="*/ 1510185 h 3960440"/>
              <a:gd name="connsiteX9" fmla="*/ 1489672 w 3888432"/>
              <a:gd name="connsiteY9" fmla="*/ 3310385 h 3960440"/>
              <a:gd name="connsiteX10" fmla="*/ 2136833 w 3888432"/>
              <a:gd name="connsiteY10" fmla="*/ 3310385 h 3960440"/>
              <a:gd name="connsiteX11" fmla="*/ 2147184 w 3888432"/>
              <a:gd name="connsiteY11" fmla="*/ 2155564 h 3960440"/>
              <a:gd name="connsiteX12" fmla="*/ 2673919 w 3888432"/>
              <a:gd name="connsiteY12" fmla="*/ 2138897 h 3960440"/>
              <a:gd name="connsiteX13" fmla="*/ 2679688 w 3888432"/>
              <a:gd name="connsiteY13" fmla="*/ 3312366 h 3960440"/>
              <a:gd name="connsiteX14" fmla="*/ 3326849 w 3888432"/>
              <a:gd name="connsiteY14" fmla="*/ 3312366 h 3960440"/>
              <a:gd name="connsiteX15" fmla="*/ 3333768 w 3888432"/>
              <a:gd name="connsiteY15" fmla="*/ 2128613 h 3960440"/>
              <a:gd name="connsiteX16" fmla="*/ 2840340 w 3888432"/>
              <a:gd name="connsiteY16" fmla="*/ 1479943 h 3960440"/>
              <a:gd name="connsiteX17" fmla="*/ 878058 w 3888432"/>
              <a:gd name="connsiteY17" fmla="*/ 648072 h 3960440"/>
              <a:gd name="connsiteX18" fmla="*/ 554477 w 3888432"/>
              <a:gd name="connsiteY18" fmla="*/ 971653 h 3960440"/>
              <a:gd name="connsiteX19" fmla="*/ 878058 w 3888432"/>
              <a:gd name="connsiteY19" fmla="*/ 1295234 h 3960440"/>
              <a:gd name="connsiteX20" fmla="*/ 1201639 w 3888432"/>
              <a:gd name="connsiteY20" fmla="*/ 971653 h 3960440"/>
              <a:gd name="connsiteX21" fmla="*/ 878058 w 3888432"/>
              <a:gd name="connsiteY21" fmla="*/ 648072 h 3960440"/>
              <a:gd name="connsiteX22" fmla="*/ 333511 w 3888432"/>
              <a:gd name="connsiteY22" fmla="*/ 0 h 3960440"/>
              <a:gd name="connsiteX23" fmla="*/ 3554921 w 3888432"/>
              <a:gd name="connsiteY23" fmla="*/ 0 h 3960440"/>
              <a:gd name="connsiteX24" fmla="*/ 3888432 w 3888432"/>
              <a:gd name="connsiteY24" fmla="*/ 333511 h 3960440"/>
              <a:gd name="connsiteX25" fmla="*/ 3888432 w 3888432"/>
              <a:gd name="connsiteY25" fmla="*/ 3626929 h 3960440"/>
              <a:gd name="connsiteX26" fmla="*/ 3554921 w 3888432"/>
              <a:gd name="connsiteY26" fmla="*/ 3960440 h 3960440"/>
              <a:gd name="connsiteX27" fmla="*/ 333511 w 3888432"/>
              <a:gd name="connsiteY27" fmla="*/ 3960440 h 3960440"/>
              <a:gd name="connsiteX28" fmla="*/ 0 w 3888432"/>
              <a:gd name="connsiteY28" fmla="*/ 3626929 h 3960440"/>
              <a:gd name="connsiteX29" fmla="*/ 0 w 3888432"/>
              <a:gd name="connsiteY29" fmla="*/ 333511 h 3960440"/>
              <a:gd name="connsiteX30" fmla="*/ 333511 w 3888432"/>
              <a:gd name="connsiteY30" fmla="*/ 0 h 3960440"/>
              <a:gd name="connsiteX0" fmla="*/ 554477 w 3888432"/>
              <a:gd name="connsiteY0" fmla="*/ 1512168 h 3960440"/>
              <a:gd name="connsiteX1" fmla="*/ 554477 w 3888432"/>
              <a:gd name="connsiteY1" fmla="*/ 3312368 h 3960440"/>
              <a:gd name="connsiteX2" fmla="*/ 1201638 w 3888432"/>
              <a:gd name="connsiteY2" fmla="*/ 3312368 h 3960440"/>
              <a:gd name="connsiteX3" fmla="*/ 1201638 w 3888432"/>
              <a:gd name="connsiteY3" fmla="*/ 1512168 h 3960440"/>
              <a:gd name="connsiteX4" fmla="*/ 554477 w 3888432"/>
              <a:gd name="connsiteY4" fmla="*/ 1512168 h 3960440"/>
              <a:gd name="connsiteX5" fmla="*/ 2840340 w 3888432"/>
              <a:gd name="connsiteY5" fmla="*/ 1479943 h 3960440"/>
              <a:gd name="connsiteX6" fmla="*/ 2136833 w 3888432"/>
              <a:gd name="connsiteY6" fmla="*/ 1785510 h 3960440"/>
              <a:gd name="connsiteX7" fmla="*/ 2136833 w 3888432"/>
              <a:gd name="connsiteY7" fmla="*/ 1510185 h 3960440"/>
              <a:gd name="connsiteX8" fmla="*/ 1489672 w 3888432"/>
              <a:gd name="connsiteY8" fmla="*/ 1510185 h 3960440"/>
              <a:gd name="connsiteX9" fmla="*/ 1489672 w 3888432"/>
              <a:gd name="connsiteY9" fmla="*/ 3310385 h 3960440"/>
              <a:gd name="connsiteX10" fmla="*/ 2136833 w 3888432"/>
              <a:gd name="connsiteY10" fmla="*/ 3310385 h 3960440"/>
              <a:gd name="connsiteX11" fmla="*/ 2147184 w 3888432"/>
              <a:gd name="connsiteY11" fmla="*/ 2155564 h 3960440"/>
              <a:gd name="connsiteX12" fmla="*/ 2673919 w 3888432"/>
              <a:gd name="connsiteY12" fmla="*/ 2138897 h 3960440"/>
              <a:gd name="connsiteX13" fmla="*/ 2679688 w 3888432"/>
              <a:gd name="connsiteY13" fmla="*/ 3312366 h 3960440"/>
              <a:gd name="connsiteX14" fmla="*/ 3326849 w 3888432"/>
              <a:gd name="connsiteY14" fmla="*/ 3312366 h 3960440"/>
              <a:gd name="connsiteX15" fmla="*/ 3333768 w 3888432"/>
              <a:gd name="connsiteY15" fmla="*/ 2128613 h 3960440"/>
              <a:gd name="connsiteX16" fmla="*/ 2840340 w 3888432"/>
              <a:gd name="connsiteY16" fmla="*/ 1479943 h 3960440"/>
              <a:gd name="connsiteX17" fmla="*/ 878058 w 3888432"/>
              <a:gd name="connsiteY17" fmla="*/ 648072 h 3960440"/>
              <a:gd name="connsiteX18" fmla="*/ 554477 w 3888432"/>
              <a:gd name="connsiteY18" fmla="*/ 971653 h 3960440"/>
              <a:gd name="connsiteX19" fmla="*/ 878058 w 3888432"/>
              <a:gd name="connsiteY19" fmla="*/ 1295234 h 3960440"/>
              <a:gd name="connsiteX20" fmla="*/ 1201639 w 3888432"/>
              <a:gd name="connsiteY20" fmla="*/ 971653 h 3960440"/>
              <a:gd name="connsiteX21" fmla="*/ 878058 w 3888432"/>
              <a:gd name="connsiteY21" fmla="*/ 648072 h 3960440"/>
              <a:gd name="connsiteX22" fmla="*/ 333511 w 3888432"/>
              <a:gd name="connsiteY22" fmla="*/ 0 h 3960440"/>
              <a:gd name="connsiteX23" fmla="*/ 3554921 w 3888432"/>
              <a:gd name="connsiteY23" fmla="*/ 0 h 3960440"/>
              <a:gd name="connsiteX24" fmla="*/ 3888432 w 3888432"/>
              <a:gd name="connsiteY24" fmla="*/ 333511 h 3960440"/>
              <a:gd name="connsiteX25" fmla="*/ 3888432 w 3888432"/>
              <a:gd name="connsiteY25" fmla="*/ 3626929 h 3960440"/>
              <a:gd name="connsiteX26" fmla="*/ 3554921 w 3888432"/>
              <a:gd name="connsiteY26" fmla="*/ 3960440 h 3960440"/>
              <a:gd name="connsiteX27" fmla="*/ 333511 w 3888432"/>
              <a:gd name="connsiteY27" fmla="*/ 3960440 h 3960440"/>
              <a:gd name="connsiteX28" fmla="*/ 0 w 3888432"/>
              <a:gd name="connsiteY28" fmla="*/ 3626929 h 3960440"/>
              <a:gd name="connsiteX29" fmla="*/ 0 w 3888432"/>
              <a:gd name="connsiteY29" fmla="*/ 333511 h 3960440"/>
              <a:gd name="connsiteX30" fmla="*/ 333511 w 3888432"/>
              <a:gd name="connsiteY30" fmla="*/ 0 h 3960440"/>
              <a:gd name="connsiteX0" fmla="*/ 554477 w 3888432"/>
              <a:gd name="connsiteY0" fmla="*/ 1512168 h 3960440"/>
              <a:gd name="connsiteX1" fmla="*/ 554477 w 3888432"/>
              <a:gd name="connsiteY1" fmla="*/ 3312368 h 3960440"/>
              <a:gd name="connsiteX2" fmla="*/ 1201638 w 3888432"/>
              <a:gd name="connsiteY2" fmla="*/ 3312368 h 3960440"/>
              <a:gd name="connsiteX3" fmla="*/ 1201638 w 3888432"/>
              <a:gd name="connsiteY3" fmla="*/ 1512168 h 3960440"/>
              <a:gd name="connsiteX4" fmla="*/ 554477 w 3888432"/>
              <a:gd name="connsiteY4" fmla="*/ 1512168 h 3960440"/>
              <a:gd name="connsiteX5" fmla="*/ 2840340 w 3888432"/>
              <a:gd name="connsiteY5" fmla="*/ 1479943 h 3960440"/>
              <a:gd name="connsiteX6" fmla="*/ 2136833 w 3888432"/>
              <a:gd name="connsiteY6" fmla="*/ 1785510 h 3960440"/>
              <a:gd name="connsiteX7" fmla="*/ 2136833 w 3888432"/>
              <a:gd name="connsiteY7" fmla="*/ 1510185 h 3960440"/>
              <a:gd name="connsiteX8" fmla="*/ 1489672 w 3888432"/>
              <a:gd name="connsiteY8" fmla="*/ 1510185 h 3960440"/>
              <a:gd name="connsiteX9" fmla="*/ 1489672 w 3888432"/>
              <a:gd name="connsiteY9" fmla="*/ 3310385 h 3960440"/>
              <a:gd name="connsiteX10" fmla="*/ 2136833 w 3888432"/>
              <a:gd name="connsiteY10" fmla="*/ 3310385 h 3960440"/>
              <a:gd name="connsiteX11" fmla="*/ 2147184 w 3888432"/>
              <a:gd name="connsiteY11" fmla="*/ 2155564 h 3960440"/>
              <a:gd name="connsiteX12" fmla="*/ 2673919 w 3888432"/>
              <a:gd name="connsiteY12" fmla="*/ 2138897 h 3960440"/>
              <a:gd name="connsiteX13" fmla="*/ 2679688 w 3888432"/>
              <a:gd name="connsiteY13" fmla="*/ 3312366 h 3960440"/>
              <a:gd name="connsiteX14" fmla="*/ 3326849 w 3888432"/>
              <a:gd name="connsiteY14" fmla="*/ 3312366 h 3960440"/>
              <a:gd name="connsiteX15" fmla="*/ 3333768 w 3888432"/>
              <a:gd name="connsiteY15" fmla="*/ 2128613 h 3960440"/>
              <a:gd name="connsiteX16" fmla="*/ 2840340 w 3888432"/>
              <a:gd name="connsiteY16" fmla="*/ 1479943 h 3960440"/>
              <a:gd name="connsiteX17" fmla="*/ 878058 w 3888432"/>
              <a:gd name="connsiteY17" fmla="*/ 648072 h 3960440"/>
              <a:gd name="connsiteX18" fmla="*/ 554477 w 3888432"/>
              <a:gd name="connsiteY18" fmla="*/ 971653 h 3960440"/>
              <a:gd name="connsiteX19" fmla="*/ 878058 w 3888432"/>
              <a:gd name="connsiteY19" fmla="*/ 1295234 h 3960440"/>
              <a:gd name="connsiteX20" fmla="*/ 1201639 w 3888432"/>
              <a:gd name="connsiteY20" fmla="*/ 971653 h 3960440"/>
              <a:gd name="connsiteX21" fmla="*/ 878058 w 3888432"/>
              <a:gd name="connsiteY21" fmla="*/ 648072 h 3960440"/>
              <a:gd name="connsiteX22" fmla="*/ 333511 w 3888432"/>
              <a:gd name="connsiteY22" fmla="*/ 0 h 3960440"/>
              <a:gd name="connsiteX23" fmla="*/ 3554921 w 3888432"/>
              <a:gd name="connsiteY23" fmla="*/ 0 h 3960440"/>
              <a:gd name="connsiteX24" fmla="*/ 3888432 w 3888432"/>
              <a:gd name="connsiteY24" fmla="*/ 333511 h 3960440"/>
              <a:gd name="connsiteX25" fmla="*/ 3888432 w 3888432"/>
              <a:gd name="connsiteY25" fmla="*/ 3626929 h 3960440"/>
              <a:gd name="connsiteX26" fmla="*/ 3554921 w 3888432"/>
              <a:gd name="connsiteY26" fmla="*/ 3960440 h 3960440"/>
              <a:gd name="connsiteX27" fmla="*/ 333511 w 3888432"/>
              <a:gd name="connsiteY27" fmla="*/ 3960440 h 3960440"/>
              <a:gd name="connsiteX28" fmla="*/ 0 w 3888432"/>
              <a:gd name="connsiteY28" fmla="*/ 3626929 h 3960440"/>
              <a:gd name="connsiteX29" fmla="*/ 0 w 3888432"/>
              <a:gd name="connsiteY29" fmla="*/ 333511 h 3960440"/>
              <a:gd name="connsiteX30" fmla="*/ 333511 w 3888432"/>
              <a:gd name="connsiteY30" fmla="*/ 0 h 396044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</a:cxnLst>
            <a:rect l="l" t="t" r="r" b="b"/>
            <a:pathLst>
              <a:path w="3888432" h="3960440">
                <a:moveTo>
                  <a:pt x="554477" y="1512168"/>
                </a:moveTo>
                <a:lnTo>
                  <a:pt x="554477" y="3312368"/>
                </a:lnTo>
                <a:lnTo>
                  <a:pt x="1201638" y="3312368"/>
                </a:lnTo>
                <a:lnTo>
                  <a:pt x="1201638" y="1512168"/>
                </a:lnTo>
                <a:lnTo>
                  <a:pt x="554477" y="1512168"/>
                </a:lnTo>
                <a:close/>
                <a:moveTo>
                  <a:pt x="2840340" y="1479943"/>
                </a:moveTo>
                <a:cubicBezTo>
                  <a:pt x="2293254" y="1484797"/>
                  <a:pt x="2254084" y="1780470"/>
                  <a:pt x="2136833" y="1785510"/>
                </a:cubicBezTo>
                <a:lnTo>
                  <a:pt x="2136833" y="1510185"/>
                </a:lnTo>
                <a:lnTo>
                  <a:pt x="1489672" y="1510185"/>
                </a:lnTo>
                <a:lnTo>
                  <a:pt x="1489672" y="3310385"/>
                </a:lnTo>
                <a:lnTo>
                  <a:pt x="2136833" y="3310385"/>
                </a:lnTo>
                <a:cubicBezTo>
                  <a:pt x="2140283" y="2925445"/>
                  <a:pt x="2133383" y="2560917"/>
                  <a:pt x="2147184" y="2155564"/>
                </a:cubicBezTo>
                <a:cubicBezTo>
                  <a:pt x="2187272" y="1842063"/>
                  <a:pt x="2668986" y="1938990"/>
                  <a:pt x="2673919" y="2138897"/>
                </a:cubicBezTo>
                <a:lnTo>
                  <a:pt x="2679688" y="3312366"/>
                </a:lnTo>
                <a:lnTo>
                  <a:pt x="3326849" y="3312366"/>
                </a:lnTo>
                <a:cubicBezTo>
                  <a:pt x="3329155" y="2917782"/>
                  <a:pt x="3331462" y="2523197"/>
                  <a:pt x="3333768" y="2128613"/>
                </a:cubicBezTo>
                <a:cubicBezTo>
                  <a:pt x="3339026" y="1942962"/>
                  <a:pt x="3184753" y="1475890"/>
                  <a:pt x="2840340" y="1479943"/>
                </a:cubicBezTo>
                <a:close/>
                <a:moveTo>
                  <a:pt x="878058" y="648072"/>
                </a:moveTo>
                <a:cubicBezTo>
                  <a:pt x="699349" y="648072"/>
                  <a:pt x="554477" y="792944"/>
                  <a:pt x="554477" y="971653"/>
                </a:cubicBezTo>
                <a:cubicBezTo>
                  <a:pt x="554477" y="1150362"/>
                  <a:pt x="699349" y="1295234"/>
                  <a:pt x="878058" y="1295234"/>
                </a:cubicBezTo>
                <a:cubicBezTo>
                  <a:pt x="1056767" y="1295234"/>
                  <a:pt x="1201639" y="1150362"/>
                  <a:pt x="1201639" y="971653"/>
                </a:cubicBezTo>
                <a:cubicBezTo>
                  <a:pt x="1201639" y="792944"/>
                  <a:pt x="1056767" y="648072"/>
                  <a:pt x="878058" y="648072"/>
                </a:cubicBezTo>
                <a:close/>
                <a:moveTo>
                  <a:pt x="333511" y="0"/>
                </a:moveTo>
                <a:lnTo>
                  <a:pt x="3554921" y="0"/>
                </a:lnTo>
                <a:cubicBezTo>
                  <a:pt x="3739114" y="0"/>
                  <a:pt x="3888432" y="149318"/>
                  <a:pt x="3888432" y="333511"/>
                </a:cubicBezTo>
                <a:lnTo>
                  <a:pt x="3888432" y="3626929"/>
                </a:lnTo>
                <a:cubicBezTo>
                  <a:pt x="3888432" y="3811122"/>
                  <a:pt x="3739114" y="3960440"/>
                  <a:pt x="3554921" y="3960440"/>
                </a:cubicBezTo>
                <a:lnTo>
                  <a:pt x="333511" y="3960440"/>
                </a:lnTo>
                <a:cubicBezTo>
                  <a:pt x="149318" y="3960440"/>
                  <a:pt x="0" y="3811122"/>
                  <a:pt x="0" y="3626929"/>
                </a:cubicBezTo>
                <a:lnTo>
                  <a:pt x="0" y="333511"/>
                </a:lnTo>
                <a:cubicBezTo>
                  <a:pt x="0" y="149318"/>
                  <a:pt x="149318" y="0"/>
                  <a:pt x="333511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9" name="Rounded Rectangle 2">
            <a:extLst>
              <a:ext uri="{FF2B5EF4-FFF2-40B4-BE49-F238E27FC236}">
                <a16:creationId xmlns:a16="http://schemas.microsoft.com/office/drawing/2014/main" id="{5394194E-40CF-4800-82F4-DA12261F9012}"/>
              </a:ext>
            </a:extLst>
          </p:cNvPr>
          <p:cNvSpPr/>
          <p:nvPr/>
        </p:nvSpPr>
        <p:spPr>
          <a:xfrm>
            <a:off x="6971252" y="5634756"/>
            <a:ext cx="519265" cy="519265"/>
          </a:xfrm>
          <a:custGeom>
            <a:avLst/>
            <a:gdLst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55131 w 3960000"/>
              <a:gd name="connsiteY2" fmla="*/ 1419362 h 3960000"/>
              <a:gd name="connsiteX3" fmla="*/ 3160999 w 3960000"/>
              <a:gd name="connsiteY3" fmla="*/ 1374274 h 3960000"/>
              <a:gd name="connsiteX4" fmla="*/ 2538382 w 3960000"/>
              <a:gd name="connsiteY4" fmla="*/ 802616 h 3960000"/>
              <a:gd name="connsiteX5" fmla="*/ 1921633 w 3960000"/>
              <a:gd name="connsiteY5" fmla="*/ 1419365 h 3960000"/>
              <a:gd name="connsiteX6" fmla="*/ 1942445 w 3960000"/>
              <a:gd name="connsiteY6" fmla="*/ 1570340 h 3960000"/>
              <a:gd name="connsiteX7" fmla="*/ 752016 w 3960000"/>
              <a:gd name="connsiteY7" fmla="*/ 931012 h 3960000"/>
              <a:gd name="connsiteX8" fmla="*/ 934030 w 3960000"/>
              <a:gd name="connsiteY8" fmla="*/ 1745738 h 3960000"/>
              <a:gd name="connsiteX9" fmla="*/ 665343 w 3960000"/>
              <a:gd name="connsiteY9" fmla="*/ 1650397 h 3960000"/>
              <a:gd name="connsiteX10" fmla="*/ 1111709 w 3960000"/>
              <a:gd name="connsiteY10" fmla="*/ 2257108 h 3960000"/>
              <a:gd name="connsiteX11" fmla="*/ 856023 w 3960000"/>
              <a:gd name="connsiteY11" fmla="*/ 2244108 h 3960000"/>
              <a:gd name="connsiteX12" fmla="*/ 1402064 w 3960000"/>
              <a:gd name="connsiteY12" fmla="*/ 2660137 h 3960000"/>
              <a:gd name="connsiteX13" fmla="*/ 552668 w 3960000"/>
              <a:gd name="connsiteY13" fmla="*/ 2902822 h 3960000"/>
              <a:gd name="connsiteX14" fmla="*/ 1978439 w 3960000"/>
              <a:gd name="connsiteY14" fmla="*/ 3093502 h 3960000"/>
              <a:gd name="connsiteX15" fmla="*/ 3053184 w 3960000"/>
              <a:gd name="connsiteY15" fmla="*/ 2031759 h 3960000"/>
              <a:gd name="connsiteX16" fmla="*/ 3155131 w 3960000"/>
              <a:gd name="connsiteY16" fmla="*/ 1419365 h 3960000"/>
              <a:gd name="connsiteX17" fmla="*/ 3207849 w 3960000"/>
              <a:gd name="connsiteY17" fmla="*/ 1493166 h 3960000"/>
              <a:gd name="connsiteX18" fmla="*/ 3407333 w 3960000"/>
              <a:gd name="connsiteY18" fmla="*/ 1117847 h 3960000"/>
              <a:gd name="connsiteX19" fmla="*/ 3108461 w 3960000"/>
              <a:gd name="connsiteY19" fmla="*/ 1185086 h 3960000"/>
              <a:gd name="connsiteX20" fmla="*/ 3334650 w 3960000"/>
              <a:gd name="connsiteY20" fmla="*/ 883134 h 3960000"/>
              <a:gd name="connsiteX21" fmla="*/ 2995677 w 3960000"/>
              <a:gd name="connsiteY21" fmla="*/ 1008938 h 3960000"/>
              <a:gd name="connsiteX22" fmla="*/ 2538382 w 3960000"/>
              <a:gd name="connsiteY22" fmla="*/ 802616 h 3960000"/>
              <a:gd name="connsiteX23" fmla="*/ 308009 w 3960000"/>
              <a:gd name="connsiteY23" fmla="*/ 0 h 3960000"/>
              <a:gd name="connsiteX24" fmla="*/ 3651991 w 3960000"/>
              <a:gd name="connsiteY24" fmla="*/ 0 h 3960000"/>
              <a:gd name="connsiteX25" fmla="*/ 3960000 w 3960000"/>
              <a:gd name="connsiteY25" fmla="*/ 308009 h 3960000"/>
              <a:gd name="connsiteX26" fmla="*/ 3960000 w 3960000"/>
              <a:gd name="connsiteY26" fmla="*/ 3651991 h 3960000"/>
              <a:gd name="connsiteX27" fmla="*/ 3651991 w 3960000"/>
              <a:gd name="connsiteY27" fmla="*/ 3960000 h 3960000"/>
              <a:gd name="connsiteX28" fmla="*/ 308009 w 3960000"/>
              <a:gd name="connsiteY28" fmla="*/ 3960000 h 3960000"/>
              <a:gd name="connsiteX29" fmla="*/ 0 w 3960000"/>
              <a:gd name="connsiteY29" fmla="*/ 3651991 h 3960000"/>
              <a:gd name="connsiteX30" fmla="*/ 0 w 3960000"/>
              <a:gd name="connsiteY30" fmla="*/ 308009 h 3960000"/>
              <a:gd name="connsiteX31" fmla="*/ 308009 w 3960000"/>
              <a:gd name="connsiteY31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55131 w 3960000"/>
              <a:gd name="connsiteY2" fmla="*/ 1419362 h 3960000"/>
              <a:gd name="connsiteX3" fmla="*/ 3160999 w 3960000"/>
              <a:gd name="connsiteY3" fmla="*/ 1374274 h 3960000"/>
              <a:gd name="connsiteX4" fmla="*/ 2538382 w 3960000"/>
              <a:gd name="connsiteY4" fmla="*/ 802616 h 3960000"/>
              <a:gd name="connsiteX5" fmla="*/ 1921633 w 3960000"/>
              <a:gd name="connsiteY5" fmla="*/ 1419365 h 3960000"/>
              <a:gd name="connsiteX6" fmla="*/ 1942445 w 3960000"/>
              <a:gd name="connsiteY6" fmla="*/ 1570340 h 3960000"/>
              <a:gd name="connsiteX7" fmla="*/ 752016 w 3960000"/>
              <a:gd name="connsiteY7" fmla="*/ 931012 h 3960000"/>
              <a:gd name="connsiteX8" fmla="*/ 934030 w 3960000"/>
              <a:gd name="connsiteY8" fmla="*/ 1745738 h 3960000"/>
              <a:gd name="connsiteX9" fmla="*/ 665343 w 3960000"/>
              <a:gd name="connsiteY9" fmla="*/ 1650397 h 3960000"/>
              <a:gd name="connsiteX10" fmla="*/ 1111709 w 3960000"/>
              <a:gd name="connsiteY10" fmla="*/ 2257108 h 3960000"/>
              <a:gd name="connsiteX11" fmla="*/ 856023 w 3960000"/>
              <a:gd name="connsiteY11" fmla="*/ 2244108 h 3960000"/>
              <a:gd name="connsiteX12" fmla="*/ 1402064 w 3960000"/>
              <a:gd name="connsiteY12" fmla="*/ 2660137 h 3960000"/>
              <a:gd name="connsiteX13" fmla="*/ 552668 w 3960000"/>
              <a:gd name="connsiteY13" fmla="*/ 2902822 h 3960000"/>
              <a:gd name="connsiteX14" fmla="*/ 1978439 w 3960000"/>
              <a:gd name="connsiteY14" fmla="*/ 3093502 h 3960000"/>
              <a:gd name="connsiteX15" fmla="*/ 3053184 w 3960000"/>
              <a:gd name="connsiteY15" fmla="*/ 2031759 h 3960000"/>
              <a:gd name="connsiteX16" fmla="*/ 3207849 w 3960000"/>
              <a:gd name="connsiteY16" fmla="*/ 1493166 h 3960000"/>
              <a:gd name="connsiteX17" fmla="*/ 3407333 w 3960000"/>
              <a:gd name="connsiteY17" fmla="*/ 1117847 h 3960000"/>
              <a:gd name="connsiteX18" fmla="*/ 3108461 w 3960000"/>
              <a:gd name="connsiteY18" fmla="*/ 1185086 h 3960000"/>
              <a:gd name="connsiteX19" fmla="*/ 3334650 w 3960000"/>
              <a:gd name="connsiteY19" fmla="*/ 883134 h 3960000"/>
              <a:gd name="connsiteX20" fmla="*/ 2995677 w 3960000"/>
              <a:gd name="connsiteY20" fmla="*/ 1008938 h 3960000"/>
              <a:gd name="connsiteX21" fmla="*/ 2538382 w 3960000"/>
              <a:gd name="connsiteY21" fmla="*/ 802616 h 3960000"/>
              <a:gd name="connsiteX22" fmla="*/ 308009 w 3960000"/>
              <a:gd name="connsiteY22" fmla="*/ 0 h 3960000"/>
              <a:gd name="connsiteX23" fmla="*/ 3651991 w 3960000"/>
              <a:gd name="connsiteY23" fmla="*/ 0 h 3960000"/>
              <a:gd name="connsiteX24" fmla="*/ 3960000 w 3960000"/>
              <a:gd name="connsiteY24" fmla="*/ 308009 h 3960000"/>
              <a:gd name="connsiteX25" fmla="*/ 3960000 w 3960000"/>
              <a:gd name="connsiteY25" fmla="*/ 3651991 h 3960000"/>
              <a:gd name="connsiteX26" fmla="*/ 3651991 w 3960000"/>
              <a:gd name="connsiteY26" fmla="*/ 3960000 h 3960000"/>
              <a:gd name="connsiteX27" fmla="*/ 308009 w 3960000"/>
              <a:gd name="connsiteY27" fmla="*/ 3960000 h 3960000"/>
              <a:gd name="connsiteX28" fmla="*/ 0 w 3960000"/>
              <a:gd name="connsiteY28" fmla="*/ 3651991 h 3960000"/>
              <a:gd name="connsiteX29" fmla="*/ 0 w 3960000"/>
              <a:gd name="connsiteY29" fmla="*/ 308009 h 3960000"/>
              <a:gd name="connsiteX30" fmla="*/ 308009 w 3960000"/>
              <a:gd name="connsiteY30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538382 w 3960000"/>
              <a:gd name="connsiteY3" fmla="*/ 802616 h 3960000"/>
              <a:gd name="connsiteX4" fmla="*/ 1921633 w 3960000"/>
              <a:gd name="connsiteY4" fmla="*/ 1419365 h 3960000"/>
              <a:gd name="connsiteX5" fmla="*/ 1942445 w 3960000"/>
              <a:gd name="connsiteY5" fmla="*/ 1570340 h 3960000"/>
              <a:gd name="connsiteX6" fmla="*/ 752016 w 3960000"/>
              <a:gd name="connsiteY6" fmla="*/ 931012 h 3960000"/>
              <a:gd name="connsiteX7" fmla="*/ 934030 w 3960000"/>
              <a:gd name="connsiteY7" fmla="*/ 1745738 h 3960000"/>
              <a:gd name="connsiteX8" fmla="*/ 665343 w 3960000"/>
              <a:gd name="connsiteY8" fmla="*/ 1650397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07333 w 3960000"/>
              <a:gd name="connsiteY16" fmla="*/ 1117847 h 3960000"/>
              <a:gd name="connsiteX17" fmla="*/ 3108461 w 3960000"/>
              <a:gd name="connsiteY17" fmla="*/ 1185086 h 3960000"/>
              <a:gd name="connsiteX18" fmla="*/ 3334650 w 3960000"/>
              <a:gd name="connsiteY18" fmla="*/ 883134 h 3960000"/>
              <a:gd name="connsiteX19" fmla="*/ 2995677 w 3960000"/>
              <a:gd name="connsiteY19" fmla="*/ 1008938 h 3960000"/>
              <a:gd name="connsiteX20" fmla="*/ 2538382 w 3960000"/>
              <a:gd name="connsiteY20" fmla="*/ 80261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538382 w 3960000"/>
              <a:gd name="connsiteY3" fmla="*/ 802616 h 3960000"/>
              <a:gd name="connsiteX4" fmla="*/ 1921633 w 3960000"/>
              <a:gd name="connsiteY4" fmla="*/ 1419365 h 3960000"/>
              <a:gd name="connsiteX5" fmla="*/ 1942445 w 3960000"/>
              <a:gd name="connsiteY5" fmla="*/ 1570340 h 3960000"/>
              <a:gd name="connsiteX6" fmla="*/ 752016 w 3960000"/>
              <a:gd name="connsiteY6" fmla="*/ 931012 h 3960000"/>
              <a:gd name="connsiteX7" fmla="*/ 934030 w 3960000"/>
              <a:gd name="connsiteY7" fmla="*/ 1745738 h 3960000"/>
              <a:gd name="connsiteX8" fmla="*/ 665343 w 3960000"/>
              <a:gd name="connsiteY8" fmla="*/ 1650397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07333 w 3960000"/>
              <a:gd name="connsiteY16" fmla="*/ 1117847 h 3960000"/>
              <a:gd name="connsiteX17" fmla="*/ 3140091 w 3960000"/>
              <a:gd name="connsiteY17" fmla="*/ 1227260 h 3960000"/>
              <a:gd name="connsiteX18" fmla="*/ 3334650 w 3960000"/>
              <a:gd name="connsiteY18" fmla="*/ 883134 h 3960000"/>
              <a:gd name="connsiteX19" fmla="*/ 2995677 w 3960000"/>
              <a:gd name="connsiteY19" fmla="*/ 1008938 h 3960000"/>
              <a:gd name="connsiteX20" fmla="*/ 2538382 w 3960000"/>
              <a:gd name="connsiteY20" fmla="*/ 80261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538382 w 3960000"/>
              <a:gd name="connsiteY3" fmla="*/ 802616 h 3960000"/>
              <a:gd name="connsiteX4" fmla="*/ 1921633 w 3960000"/>
              <a:gd name="connsiteY4" fmla="*/ 1419365 h 3960000"/>
              <a:gd name="connsiteX5" fmla="*/ 1942445 w 3960000"/>
              <a:gd name="connsiteY5" fmla="*/ 1570340 h 3960000"/>
              <a:gd name="connsiteX6" fmla="*/ 752016 w 3960000"/>
              <a:gd name="connsiteY6" fmla="*/ 931012 h 3960000"/>
              <a:gd name="connsiteX7" fmla="*/ 934030 w 3960000"/>
              <a:gd name="connsiteY7" fmla="*/ 1745738 h 3960000"/>
              <a:gd name="connsiteX8" fmla="*/ 665343 w 3960000"/>
              <a:gd name="connsiteY8" fmla="*/ 1650397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34650 w 3960000"/>
              <a:gd name="connsiteY18" fmla="*/ 883134 h 3960000"/>
              <a:gd name="connsiteX19" fmla="*/ 2995677 w 3960000"/>
              <a:gd name="connsiteY19" fmla="*/ 1008938 h 3960000"/>
              <a:gd name="connsiteX20" fmla="*/ 2538382 w 3960000"/>
              <a:gd name="connsiteY20" fmla="*/ 80261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538382 w 3960000"/>
              <a:gd name="connsiteY3" fmla="*/ 802616 h 3960000"/>
              <a:gd name="connsiteX4" fmla="*/ 1921633 w 3960000"/>
              <a:gd name="connsiteY4" fmla="*/ 1419365 h 3960000"/>
              <a:gd name="connsiteX5" fmla="*/ 1942445 w 3960000"/>
              <a:gd name="connsiteY5" fmla="*/ 1570340 h 3960000"/>
              <a:gd name="connsiteX6" fmla="*/ 752016 w 3960000"/>
              <a:gd name="connsiteY6" fmla="*/ 931012 h 3960000"/>
              <a:gd name="connsiteX7" fmla="*/ 934030 w 3960000"/>
              <a:gd name="connsiteY7" fmla="*/ 1745738 h 3960000"/>
              <a:gd name="connsiteX8" fmla="*/ 665343 w 3960000"/>
              <a:gd name="connsiteY8" fmla="*/ 1650397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538382 w 3960000"/>
              <a:gd name="connsiteY20" fmla="*/ 80261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538382 w 3960000"/>
              <a:gd name="connsiteY3" fmla="*/ 80261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752016 w 3960000"/>
              <a:gd name="connsiteY6" fmla="*/ 931012 h 3960000"/>
              <a:gd name="connsiteX7" fmla="*/ 934030 w 3960000"/>
              <a:gd name="connsiteY7" fmla="*/ 1745738 h 3960000"/>
              <a:gd name="connsiteX8" fmla="*/ 665343 w 3960000"/>
              <a:gd name="connsiteY8" fmla="*/ 1650397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538382 w 3960000"/>
              <a:gd name="connsiteY20" fmla="*/ 80261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752016 w 3960000"/>
              <a:gd name="connsiteY6" fmla="*/ 931012 h 3960000"/>
              <a:gd name="connsiteX7" fmla="*/ 934030 w 3960000"/>
              <a:gd name="connsiteY7" fmla="*/ 1745738 h 3960000"/>
              <a:gd name="connsiteX8" fmla="*/ 665343 w 3960000"/>
              <a:gd name="connsiteY8" fmla="*/ 1650397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752016 w 3960000"/>
              <a:gd name="connsiteY6" fmla="*/ 931012 h 3960000"/>
              <a:gd name="connsiteX7" fmla="*/ 934030 w 3960000"/>
              <a:gd name="connsiteY7" fmla="*/ 1745738 h 3960000"/>
              <a:gd name="connsiteX8" fmla="*/ 665343 w 3960000"/>
              <a:gd name="connsiteY8" fmla="*/ 1650397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752016 w 3960000"/>
              <a:gd name="connsiteY6" fmla="*/ 931012 h 3960000"/>
              <a:gd name="connsiteX7" fmla="*/ 934030 w 3960000"/>
              <a:gd name="connsiteY7" fmla="*/ 1745738 h 3960000"/>
              <a:gd name="connsiteX8" fmla="*/ 665343 w 3960000"/>
              <a:gd name="connsiteY8" fmla="*/ 1650397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34030 w 3960000"/>
              <a:gd name="connsiteY7" fmla="*/ 1745738 h 3960000"/>
              <a:gd name="connsiteX8" fmla="*/ 665343 w 3960000"/>
              <a:gd name="connsiteY8" fmla="*/ 1650397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34030 w 3960000"/>
              <a:gd name="connsiteY7" fmla="*/ 1745738 h 3960000"/>
              <a:gd name="connsiteX8" fmla="*/ 644257 w 3960000"/>
              <a:gd name="connsiteY8" fmla="*/ 1555506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644257 w 3960000"/>
              <a:gd name="connsiteY8" fmla="*/ 1555506 h 3960000"/>
              <a:gd name="connsiteX9" fmla="*/ 1111709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644257 w 3960000"/>
              <a:gd name="connsiteY8" fmla="*/ 1555506 h 3960000"/>
              <a:gd name="connsiteX9" fmla="*/ 1196057 w 3960000"/>
              <a:gd name="connsiteY9" fmla="*/ 2257108 h 3960000"/>
              <a:gd name="connsiteX10" fmla="*/ 856023 w 3960000"/>
              <a:gd name="connsiteY10" fmla="*/ 2244108 h 3960000"/>
              <a:gd name="connsiteX11" fmla="*/ 1402064 w 3960000"/>
              <a:gd name="connsiteY11" fmla="*/ 2660137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644257 w 3960000"/>
              <a:gd name="connsiteY8" fmla="*/ 1555506 h 3960000"/>
              <a:gd name="connsiteX9" fmla="*/ 1196057 w 3960000"/>
              <a:gd name="connsiteY9" fmla="*/ 2257108 h 3960000"/>
              <a:gd name="connsiteX10" fmla="*/ 856023 w 3960000"/>
              <a:gd name="connsiteY10" fmla="*/ 2244108 h 3960000"/>
              <a:gd name="connsiteX11" fmla="*/ 1486410 w 3960000"/>
              <a:gd name="connsiteY11" fmla="*/ 2607420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644257 w 3960000"/>
              <a:gd name="connsiteY8" fmla="*/ 1555506 h 3960000"/>
              <a:gd name="connsiteX9" fmla="*/ 1196057 w 3960000"/>
              <a:gd name="connsiteY9" fmla="*/ 2257108 h 3960000"/>
              <a:gd name="connsiteX10" fmla="*/ 813848 w 3960000"/>
              <a:gd name="connsiteY10" fmla="*/ 2296824 h 3960000"/>
              <a:gd name="connsiteX11" fmla="*/ 1486410 w 3960000"/>
              <a:gd name="connsiteY11" fmla="*/ 2607420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570453 w 3960000"/>
              <a:gd name="connsiteY8" fmla="*/ 1629310 h 3960000"/>
              <a:gd name="connsiteX9" fmla="*/ 1196057 w 3960000"/>
              <a:gd name="connsiteY9" fmla="*/ 2257108 h 3960000"/>
              <a:gd name="connsiteX10" fmla="*/ 813848 w 3960000"/>
              <a:gd name="connsiteY10" fmla="*/ 2296824 h 3960000"/>
              <a:gd name="connsiteX11" fmla="*/ 1486410 w 3960000"/>
              <a:gd name="connsiteY11" fmla="*/ 2607420 h 3960000"/>
              <a:gd name="connsiteX12" fmla="*/ 552668 w 3960000"/>
              <a:gd name="connsiteY12" fmla="*/ 2902822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570453 w 3960000"/>
              <a:gd name="connsiteY8" fmla="*/ 1629310 h 3960000"/>
              <a:gd name="connsiteX9" fmla="*/ 1196057 w 3960000"/>
              <a:gd name="connsiteY9" fmla="*/ 2257108 h 3960000"/>
              <a:gd name="connsiteX10" fmla="*/ 813848 w 3960000"/>
              <a:gd name="connsiteY10" fmla="*/ 2296824 h 3960000"/>
              <a:gd name="connsiteX11" fmla="*/ 1486410 w 3960000"/>
              <a:gd name="connsiteY11" fmla="*/ 2607420 h 3960000"/>
              <a:gd name="connsiteX12" fmla="*/ 489408 w 3960000"/>
              <a:gd name="connsiteY12" fmla="*/ 2829018 h 3960000"/>
              <a:gd name="connsiteX13" fmla="*/ 1978439 w 3960000"/>
              <a:gd name="connsiteY13" fmla="*/ 3093502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570453 w 3960000"/>
              <a:gd name="connsiteY8" fmla="*/ 1629310 h 3960000"/>
              <a:gd name="connsiteX9" fmla="*/ 1196057 w 3960000"/>
              <a:gd name="connsiteY9" fmla="*/ 2257108 h 3960000"/>
              <a:gd name="connsiteX10" fmla="*/ 813848 w 3960000"/>
              <a:gd name="connsiteY10" fmla="*/ 2296824 h 3960000"/>
              <a:gd name="connsiteX11" fmla="*/ 1486410 w 3960000"/>
              <a:gd name="connsiteY11" fmla="*/ 2607420 h 3960000"/>
              <a:gd name="connsiteX12" fmla="*/ 489408 w 3960000"/>
              <a:gd name="connsiteY12" fmla="*/ 2829018 h 3960000"/>
              <a:gd name="connsiteX13" fmla="*/ 2062787 w 3960000"/>
              <a:gd name="connsiteY13" fmla="*/ 3146219 h 3960000"/>
              <a:gd name="connsiteX14" fmla="*/ 3053184 w 3960000"/>
              <a:gd name="connsiteY14" fmla="*/ 2031759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570453 w 3960000"/>
              <a:gd name="connsiteY8" fmla="*/ 1629310 h 3960000"/>
              <a:gd name="connsiteX9" fmla="*/ 1196057 w 3960000"/>
              <a:gd name="connsiteY9" fmla="*/ 2257108 h 3960000"/>
              <a:gd name="connsiteX10" fmla="*/ 813848 w 3960000"/>
              <a:gd name="connsiteY10" fmla="*/ 2296824 h 3960000"/>
              <a:gd name="connsiteX11" fmla="*/ 1486410 w 3960000"/>
              <a:gd name="connsiteY11" fmla="*/ 2607420 h 3960000"/>
              <a:gd name="connsiteX12" fmla="*/ 489408 w 3960000"/>
              <a:gd name="connsiteY12" fmla="*/ 2829018 h 3960000"/>
              <a:gd name="connsiteX13" fmla="*/ 2062787 w 3960000"/>
              <a:gd name="connsiteY13" fmla="*/ 3146219 h 3960000"/>
              <a:gd name="connsiteX14" fmla="*/ 3074271 w 3960000"/>
              <a:gd name="connsiteY14" fmla="*/ 2105563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570453 w 3960000"/>
              <a:gd name="connsiteY8" fmla="*/ 1629310 h 3960000"/>
              <a:gd name="connsiteX9" fmla="*/ 1196057 w 3960000"/>
              <a:gd name="connsiteY9" fmla="*/ 2257108 h 3960000"/>
              <a:gd name="connsiteX10" fmla="*/ 813848 w 3960000"/>
              <a:gd name="connsiteY10" fmla="*/ 2296824 h 3960000"/>
              <a:gd name="connsiteX11" fmla="*/ 1486410 w 3960000"/>
              <a:gd name="connsiteY11" fmla="*/ 2607420 h 3960000"/>
              <a:gd name="connsiteX12" fmla="*/ 489408 w 3960000"/>
              <a:gd name="connsiteY12" fmla="*/ 2829018 h 3960000"/>
              <a:gd name="connsiteX13" fmla="*/ 2062787 w 3960000"/>
              <a:gd name="connsiteY13" fmla="*/ 3146219 h 3960000"/>
              <a:gd name="connsiteX14" fmla="*/ 3074271 w 3960000"/>
              <a:gd name="connsiteY14" fmla="*/ 2105563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  <a:gd name="connsiteX0" fmla="*/ 3160999 w 3960000"/>
              <a:gd name="connsiteY0" fmla="*/ 1374274 h 3960000"/>
              <a:gd name="connsiteX1" fmla="*/ 3155132 w 3960000"/>
              <a:gd name="connsiteY1" fmla="*/ 1419362 h 3960000"/>
              <a:gd name="connsiteX2" fmla="*/ 3160999 w 3960000"/>
              <a:gd name="connsiteY2" fmla="*/ 1374274 h 3960000"/>
              <a:gd name="connsiteX3" fmla="*/ 2496208 w 3960000"/>
              <a:gd name="connsiteY3" fmla="*/ 770986 h 3960000"/>
              <a:gd name="connsiteX4" fmla="*/ 1921633 w 3960000"/>
              <a:gd name="connsiteY4" fmla="*/ 1292845 h 3960000"/>
              <a:gd name="connsiteX5" fmla="*/ 1942445 w 3960000"/>
              <a:gd name="connsiteY5" fmla="*/ 1570340 h 3960000"/>
              <a:gd name="connsiteX6" fmla="*/ 815277 w 3960000"/>
              <a:gd name="connsiteY6" fmla="*/ 836121 h 3960000"/>
              <a:gd name="connsiteX7" fmla="*/ 965659 w 3960000"/>
              <a:gd name="connsiteY7" fmla="*/ 1735195 h 3960000"/>
              <a:gd name="connsiteX8" fmla="*/ 570453 w 3960000"/>
              <a:gd name="connsiteY8" fmla="*/ 1629310 h 3960000"/>
              <a:gd name="connsiteX9" fmla="*/ 1196057 w 3960000"/>
              <a:gd name="connsiteY9" fmla="*/ 2257108 h 3960000"/>
              <a:gd name="connsiteX10" fmla="*/ 813848 w 3960000"/>
              <a:gd name="connsiteY10" fmla="*/ 2296824 h 3960000"/>
              <a:gd name="connsiteX11" fmla="*/ 1486410 w 3960000"/>
              <a:gd name="connsiteY11" fmla="*/ 2607420 h 3960000"/>
              <a:gd name="connsiteX12" fmla="*/ 489408 w 3960000"/>
              <a:gd name="connsiteY12" fmla="*/ 2829018 h 3960000"/>
              <a:gd name="connsiteX13" fmla="*/ 2062787 w 3960000"/>
              <a:gd name="connsiteY13" fmla="*/ 3146219 h 3960000"/>
              <a:gd name="connsiteX14" fmla="*/ 3074271 w 3960000"/>
              <a:gd name="connsiteY14" fmla="*/ 2105563 h 3960000"/>
              <a:gd name="connsiteX15" fmla="*/ 3207849 w 3960000"/>
              <a:gd name="connsiteY15" fmla="*/ 1493166 h 3960000"/>
              <a:gd name="connsiteX16" fmla="*/ 3449507 w 3960000"/>
              <a:gd name="connsiteY16" fmla="*/ 1170564 h 3960000"/>
              <a:gd name="connsiteX17" fmla="*/ 3140091 w 3960000"/>
              <a:gd name="connsiteY17" fmla="*/ 1227260 h 3960000"/>
              <a:gd name="connsiteX18" fmla="*/ 3324107 w 3960000"/>
              <a:gd name="connsiteY18" fmla="*/ 851504 h 3960000"/>
              <a:gd name="connsiteX19" fmla="*/ 2995677 w 3960000"/>
              <a:gd name="connsiteY19" fmla="*/ 1008938 h 3960000"/>
              <a:gd name="connsiteX20" fmla="*/ 2496208 w 3960000"/>
              <a:gd name="connsiteY20" fmla="*/ 770986 h 3960000"/>
              <a:gd name="connsiteX21" fmla="*/ 308009 w 3960000"/>
              <a:gd name="connsiteY21" fmla="*/ 0 h 3960000"/>
              <a:gd name="connsiteX22" fmla="*/ 3651991 w 3960000"/>
              <a:gd name="connsiteY22" fmla="*/ 0 h 3960000"/>
              <a:gd name="connsiteX23" fmla="*/ 3960000 w 3960000"/>
              <a:gd name="connsiteY23" fmla="*/ 308009 h 3960000"/>
              <a:gd name="connsiteX24" fmla="*/ 3960000 w 3960000"/>
              <a:gd name="connsiteY24" fmla="*/ 3651991 h 3960000"/>
              <a:gd name="connsiteX25" fmla="*/ 3651991 w 3960000"/>
              <a:gd name="connsiteY25" fmla="*/ 3960000 h 3960000"/>
              <a:gd name="connsiteX26" fmla="*/ 308009 w 3960000"/>
              <a:gd name="connsiteY26" fmla="*/ 3960000 h 3960000"/>
              <a:gd name="connsiteX27" fmla="*/ 0 w 3960000"/>
              <a:gd name="connsiteY27" fmla="*/ 3651991 h 3960000"/>
              <a:gd name="connsiteX28" fmla="*/ 0 w 3960000"/>
              <a:gd name="connsiteY28" fmla="*/ 308009 h 3960000"/>
              <a:gd name="connsiteX29" fmla="*/ 308009 w 3960000"/>
              <a:gd name="connsiteY29" fmla="*/ 0 h 396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</a:cxnLst>
            <a:rect l="l" t="t" r="r" b="b"/>
            <a:pathLst>
              <a:path w="3960000" h="3960000">
                <a:moveTo>
                  <a:pt x="3160999" y="1374274"/>
                </a:moveTo>
                <a:lnTo>
                  <a:pt x="3155132" y="1419362"/>
                </a:lnTo>
                <a:lnTo>
                  <a:pt x="3160999" y="1374274"/>
                </a:lnTo>
                <a:close/>
                <a:moveTo>
                  <a:pt x="2496208" y="770986"/>
                </a:moveTo>
                <a:cubicBezTo>
                  <a:pt x="2113414" y="770986"/>
                  <a:pt x="1929581" y="1106902"/>
                  <a:pt x="1921633" y="1292845"/>
                </a:cubicBezTo>
                <a:cubicBezTo>
                  <a:pt x="1914712" y="1454769"/>
                  <a:pt x="1928136" y="1522392"/>
                  <a:pt x="1942445" y="1570340"/>
                </a:cubicBezTo>
                <a:cubicBezTo>
                  <a:pt x="1547199" y="1510736"/>
                  <a:pt x="1237189" y="1330681"/>
                  <a:pt x="815277" y="836121"/>
                </a:cubicBezTo>
                <a:cubicBezTo>
                  <a:pt x="618819" y="1229038"/>
                  <a:pt x="733086" y="1558961"/>
                  <a:pt x="965659" y="1735195"/>
                </a:cubicBezTo>
                <a:cubicBezTo>
                  <a:pt x="864541" y="1716416"/>
                  <a:pt x="662904" y="1695759"/>
                  <a:pt x="570453" y="1629310"/>
                </a:cubicBezTo>
                <a:cubicBezTo>
                  <a:pt x="597898" y="2016450"/>
                  <a:pt x="990931" y="2177657"/>
                  <a:pt x="1196057" y="2257108"/>
                </a:cubicBezTo>
                <a:cubicBezTo>
                  <a:pt x="1113718" y="2275887"/>
                  <a:pt x="943857" y="2321380"/>
                  <a:pt x="813848" y="2296824"/>
                </a:cubicBezTo>
                <a:cubicBezTo>
                  <a:pt x="926523" y="2634848"/>
                  <a:pt x="1326064" y="2611755"/>
                  <a:pt x="1486410" y="2607420"/>
                </a:cubicBezTo>
                <a:cubicBezTo>
                  <a:pt x="1297174" y="2749708"/>
                  <a:pt x="1000058" y="2795794"/>
                  <a:pt x="489408" y="2829018"/>
                </a:cubicBezTo>
                <a:cubicBezTo>
                  <a:pt x="914827" y="3139596"/>
                  <a:pt x="1734874" y="3242281"/>
                  <a:pt x="2062787" y="3146219"/>
                </a:cubicBezTo>
                <a:cubicBezTo>
                  <a:pt x="2763394" y="2903535"/>
                  <a:pt x="2915370" y="2621267"/>
                  <a:pt x="3074271" y="2105563"/>
                </a:cubicBezTo>
                <a:cubicBezTo>
                  <a:pt x="3173740" y="1733406"/>
                  <a:pt x="3145310" y="1648999"/>
                  <a:pt x="3207849" y="1493166"/>
                </a:cubicBezTo>
                <a:cubicBezTo>
                  <a:pt x="3270388" y="1337333"/>
                  <a:pt x="3414210" y="1276468"/>
                  <a:pt x="3449507" y="1170564"/>
                </a:cubicBezTo>
                <a:cubicBezTo>
                  <a:pt x="3349883" y="1192977"/>
                  <a:pt x="3252716" y="1239516"/>
                  <a:pt x="3140091" y="1227260"/>
                </a:cubicBezTo>
                <a:cubicBezTo>
                  <a:pt x="3219995" y="1183499"/>
                  <a:pt x="3274317" y="996523"/>
                  <a:pt x="3324107" y="851504"/>
                </a:cubicBezTo>
                <a:cubicBezTo>
                  <a:pt x="3215037" y="921165"/>
                  <a:pt x="3152155" y="998691"/>
                  <a:pt x="2995677" y="1008938"/>
                </a:cubicBezTo>
                <a:cubicBezTo>
                  <a:pt x="2884471" y="881691"/>
                  <a:pt x="2678487" y="770986"/>
                  <a:pt x="2496208" y="770986"/>
                </a:cubicBezTo>
                <a:close/>
                <a:moveTo>
                  <a:pt x="308009" y="0"/>
                </a:moveTo>
                <a:lnTo>
                  <a:pt x="3651991" y="0"/>
                </a:lnTo>
                <a:cubicBezTo>
                  <a:pt x="3822100" y="0"/>
                  <a:pt x="3960000" y="137900"/>
                  <a:pt x="3960000" y="308009"/>
                </a:cubicBezTo>
                <a:lnTo>
                  <a:pt x="3960000" y="3651991"/>
                </a:lnTo>
                <a:cubicBezTo>
                  <a:pt x="3960000" y="3822100"/>
                  <a:pt x="3822100" y="3960000"/>
                  <a:pt x="3651991" y="3960000"/>
                </a:cubicBezTo>
                <a:lnTo>
                  <a:pt x="308009" y="3960000"/>
                </a:lnTo>
                <a:cubicBezTo>
                  <a:pt x="137900" y="3960000"/>
                  <a:pt x="0" y="3822100"/>
                  <a:pt x="0" y="3651991"/>
                </a:cubicBezTo>
                <a:lnTo>
                  <a:pt x="0" y="308009"/>
                </a:lnTo>
                <a:cubicBezTo>
                  <a:pt x="0" y="137900"/>
                  <a:pt x="137900" y="0"/>
                  <a:pt x="308009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100" name="Rounded Rectangle 3">
            <a:extLst>
              <a:ext uri="{FF2B5EF4-FFF2-40B4-BE49-F238E27FC236}">
                <a16:creationId xmlns:a16="http://schemas.microsoft.com/office/drawing/2014/main" id="{C2FE4DD9-BD0F-42FA-8558-1E2788EACC02}"/>
              </a:ext>
            </a:extLst>
          </p:cNvPr>
          <p:cNvSpPr>
            <a:spLocks noChangeAspect="1"/>
          </p:cNvSpPr>
          <p:nvPr/>
        </p:nvSpPr>
        <p:spPr>
          <a:xfrm>
            <a:off x="6121262" y="5634756"/>
            <a:ext cx="519265" cy="519265"/>
          </a:xfrm>
          <a:custGeom>
            <a:avLst/>
            <a:gdLst>
              <a:gd name="connsiteX0" fmla="*/ 2841893 w 3960000"/>
              <a:gd name="connsiteY0" fmla="*/ 181064 h 3960000"/>
              <a:gd name="connsiteX1" fmla="*/ 2105790 w 3960000"/>
              <a:gd name="connsiteY1" fmla="*/ 859562 h 3960000"/>
              <a:gd name="connsiteX2" fmla="*/ 2106860 w 3960000"/>
              <a:gd name="connsiteY2" fmla="*/ 863292 h 3960000"/>
              <a:gd name="connsiteX3" fmla="*/ 2106860 w 3960000"/>
              <a:gd name="connsiteY3" fmla="*/ 1248172 h 3960000"/>
              <a:gd name="connsiteX4" fmla="*/ 1691968 w 3960000"/>
              <a:gd name="connsiteY4" fmla="*/ 1248172 h 3960000"/>
              <a:gd name="connsiteX5" fmla="*/ 1691968 w 3960000"/>
              <a:gd name="connsiteY5" fmla="*/ 1824236 h 3960000"/>
              <a:gd name="connsiteX6" fmla="*/ 2106860 w 3960000"/>
              <a:gd name="connsiteY6" fmla="*/ 1824236 h 3960000"/>
              <a:gd name="connsiteX7" fmla="*/ 2106860 w 3960000"/>
              <a:gd name="connsiteY7" fmla="*/ 3779396 h 3960000"/>
              <a:gd name="connsiteX8" fmla="*/ 2754932 w 3960000"/>
              <a:gd name="connsiteY8" fmla="*/ 3779396 h 3960000"/>
              <a:gd name="connsiteX9" fmla="*/ 2754932 w 3960000"/>
              <a:gd name="connsiteY9" fmla="*/ 1824236 h 3960000"/>
              <a:gd name="connsiteX10" fmla="*/ 3305869 w 3960000"/>
              <a:gd name="connsiteY10" fmla="*/ 1813665 h 3960000"/>
              <a:gd name="connsiteX11" fmla="*/ 3348152 w 3960000"/>
              <a:gd name="connsiteY11" fmla="*/ 1248172 h 3960000"/>
              <a:gd name="connsiteX12" fmla="*/ 2754932 w 3960000"/>
              <a:gd name="connsiteY12" fmla="*/ 1248172 h 3960000"/>
              <a:gd name="connsiteX13" fmla="*/ 2754932 w 3960000"/>
              <a:gd name="connsiteY13" fmla="*/ 907124 h 3960000"/>
              <a:gd name="connsiteX14" fmla="*/ 3369037 w 3960000"/>
              <a:gd name="connsiteY14" fmla="*/ 759137 h 3960000"/>
              <a:gd name="connsiteX15" fmla="*/ 3432095 w 3960000"/>
              <a:gd name="connsiteY15" fmla="*/ 238945 h 3960000"/>
              <a:gd name="connsiteX16" fmla="*/ 2841893 w 3960000"/>
              <a:gd name="connsiteY16" fmla="*/ 181064 h 3960000"/>
              <a:gd name="connsiteX17" fmla="*/ 308009 w 3960000"/>
              <a:gd name="connsiteY17" fmla="*/ 0 h 3960000"/>
              <a:gd name="connsiteX18" fmla="*/ 3651991 w 3960000"/>
              <a:gd name="connsiteY18" fmla="*/ 0 h 3960000"/>
              <a:gd name="connsiteX19" fmla="*/ 3960000 w 3960000"/>
              <a:gd name="connsiteY19" fmla="*/ 308009 h 3960000"/>
              <a:gd name="connsiteX20" fmla="*/ 3960000 w 3960000"/>
              <a:gd name="connsiteY20" fmla="*/ 3651991 h 3960000"/>
              <a:gd name="connsiteX21" fmla="*/ 3651991 w 3960000"/>
              <a:gd name="connsiteY21" fmla="*/ 3960000 h 3960000"/>
              <a:gd name="connsiteX22" fmla="*/ 308009 w 3960000"/>
              <a:gd name="connsiteY22" fmla="*/ 3960000 h 3960000"/>
              <a:gd name="connsiteX23" fmla="*/ 0 w 3960000"/>
              <a:gd name="connsiteY23" fmla="*/ 3651991 h 3960000"/>
              <a:gd name="connsiteX24" fmla="*/ 0 w 3960000"/>
              <a:gd name="connsiteY24" fmla="*/ 308009 h 3960000"/>
              <a:gd name="connsiteX25" fmla="*/ 308009 w 3960000"/>
              <a:gd name="connsiteY25" fmla="*/ 0 h 3960000"/>
              <a:gd name="connsiteX0" fmla="*/ 2841893 w 3960000"/>
              <a:gd name="connsiteY0" fmla="*/ 181064 h 3960000"/>
              <a:gd name="connsiteX1" fmla="*/ 2105790 w 3960000"/>
              <a:gd name="connsiteY1" fmla="*/ 859562 h 3960000"/>
              <a:gd name="connsiteX2" fmla="*/ 2106860 w 3960000"/>
              <a:gd name="connsiteY2" fmla="*/ 863292 h 3960000"/>
              <a:gd name="connsiteX3" fmla="*/ 2106860 w 3960000"/>
              <a:gd name="connsiteY3" fmla="*/ 1248172 h 3960000"/>
              <a:gd name="connsiteX4" fmla="*/ 1691968 w 3960000"/>
              <a:gd name="connsiteY4" fmla="*/ 1248172 h 3960000"/>
              <a:gd name="connsiteX5" fmla="*/ 1691968 w 3960000"/>
              <a:gd name="connsiteY5" fmla="*/ 1824236 h 3960000"/>
              <a:gd name="connsiteX6" fmla="*/ 2106860 w 3960000"/>
              <a:gd name="connsiteY6" fmla="*/ 1824236 h 3960000"/>
              <a:gd name="connsiteX7" fmla="*/ 2106860 w 3960000"/>
              <a:gd name="connsiteY7" fmla="*/ 3779396 h 3960000"/>
              <a:gd name="connsiteX8" fmla="*/ 2754932 w 3960000"/>
              <a:gd name="connsiteY8" fmla="*/ 3779396 h 3960000"/>
              <a:gd name="connsiteX9" fmla="*/ 2754932 w 3960000"/>
              <a:gd name="connsiteY9" fmla="*/ 1824236 h 3960000"/>
              <a:gd name="connsiteX10" fmla="*/ 3305869 w 3960000"/>
              <a:gd name="connsiteY10" fmla="*/ 1813665 h 3960000"/>
              <a:gd name="connsiteX11" fmla="*/ 3348152 w 3960000"/>
              <a:gd name="connsiteY11" fmla="*/ 1248172 h 3960000"/>
              <a:gd name="connsiteX12" fmla="*/ 2754932 w 3960000"/>
              <a:gd name="connsiteY12" fmla="*/ 1248172 h 3960000"/>
              <a:gd name="connsiteX13" fmla="*/ 2754932 w 3960000"/>
              <a:gd name="connsiteY13" fmla="*/ 907124 h 3960000"/>
              <a:gd name="connsiteX14" fmla="*/ 3369037 w 3960000"/>
              <a:gd name="connsiteY14" fmla="*/ 704441 h 3960000"/>
              <a:gd name="connsiteX15" fmla="*/ 3432095 w 3960000"/>
              <a:gd name="connsiteY15" fmla="*/ 238945 h 3960000"/>
              <a:gd name="connsiteX16" fmla="*/ 2841893 w 3960000"/>
              <a:gd name="connsiteY16" fmla="*/ 181064 h 3960000"/>
              <a:gd name="connsiteX17" fmla="*/ 308009 w 3960000"/>
              <a:gd name="connsiteY17" fmla="*/ 0 h 3960000"/>
              <a:gd name="connsiteX18" fmla="*/ 3651991 w 3960000"/>
              <a:gd name="connsiteY18" fmla="*/ 0 h 3960000"/>
              <a:gd name="connsiteX19" fmla="*/ 3960000 w 3960000"/>
              <a:gd name="connsiteY19" fmla="*/ 308009 h 3960000"/>
              <a:gd name="connsiteX20" fmla="*/ 3960000 w 3960000"/>
              <a:gd name="connsiteY20" fmla="*/ 3651991 h 3960000"/>
              <a:gd name="connsiteX21" fmla="*/ 3651991 w 3960000"/>
              <a:gd name="connsiteY21" fmla="*/ 3960000 h 3960000"/>
              <a:gd name="connsiteX22" fmla="*/ 308009 w 3960000"/>
              <a:gd name="connsiteY22" fmla="*/ 3960000 h 3960000"/>
              <a:gd name="connsiteX23" fmla="*/ 0 w 3960000"/>
              <a:gd name="connsiteY23" fmla="*/ 3651991 h 3960000"/>
              <a:gd name="connsiteX24" fmla="*/ 0 w 3960000"/>
              <a:gd name="connsiteY24" fmla="*/ 308009 h 3960000"/>
              <a:gd name="connsiteX25" fmla="*/ 308009 w 3960000"/>
              <a:gd name="connsiteY25" fmla="*/ 0 h 3960000"/>
              <a:gd name="connsiteX0" fmla="*/ 2841893 w 3960000"/>
              <a:gd name="connsiteY0" fmla="*/ 181064 h 3960000"/>
              <a:gd name="connsiteX1" fmla="*/ 2105790 w 3960000"/>
              <a:gd name="connsiteY1" fmla="*/ 859562 h 3960000"/>
              <a:gd name="connsiteX2" fmla="*/ 2106860 w 3960000"/>
              <a:gd name="connsiteY2" fmla="*/ 863292 h 3960000"/>
              <a:gd name="connsiteX3" fmla="*/ 2106860 w 3960000"/>
              <a:gd name="connsiteY3" fmla="*/ 1248172 h 3960000"/>
              <a:gd name="connsiteX4" fmla="*/ 1691968 w 3960000"/>
              <a:gd name="connsiteY4" fmla="*/ 1248172 h 3960000"/>
              <a:gd name="connsiteX5" fmla="*/ 1691968 w 3960000"/>
              <a:gd name="connsiteY5" fmla="*/ 1824236 h 3960000"/>
              <a:gd name="connsiteX6" fmla="*/ 2106860 w 3960000"/>
              <a:gd name="connsiteY6" fmla="*/ 1824236 h 3960000"/>
              <a:gd name="connsiteX7" fmla="*/ 2106860 w 3960000"/>
              <a:gd name="connsiteY7" fmla="*/ 3779396 h 3960000"/>
              <a:gd name="connsiteX8" fmla="*/ 2754932 w 3960000"/>
              <a:gd name="connsiteY8" fmla="*/ 3779396 h 3960000"/>
              <a:gd name="connsiteX9" fmla="*/ 2754932 w 3960000"/>
              <a:gd name="connsiteY9" fmla="*/ 1824236 h 3960000"/>
              <a:gd name="connsiteX10" fmla="*/ 3305869 w 3960000"/>
              <a:gd name="connsiteY10" fmla="*/ 1813665 h 3960000"/>
              <a:gd name="connsiteX11" fmla="*/ 3348152 w 3960000"/>
              <a:gd name="connsiteY11" fmla="*/ 1248172 h 3960000"/>
              <a:gd name="connsiteX12" fmla="*/ 2754932 w 3960000"/>
              <a:gd name="connsiteY12" fmla="*/ 1248172 h 3960000"/>
              <a:gd name="connsiteX13" fmla="*/ 2754932 w 3960000"/>
              <a:gd name="connsiteY13" fmla="*/ 907124 h 3960000"/>
              <a:gd name="connsiteX14" fmla="*/ 3369037 w 3960000"/>
              <a:gd name="connsiteY14" fmla="*/ 704441 h 3960000"/>
              <a:gd name="connsiteX15" fmla="*/ 3432095 w 3960000"/>
              <a:gd name="connsiteY15" fmla="*/ 238945 h 3960000"/>
              <a:gd name="connsiteX16" fmla="*/ 2841893 w 3960000"/>
              <a:gd name="connsiteY16" fmla="*/ 181064 h 3960000"/>
              <a:gd name="connsiteX17" fmla="*/ 308009 w 3960000"/>
              <a:gd name="connsiteY17" fmla="*/ 0 h 3960000"/>
              <a:gd name="connsiteX18" fmla="*/ 3651991 w 3960000"/>
              <a:gd name="connsiteY18" fmla="*/ 0 h 3960000"/>
              <a:gd name="connsiteX19" fmla="*/ 3960000 w 3960000"/>
              <a:gd name="connsiteY19" fmla="*/ 308009 h 3960000"/>
              <a:gd name="connsiteX20" fmla="*/ 3960000 w 3960000"/>
              <a:gd name="connsiteY20" fmla="*/ 3651991 h 3960000"/>
              <a:gd name="connsiteX21" fmla="*/ 3651991 w 3960000"/>
              <a:gd name="connsiteY21" fmla="*/ 3960000 h 3960000"/>
              <a:gd name="connsiteX22" fmla="*/ 308009 w 3960000"/>
              <a:gd name="connsiteY22" fmla="*/ 3960000 h 3960000"/>
              <a:gd name="connsiteX23" fmla="*/ 0 w 3960000"/>
              <a:gd name="connsiteY23" fmla="*/ 3651991 h 3960000"/>
              <a:gd name="connsiteX24" fmla="*/ 0 w 3960000"/>
              <a:gd name="connsiteY24" fmla="*/ 308009 h 3960000"/>
              <a:gd name="connsiteX25" fmla="*/ 308009 w 3960000"/>
              <a:gd name="connsiteY25" fmla="*/ 0 h 3960000"/>
              <a:gd name="connsiteX0" fmla="*/ 2841893 w 3960000"/>
              <a:gd name="connsiteY0" fmla="*/ 181064 h 3960000"/>
              <a:gd name="connsiteX1" fmla="*/ 2105790 w 3960000"/>
              <a:gd name="connsiteY1" fmla="*/ 859562 h 3960000"/>
              <a:gd name="connsiteX2" fmla="*/ 2106860 w 3960000"/>
              <a:gd name="connsiteY2" fmla="*/ 863292 h 3960000"/>
              <a:gd name="connsiteX3" fmla="*/ 2106860 w 3960000"/>
              <a:gd name="connsiteY3" fmla="*/ 1248172 h 3960000"/>
              <a:gd name="connsiteX4" fmla="*/ 1691968 w 3960000"/>
              <a:gd name="connsiteY4" fmla="*/ 1248172 h 3960000"/>
              <a:gd name="connsiteX5" fmla="*/ 1691968 w 3960000"/>
              <a:gd name="connsiteY5" fmla="*/ 1824236 h 3960000"/>
              <a:gd name="connsiteX6" fmla="*/ 2106860 w 3960000"/>
              <a:gd name="connsiteY6" fmla="*/ 1824236 h 3960000"/>
              <a:gd name="connsiteX7" fmla="*/ 2106860 w 3960000"/>
              <a:gd name="connsiteY7" fmla="*/ 3779396 h 3960000"/>
              <a:gd name="connsiteX8" fmla="*/ 2754932 w 3960000"/>
              <a:gd name="connsiteY8" fmla="*/ 3779396 h 3960000"/>
              <a:gd name="connsiteX9" fmla="*/ 2754932 w 3960000"/>
              <a:gd name="connsiteY9" fmla="*/ 1824236 h 3960000"/>
              <a:gd name="connsiteX10" fmla="*/ 3305869 w 3960000"/>
              <a:gd name="connsiteY10" fmla="*/ 1813665 h 3960000"/>
              <a:gd name="connsiteX11" fmla="*/ 3348152 w 3960000"/>
              <a:gd name="connsiteY11" fmla="*/ 1248172 h 3960000"/>
              <a:gd name="connsiteX12" fmla="*/ 2754932 w 3960000"/>
              <a:gd name="connsiteY12" fmla="*/ 1248172 h 3960000"/>
              <a:gd name="connsiteX13" fmla="*/ 2754932 w 3960000"/>
              <a:gd name="connsiteY13" fmla="*/ 907124 h 3960000"/>
              <a:gd name="connsiteX14" fmla="*/ 3369037 w 3960000"/>
              <a:gd name="connsiteY14" fmla="*/ 704441 h 3960000"/>
              <a:gd name="connsiteX15" fmla="*/ 3410216 w 3960000"/>
              <a:gd name="connsiteY15" fmla="*/ 195189 h 3960000"/>
              <a:gd name="connsiteX16" fmla="*/ 2841893 w 3960000"/>
              <a:gd name="connsiteY16" fmla="*/ 181064 h 3960000"/>
              <a:gd name="connsiteX17" fmla="*/ 308009 w 3960000"/>
              <a:gd name="connsiteY17" fmla="*/ 0 h 3960000"/>
              <a:gd name="connsiteX18" fmla="*/ 3651991 w 3960000"/>
              <a:gd name="connsiteY18" fmla="*/ 0 h 3960000"/>
              <a:gd name="connsiteX19" fmla="*/ 3960000 w 3960000"/>
              <a:gd name="connsiteY19" fmla="*/ 308009 h 3960000"/>
              <a:gd name="connsiteX20" fmla="*/ 3960000 w 3960000"/>
              <a:gd name="connsiteY20" fmla="*/ 3651991 h 3960000"/>
              <a:gd name="connsiteX21" fmla="*/ 3651991 w 3960000"/>
              <a:gd name="connsiteY21" fmla="*/ 3960000 h 3960000"/>
              <a:gd name="connsiteX22" fmla="*/ 308009 w 3960000"/>
              <a:gd name="connsiteY22" fmla="*/ 3960000 h 3960000"/>
              <a:gd name="connsiteX23" fmla="*/ 0 w 3960000"/>
              <a:gd name="connsiteY23" fmla="*/ 3651991 h 3960000"/>
              <a:gd name="connsiteX24" fmla="*/ 0 w 3960000"/>
              <a:gd name="connsiteY24" fmla="*/ 308009 h 3960000"/>
              <a:gd name="connsiteX25" fmla="*/ 308009 w 3960000"/>
              <a:gd name="connsiteY25" fmla="*/ 0 h 3960000"/>
              <a:gd name="connsiteX0" fmla="*/ 2841893 w 3960000"/>
              <a:gd name="connsiteY0" fmla="*/ 181064 h 3960000"/>
              <a:gd name="connsiteX1" fmla="*/ 2105790 w 3960000"/>
              <a:gd name="connsiteY1" fmla="*/ 859562 h 3960000"/>
              <a:gd name="connsiteX2" fmla="*/ 2106860 w 3960000"/>
              <a:gd name="connsiteY2" fmla="*/ 863292 h 3960000"/>
              <a:gd name="connsiteX3" fmla="*/ 2106860 w 3960000"/>
              <a:gd name="connsiteY3" fmla="*/ 1248172 h 3960000"/>
              <a:gd name="connsiteX4" fmla="*/ 1691968 w 3960000"/>
              <a:gd name="connsiteY4" fmla="*/ 1248172 h 3960000"/>
              <a:gd name="connsiteX5" fmla="*/ 1691968 w 3960000"/>
              <a:gd name="connsiteY5" fmla="*/ 1824236 h 3960000"/>
              <a:gd name="connsiteX6" fmla="*/ 2106860 w 3960000"/>
              <a:gd name="connsiteY6" fmla="*/ 1824236 h 3960000"/>
              <a:gd name="connsiteX7" fmla="*/ 2106860 w 3960000"/>
              <a:gd name="connsiteY7" fmla="*/ 3779396 h 3960000"/>
              <a:gd name="connsiteX8" fmla="*/ 2754932 w 3960000"/>
              <a:gd name="connsiteY8" fmla="*/ 3779396 h 3960000"/>
              <a:gd name="connsiteX9" fmla="*/ 2754932 w 3960000"/>
              <a:gd name="connsiteY9" fmla="*/ 1824236 h 3960000"/>
              <a:gd name="connsiteX10" fmla="*/ 3305869 w 3960000"/>
              <a:gd name="connsiteY10" fmla="*/ 1813665 h 3960000"/>
              <a:gd name="connsiteX11" fmla="*/ 3348152 w 3960000"/>
              <a:gd name="connsiteY11" fmla="*/ 1248172 h 3960000"/>
              <a:gd name="connsiteX12" fmla="*/ 2754932 w 3960000"/>
              <a:gd name="connsiteY12" fmla="*/ 1248172 h 3960000"/>
              <a:gd name="connsiteX13" fmla="*/ 2754932 w 3960000"/>
              <a:gd name="connsiteY13" fmla="*/ 907124 h 3960000"/>
              <a:gd name="connsiteX14" fmla="*/ 3369037 w 3960000"/>
              <a:gd name="connsiteY14" fmla="*/ 704441 h 3960000"/>
              <a:gd name="connsiteX15" fmla="*/ 3410216 w 3960000"/>
              <a:gd name="connsiteY15" fmla="*/ 195189 h 3960000"/>
              <a:gd name="connsiteX16" fmla="*/ 2841893 w 3960000"/>
              <a:gd name="connsiteY16" fmla="*/ 181064 h 3960000"/>
              <a:gd name="connsiteX17" fmla="*/ 308009 w 3960000"/>
              <a:gd name="connsiteY17" fmla="*/ 0 h 3960000"/>
              <a:gd name="connsiteX18" fmla="*/ 3651991 w 3960000"/>
              <a:gd name="connsiteY18" fmla="*/ 0 h 3960000"/>
              <a:gd name="connsiteX19" fmla="*/ 3960000 w 3960000"/>
              <a:gd name="connsiteY19" fmla="*/ 308009 h 3960000"/>
              <a:gd name="connsiteX20" fmla="*/ 3960000 w 3960000"/>
              <a:gd name="connsiteY20" fmla="*/ 3651991 h 3960000"/>
              <a:gd name="connsiteX21" fmla="*/ 3651991 w 3960000"/>
              <a:gd name="connsiteY21" fmla="*/ 3960000 h 3960000"/>
              <a:gd name="connsiteX22" fmla="*/ 308009 w 3960000"/>
              <a:gd name="connsiteY22" fmla="*/ 3960000 h 3960000"/>
              <a:gd name="connsiteX23" fmla="*/ 0 w 3960000"/>
              <a:gd name="connsiteY23" fmla="*/ 3651991 h 3960000"/>
              <a:gd name="connsiteX24" fmla="*/ 0 w 3960000"/>
              <a:gd name="connsiteY24" fmla="*/ 308009 h 3960000"/>
              <a:gd name="connsiteX25" fmla="*/ 308009 w 3960000"/>
              <a:gd name="connsiteY25" fmla="*/ 0 h 3960000"/>
              <a:gd name="connsiteX0" fmla="*/ 2841893 w 3960000"/>
              <a:gd name="connsiteY0" fmla="*/ 181064 h 3960000"/>
              <a:gd name="connsiteX1" fmla="*/ 2105790 w 3960000"/>
              <a:gd name="connsiteY1" fmla="*/ 859562 h 3960000"/>
              <a:gd name="connsiteX2" fmla="*/ 2106860 w 3960000"/>
              <a:gd name="connsiteY2" fmla="*/ 863292 h 3960000"/>
              <a:gd name="connsiteX3" fmla="*/ 2106860 w 3960000"/>
              <a:gd name="connsiteY3" fmla="*/ 1248172 h 3960000"/>
              <a:gd name="connsiteX4" fmla="*/ 1691968 w 3960000"/>
              <a:gd name="connsiteY4" fmla="*/ 1248172 h 3960000"/>
              <a:gd name="connsiteX5" fmla="*/ 1691968 w 3960000"/>
              <a:gd name="connsiteY5" fmla="*/ 1824236 h 3960000"/>
              <a:gd name="connsiteX6" fmla="*/ 2106860 w 3960000"/>
              <a:gd name="connsiteY6" fmla="*/ 1824236 h 3960000"/>
              <a:gd name="connsiteX7" fmla="*/ 2106860 w 3960000"/>
              <a:gd name="connsiteY7" fmla="*/ 3779396 h 3960000"/>
              <a:gd name="connsiteX8" fmla="*/ 2754932 w 3960000"/>
              <a:gd name="connsiteY8" fmla="*/ 3779396 h 3960000"/>
              <a:gd name="connsiteX9" fmla="*/ 2754932 w 3960000"/>
              <a:gd name="connsiteY9" fmla="*/ 1824236 h 3960000"/>
              <a:gd name="connsiteX10" fmla="*/ 3305869 w 3960000"/>
              <a:gd name="connsiteY10" fmla="*/ 1813665 h 3960000"/>
              <a:gd name="connsiteX11" fmla="*/ 3348152 w 3960000"/>
              <a:gd name="connsiteY11" fmla="*/ 1248172 h 3960000"/>
              <a:gd name="connsiteX12" fmla="*/ 2754932 w 3960000"/>
              <a:gd name="connsiteY12" fmla="*/ 1248172 h 3960000"/>
              <a:gd name="connsiteX13" fmla="*/ 2754932 w 3960000"/>
              <a:gd name="connsiteY13" fmla="*/ 907124 h 3960000"/>
              <a:gd name="connsiteX14" fmla="*/ 3369037 w 3960000"/>
              <a:gd name="connsiteY14" fmla="*/ 704441 h 3960000"/>
              <a:gd name="connsiteX15" fmla="*/ 3410216 w 3960000"/>
              <a:gd name="connsiteY15" fmla="*/ 195189 h 3960000"/>
              <a:gd name="connsiteX16" fmla="*/ 2841893 w 3960000"/>
              <a:gd name="connsiteY16" fmla="*/ 181064 h 3960000"/>
              <a:gd name="connsiteX17" fmla="*/ 308009 w 3960000"/>
              <a:gd name="connsiteY17" fmla="*/ 0 h 3960000"/>
              <a:gd name="connsiteX18" fmla="*/ 3651991 w 3960000"/>
              <a:gd name="connsiteY18" fmla="*/ 0 h 3960000"/>
              <a:gd name="connsiteX19" fmla="*/ 3960000 w 3960000"/>
              <a:gd name="connsiteY19" fmla="*/ 308009 h 3960000"/>
              <a:gd name="connsiteX20" fmla="*/ 3960000 w 3960000"/>
              <a:gd name="connsiteY20" fmla="*/ 3651991 h 3960000"/>
              <a:gd name="connsiteX21" fmla="*/ 3651991 w 3960000"/>
              <a:gd name="connsiteY21" fmla="*/ 3960000 h 3960000"/>
              <a:gd name="connsiteX22" fmla="*/ 308009 w 3960000"/>
              <a:gd name="connsiteY22" fmla="*/ 3960000 h 3960000"/>
              <a:gd name="connsiteX23" fmla="*/ 0 w 3960000"/>
              <a:gd name="connsiteY23" fmla="*/ 3651991 h 3960000"/>
              <a:gd name="connsiteX24" fmla="*/ 0 w 3960000"/>
              <a:gd name="connsiteY24" fmla="*/ 308009 h 3960000"/>
              <a:gd name="connsiteX25" fmla="*/ 308009 w 3960000"/>
              <a:gd name="connsiteY25" fmla="*/ 0 h 396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</a:cxnLst>
            <a:rect l="l" t="t" r="r" b="b"/>
            <a:pathLst>
              <a:path w="3960000" h="3960000">
                <a:moveTo>
                  <a:pt x="2841893" y="181064"/>
                </a:moveTo>
                <a:cubicBezTo>
                  <a:pt x="2485731" y="190239"/>
                  <a:pt x="2106781" y="339266"/>
                  <a:pt x="2105790" y="859562"/>
                </a:cubicBezTo>
                <a:lnTo>
                  <a:pt x="2106860" y="863292"/>
                </a:lnTo>
                <a:lnTo>
                  <a:pt x="2106860" y="1248172"/>
                </a:lnTo>
                <a:lnTo>
                  <a:pt x="1691968" y="1248172"/>
                </a:lnTo>
                <a:lnTo>
                  <a:pt x="1691968" y="1824236"/>
                </a:lnTo>
                <a:lnTo>
                  <a:pt x="2106860" y="1824236"/>
                </a:lnTo>
                <a:lnTo>
                  <a:pt x="2106860" y="3779396"/>
                </a:lnTo>
                <a:lnTo>
                  <a:pt x="2754932" y="3779396"/>
                </a:lnTo>
                <a:lnTo>
                  <a:pt x="2754932" y="1824236"/>
                </a:lnTo>
                <a:lnTo>
                  <a:pt x="3305869" y="1813665"/>
                </a:lnTo>
                <a:lnTo>
                  <a:pt x="3348152" y="1248172"/>
                </a:lnTo>
                <a:lnTo>
                  <a:pt x="2754932" y="1248172"/>
                </a:lnTo>
                <a:lnTo>
                  <a:pt x="2754932" y="907124"/>
                </a:lnTo>
                <a:cubicBezTo>
                  <a:pt x="2746287" y="682909"/>
                  <a:pt x="3126764" y="685506"/>
                  <a:pt x="3369037" y="704441"/>
                </a:cubicBezTo>
                <a:cubicBezTo>
                  <a:pt x="3391941" y="556446"/>
                  <a:pt x="3409927" y="381656"/>
                  <a:pt x="3410216" y="195189"/>
                </a:cubicBezTo>
                <a:cubicBezTo>
                  <a:pt x="3239930" y="163882"/>
                  <a:pt x="3118909" y="173928"/>
                  <a:pt x="2841893" y="181064"/>
                </a:cubicBezTo>
                <a:close/>
                <a:moveTo>
                  <a:pt x="308009" y="0"/>
                </a:moveTo>
                <a:lnTo>
                  <a:pt x="3651991" y="0"/>
                </a:lnTo>
                <a:cubicBezTo>
                  <a:pt x="3822100" y="0"/>
                  <a:pt x="3960000" y="137900"/>
                  <a:pt x="3960000" y="308009"/>
                </a:cubicBezTo>
                <a:lnTo>
                  <a:pt x="3960000" y="3651991"/>
                </a:lnTo>
                <a:cubicBezTo>
                  <a:pt x="3960000" y="3822100"/>
                  <a:pt x="3822100" y="3960000"/>
                  <a:pt x="3651991" y="3960000"/>
                </a:cubicBezTo>
                <a:lnTo>
                  <a:pt x="308009" y="3960000"/>
                </a:lnTo>
                <a:cubicBezTo>
                  <a:pt x="137900" y="3960000"/>
                  <a:pt x="0" y="3822100"/>
                  <a:pt x="0" y="3651991"/>
                </a:cubicBezTo>
                <a:lnTo>
                  <a:pt x="0" y="308009"/>
                </a:lnTo>
                <a:cubicBezTo>
                  <a:pt x="0" y="137900"/>
                  <a:pt x="137900" y="0"/>
                  <a:pt x="308009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101" name="Rounded Rectangle 10">
            <a:extLst>
              <a:ext uri="{FF2B5EF4-FFF2-40B4-BE49-F238E27FC236}">
                <a16:creationId xmlns:a16="http://schemas.microsoft.com/office/drawing/2014/main" id="{798E328E-1056-4BD6-8D0A-FEC675AE63E6}"/>
              </a:ext>
            </a:extLst>
          </p:cNvPr>
          <p:cNvSpPr>
            <a:spLocks noChangeAspect="1"/>
          </p:cNvSpPr>
          <p:nvPr/>
        </p:nvSpPr>
        <p:spPr>
          <a:xfrm>
            <a:off x="7836637" y="5624208"/>
            <a:ext cx="521115" cy="529812"/>
          </a:xfrm>
          <a:custGeom>
            <a:avLst/>
            <a:gdLst/>
            <a:ahLst/>
            <a:cxnLst/>
            <a:rect l="l" t="t" r="r" b="b"/>
            <a:pathLst>
              <a:path w="3186824" h="3240000">
                <a:moveTo>
                  <a:pt x="2141174" y="1384899"/>
                </a:moveTo>
                <a:lnTo>
                  <a:pt x="2141174" y="1528887"/>
                </a:lnTo>
                <a:lnTo>
                  <a:pt x="1997174" y="1528887"/>
                </a:lnTo>
                <a:lnTo>
                  <a:pt x="1997174" y="1744911"/>
                </a:lnTo>
                <a:lnTo>
                  <a:pt x="2141174" y="1744911"/>
                </a:lnTo>
                <a:lnTo>
                  <a:pt x="2141174" y="1888899"/>
                </a:lnTo>
                <a:lnTo>
                  <a:pt x="2357174" y="1888899"/>
                </a:lnTo>
                <a:lnTo>
                  <a:pt x="2357174" y="1744911"/>
                </a:lnTo>
                <a:lnTo>
                  <a:pt x="2501174" y="1744911"/>
                </a:lnTo>
                <a:lnTo>
                  <a:pt x="2501174" y="1528887"/>
                </a:lnTo>
                <a:lnTo>
                  <a:pt x="2357174" y="1528887"/>
                </a:lnTo>
                <a:lnTo>
                  <a:pt x="2357174" y="1384899"/>
                </a:lnTo>
                <a:close/>
                <a:moveTo>
                  <a:pt x="1286582" y="1008157"/>
                </a:moveTo>
                <a:cubicBezTo>
                  <a:pt x="1148208" y="1006486"/>
                  <a:pt x="1009270" y="1051569"/>
                  <a:pt x="894997" y="1143711"/>
                </a:cubicBezTo>
                <a:cubicBezTo>
                  <a:pt x="666451" y="1327995"/>
                  <a:pt x="600947" y="1648602"/>
                  <a:pt x="738892" y="1907765"/>
                </a:cubicBezTo>
                <a:cubicBezTo>
                  <a:pt x="876837" y="2166928"/>
                  <a:pt x="1179371" y="2291639"/>
                  <a:pt x="1459875" y="2204971"/>
                </a:cubicBezTo>
                <a:cubicBezTo>
                  <a:pt x="1676459" y="2138053"/>
                  <a:pt x="1832801" y="1959669"/>
                  <a:pt x="1876637" y="1747242"/>
                </a:cubicBezTo>
                <a:lnTo>
                  <a:pt x="1879565" y="1747242"/>
                </a:lnTo>
                <a:lnTo>
                  <a:pt x="1879565" y="1728291"/>
                </a:lnTo>
                <a:cubicBezTo>
                  <a:pt x="1891883" y="1671800"/>
                  <a:pt x="1894168" y="1612713"/>
                  <a:pt x="1887545" y="1552862"/>
                </a:cubicBezTo>
                <a:lnTo>
                  <a:pt x="1879565" y="1553745"/>
                </a:lnTo>
                <a:lnTo>
                  <a:pt x="1879565" y="1531218"/>
                </a:lnTo>
                <a:lnTo>
                  <a:pt x="1231565" y="1531218"/>
                </a:lnTo>
                <a:lnTo>
                  <a:pt x="1231565" y="1747242"/>
                </a:lnTo>
                <a:lnTo>
                  <a:pt x="1565835" y="1747242"/>
                </a:lnTo>
                <a:cubicBezTo>
                  <a:pt x="1530201" y="1827940"/>
                  <a:pt x="1460959" y="1892348"/>
                  <a:pt x="1371795" y="1919897"/>
                </a:cubicBezTo>
                <a:cubicBezTo>
                  <a:pt x="1228031" y="1964316"/>
                  <a:pt x="1072976" y="1900399"/>
                  <a:pt x="1002277" y="1767573"/>
                </a:cubicBezTo>
                <a:cubicBezTo>
                  <a:pt x="931578" y="1634747"/>
                  <a:pt x="965150" y="1470429"/>
                  <a:pt x="1082284" y="1375980"/>
                </a:cubicBezTo>
                <a:cubicBezTo>
                  <a:pt x="1199418" y="1281531"/>
                  <a:pt x="1367118" y="1283556"/>
                  <a:pt x="1481937" y="1380807"/>
                </a:cubicBezTo>
                <a:lnTo>
                  <a:pt x="1674778" y="1153129"/>
                </a:lnTo>
                <a:cubicBezTo>
                  <a:pt x="1562764" y="1058254"/>
                  <a:pt x="1424955" y="1009828"/>
                  <a:pt x="1286582" y="1008157"/>
                </a:cubicBezTo>
                <a:close/>
                <a:moveTo>
                  <a:pt x="293028" y="0"/>
                </a:moveTo>
                <a:lnTo>
                  <a:pt x="2893796" y="0"/>
                </a:lnTo>
                <a:cubicBezTo>
                  <a:pt x="3055631" y="0"/>
                  <a:pt x="3186824" y="131193"/>
                  <a:pt x="3186824" y="293028"/>
                </a:cubicBezTo>
                <a:lnTo>
                  <a:pt x="3186824" y="2946972"/>
                </a:lnTo>
                <a:cubicBezTo>
                  <a:pt x="3186824" y="3108807"/>
                  <a:pt x="3055631" y="3240000"/>
                  <a:pt x="2893796" y="3240000"/>
                </a:cubicBezTo>
                <a:lnTo>
                  <a:pt x="293028" y="3240000"/>
                </a:lnTo>
                <a:cubicBezTo>
                  <a:pt x="131193" y="3240000"/>
                  <a:pt x="0" y="3108807"/>
                  <a:pt x="0" y="2946972"/>
                </a:cubicBezTo>
                <a:lnTo>
                  <a:pt x="0" y="293028"/>
                </a:lnTo>
                <a:cubicBezTo>
                  <a:pt x="0" y="131193"/>
                  <a:pt x="131193" y="0"/>
                  <a:pt x="293028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102" name="Block Arc 6">
            <a:extLst>
              <a:ext uri="{FF2B5EF4-FFF2-40B4-BE49-F238E27FC236}">
                <a16:creationId xmlns:a16="http://schemas.microsoft.com/office/drawing/2014/main" id="{62965521-2EFF-4BE9-866C-3D9369FA5C74}"/>
              </a:ext>
            </a:extLst>
          </p:cNvPr>
          <p:cNvSpPr/>
          <p:nvPr/>
        </p:nvSpPr>
        <p:spPr>
          <a:xfrm>
            <a:off x="8626102" y="5660698"/>
            <a:ext cx="488516" cy="493322"/>
          </a:xfrm>
          <a:custGeom>
            <a:avLst/>
            <a:gdLst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91651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3004976 w 3221102"/>
              <a:gd name="connsiteY13" fmla="*/ 2356675 h 3221116"/>
              <a:gd name="connsiteX14" fmla="*/ 2585849 w 3221102"/>
              <a:gd name="connsiteY14" fmla="*/ 2588887 h 3221116"/>
              <a:gd name="connsiteX15" fmla="*/ 1973374 w 3221102"/>
              <a:gd name="connsiteY15" fmla="*/ 2195096 h 3221116"/>
              <a:gd name="connsiteX16" fmla="*/ 1390827 w 3221102"/>
              <a:gd name="connsiteY16" fmla="*/ 2527630 h 3221116"/>
              <a:gd name="connsiteX17" fmla="*/ 783896 w 3221102"/>
              <a:gd name="connsiteY17" fmla="*/ 1665044 h 3221116"/>
              <a:gd name="connsiteX18" fmla="*/ 1268509 w 3221102"/>
              <a:gd name="connsiteY18" fmla="*/ 819983 h 3221116"/>
              <a:gd name="connsiteX19" fmla="*/ 1328805 w 3221102"/>
              <a:gd name="connsiteY19" fmla="*/ 807930 h 3221116"/>
              <a:gd name="connsiteX20" fmla="*/ 1390827 w 3221102"/>
              <a:gd name="connsiteY20" fmla="*/ 802457 h 3221116"/>
              <a:gd name="connsiteX21" fmla="*/ 1462242 w 3221102"/>
              <a:gd name="connsiteY21" fmla="*/ 801708 h 3221116"/>
              <a:gd name="connsiteX22" fmla="*/ 1734726 w 3221102"/>
              <a:gd name="connsiteY22" fmla="*/ 869255 h 3221116"/>
              <a:gd name="connsiteX23" fmla="*/ 1956122 w 3221102"/>
              <a:gd name="connsiteY23" fmla="*/ 1110076 h 3221116"/>
              <a:gd name="connsiteX24" fmla="*/ 1973374 w 3221102"/>
              <a:gd name="connsiteY24" fmla="*/ 875315 h 3221116"/>
              <a:gd name="connsiteX25" fmla="*/ 2333414 w 3221102"/>
              <a:gd name="connsiteY25" fmla="*/ 875315 h 3221116"/>
              <a:gd name="connsiteX26" fmla="*/ 2324788 w 3221102"/>
              <a:gd name="connsiteY26" fmla="*/ 2054049 h 3221116"/>
              <a:gd name="connsiteX27" fmla="*/ 2661746 w 3221102"/>
              <a:gd name="connsiteY27" fmla="*/ 2179658 h 3221116"/>
              <a:gd name="connsiteX28" fmla="*/ 2691046 w 3221102"/>
              <a:gd name="connsiteY28" fmla="*/ 2188689 h 3221116"/>
              <a:gd name="connsiteX29" fmla="*/ 2667011 w 3221102"/>
              <a:gd name="connsiteY29" fmla="*/ 2175828 h 3221116"/>
              <a:gd name="connsiteX30" fmla="*/ 2332141 w 3221102"/>
              <a:gd name="connsiteY30" fmla="*/ 653899 h 3221116"/>
              <a:gd name="connsiteX31" fmla="*/ 776764 w 3221102"/>
              <a:gd name="connsiteY31" fmla="*/ 749845 h 3221116"/>
              <a:gd name="connsiteX32" fmla="*/ 631487 w 3221102"/>
              <a:gd name="connsiteY32" fmla="*/ 2301392 h 3221116"/>
              <a:gd name="connsiteX33" fmla="*/ 2142017 w 3221102"/>
              <a:gd name="connsiteY33" fmla="*/ 2684410 h 3221116"/>
              <a:gd name="connsiteX34" fmla="*/ 2324866 w 3221102"/>
              <a:gd name="connsiteY34" fmla="*/ 3053856 h 3221116"/>
              <a:gd name="connsiteX35" fmla="*/ 294693 w 3221102"/>
              <a:gd name="connsiteY35" fmla="*/ 2539075 h 3221116"/>
              <a:gd name="connsiteX36" fmla="*/ 489947 w 3221102"/>
              <a:gd name="connsiteY36" fmla="*/ 453774 h 3221116"/>
              <a:gd name="connsiteX37" fmla="*/ 1651152 w 3221102"/>
              <a:gd name="connsiteY37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91651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3004976 w 3221102"/>
              <a:gd name="connsiteY13" fmla="*/ 2356675 h 3221116"/>
              <a:gd name="connsiteX14" fmla="*/ 2585849 w 3221102"/>
              <a:gd name="connsiteY14" fmla="*/ 2588887 h 3221116"/>
              <a:gd name="connsiteX15" fmla="*/ 1973374 w 3221102"/>
              <a:gd name="connsiteY15" fmla="*/ 2195096 h 3221116"/>
              <a:gd name="connsiteX16" fmla="*/ 1390827 w 3221102"/>
              <a:gd name="connsiteY16" fmla="*/ 2527630 h 3221116"/>
              <a:gd name="connsiteX17" fmla="*/ 783896 w 3221102"/>
              <a:gd name="connsiteY17" fmla="*/ 1665044 h 3221116"/>
              <a:gd name="connsiteX18" fmla="*/ 1268509 w 3221102"/>
              <a:gd name="connsiteY18" fmla="*/ 819983 h 3221116"/>
              <a:gd name="connsiteX19" fmla="*/ 1328805 w 3221102"/>
              <a:gd name="connsiteY19" fmla="*/ 807930 h 3221116"/>
              <a:gd name="connsiteX20" fmla="*/ 1390827 w 3221102"/>
              <a:gd name="connsiteY20" fmla="*/ 802457 h 3221116"/>
              <a:gd name="connsiteX21" fmla="*/ 1462242 w 3221102"/>
              <a:gd name="connsiteY21" fmla="*/ 801708 h 3221116"/>
              <a:gd name="connsiteX22" fmla="*/ 1734726 w 3221102"/>
              <a:gd name="connsiteY22" fmla="*/ 869255 h 3221116"/>
              <a:gd name="connsiteX23" fmla="*/ 1956122 w 3221102"/>
              <a:gd name="connsiteY23" fmla="*/ 1110076 h 3221116"/>
              <a:gd name="connsiteX24" fmla="*/ 1973374 w 3221102"/>
              <a:gd name="connsiteY24" fmla="*/ 875315 h 3221116"/>
              <a:gd name="connsiteX25" fmla="*/ 2333414 w 3221102"/>
              <a:gd name="connsiteY25" fmla="*/ 875315 h 3221116"/>
              <a:gd name="connsiteX26" fmla="*/ 2324788 w 3221102"/>
              <a:gd name="connsiteY26" fmla="*/ 2054049 h 3221116"/>
              <a:gd name="connsiteX27" fmla="*/ 2661746 w 3221102"/>
              <a:gd name="connsiteY27" fmla="*/ 2179658 h 3221116"/>
              <a:gd name="connsiteX28" fmla="*/ 2691046 w 3221102"/>
              <a:gd name="connsiteY28" fmla="*/ 2188689 h 3221116"/>
              <a:gd name="connsiteX29" fmla="*/ 2667011 w 3221102"/>
              <a:gd name="connsiteY29" fmla="*/ 2175828 h 3221116"/>
              <a:gd name="connsiteX30" fmla="*/ 2332141 w 3221102"/>
              <a:gd name="connsiteY30" fmla="*/ 653899 h 3221116"/>
              <a:gd name="connsiteX31" fmla="*/ 776764 w 3221102"/>
              <a:gd name="connsiteY31" fmla="*/ 749845 h 3221116"/>
              <a:gd name="connsiteX32" fmla="*/ 631487 w 3221102"/>
              <a:gd name="connsiteY32" fmla="*/ 2301392 h 3221116"/>
              <a:gd name="connsiteX33" fmla="*/ 2142017 w 3221102"/>
              <a:gd name="connsiteY33" fmla="*/ 2684410 h 3221116"/>
              <a:gd name="connsiteX34" fmla="*/ 2324866 w 3221102"/>
              <a:gd name="connsiteY34" fmla="*/ 3053856 h 3221116"/>
              <a:gd name="connsiteX35" fmla="*/ 294693 w 3221102"/>
              <a:gd name="connsiteY35" fmla="*/ 2539075 h 3221116"/>
              <a:gd name="connsiteX36" fmla="*/ 489947 w 3221102"/>
              <a:gd name="connsiteY36" fmla="*/ 453774 h 3221116"/>
              <a:gd name="connsiteX37" fmla="*/ 1651152 w 3221102"/>
              <a:gd name="connsiteY37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91651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3004976 w 3221102"/>
              <a:gd name="connsiteY13" fmla="*/ 2356675 h 3221116"/>
              <a:gd name="connsiteX14" fmla="*/ 2585849 w 3221102"/>
              <a:gd name="connsiteY14" fmla="*/ 2588887 h 3221116"/>
              <a:gd name="connsiteX15" fmla="*/ 1973374 w 3221102"/>
              <a:gd name="connsiteY15" fmla="*/ 2195096 h 3221116"/>
              <a:gd name="connsiteX16" fmla="*/ 1390827 w 3221102"/>
              <a:gd name="connsiteY16" fmla="*/ 2527630 h 3221116"/>
              <a:gd name="connsiteX17" fmla="*/ 783896 w 3221102"/>
              <a:gd name="connsiteY17" fmla="*/ 1665044 h 3221116"/>
              <a:gd name="connsiteX18" fmla="*/ 1268509 w 3221102"/>
              <a:gd name="connsiteY18" fmla="*/ 819983 h 3221116"/>
              <a:gd name="connsiteX19" fmla="*/ 1328805 w 3221102"/>
              <a:gd name="connsiteY19" fmla="*/ 807930 h 3221116"/>
              <a:gd name="connsiteX20" fmla="*/ 1390827 w 3221102"/>
              <a:gd name="connsiteY20" fmla="*/ 802457 h 3221116"/>
              <a:gd name="connsiteX21" fmla="*/ 1462242 w 3221102"/>
              <a:gd name="connsiteY21" fmla="*/ 801708 h 3221116"/>
              <a:gd name="connsiteX22" fmla="*/ 1956122 w 3221102"/>
              <a:gd name="connsiteY22" fmla="*/ 1110076 h 3221116"/>
              <a:gd name="connsiteX23" fmla="*/ 1973374 w 3221102"/>
              <a:gd name="connsiteY23" fmla="*/ 875315 h 3221116"/>
              <a:gd name="connsiteX24" fmla="*/ 2333414 w 3221102"/>
              <a:gd name="connsiteY24" fmla="*/ 875315 h 3221116"/>
              <a:gd name="connsiteX25" fmla="*/ 2324788 w 3221102"/>
              <a:gd name="connsiteY25" fmla="*/ 2054049 h 3221116"/>
              <a:gd name="connsiteX26" fmla="*/ 2661746 w 3221102"/>
              <a:gd name="connsiteY26" fmla="*/ 2179658 h 3221116"/>
              <a:gd name="connsiteX27" fmla="*/ 2691046 w 3221102"/>
              <a:gd name="connsiteY27" fmla="*/ 2188689 h 3221116"/>
              <a:gd name="connsiteX28" fmla="*/ 2667011 w 3221102"/>
              <a:gd name="connsiteY28" fmla="*/ 2175828 h 3221116"/>
              <a:gd name="connsiteX29" fmla="*/ 2332141 w 3221102"/>
              <a:gd name="connsiteY29" fmla="*/ 653899 h 3221116"/>
              <a:gd name="connsiteX30" fmla="*/ 776764 w 3221102"/>
              <a:gd name="connsiteY30" fmla="*/ 749845 h 3221116"/>
              <a:gd name="connsiteX31" fmla="*/ 631487 w 3221102"/>
              <a:gd name="connsiteY31" fmla="*/ 2301392 h 3221116"/>
              <a:gd name="connsiteX32" fmla="*/ 2142017 w 3221102"/>
              <a:gd name="connsiteY32" fmla="*/ 2684410 h 3221116"/>
              <a:gd name="connsiteX33" fmla="*/ 2324866 w 3221102"/>
              <a:gd name="connsiteY33" fmla="*/ 3053856 h 3221116"/>
              <a:gd name="connsiteX34" fmla="*/ 294693 w 3221102"/>
              <a:gd name="connsiteY34" fmla="*/ 2539075 h 3221116"/>
              <a:gd name="connsiteX35" fmla="*/ 489947 w 3221102"/>
              <a:gd name="connsiteY35" fmla="*/ 453774 h 3221116"/>
              <a:gd name="connsiteX36" fmla="*/ 1651152 w 3221102"/>
              <a:gd name="connsiteY36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91651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3004976 w 3221102"/>
              <a:gd name="connsiteY13" fmla="*/ 2356675 h 3221116"/>
              <a:gd name="connsiteX14" fmla="*/ 2585849 w 3221102"/>
              <a:gd name="connsiteY14" fmla="*/ 2588887 h 3221116"/>
              <a:gd name="connsiteX15" fmla="*/ 1973374 w 3221102"/>
              <a:gd name="connsiteY15" fmla="*/ 2195096 h 3221116"/>
              <a:gd name="connsiteX16" fmla="*/ 1390827 w 3221102"/>
              <a:gd name="connsiteY16" fmla="*/ 2527630 h 3221116"/>
              <a:gd name="connsiteX17" fmla="*/ 783896 w 3221102"/>
              <a:gd name="connsiteY17" fmla="*/ 1665044 h 3221116"/>
              <a:gd name="connsiteX18" fmla="*/ 1268509 w 3221102"/>
              <a:gd name="connsiteY18" fmla="*/ 819983 h 3221116"/>
              <a:gd name="connsiteX19" fmla="*/ 1328805 w 3221102"/>
              <a:gd name="connsiteY19" fmla="*/ 807930 h 3221116"/>
              <a:gd name="connsiteX20" fmla="*/ 1390827 w 3221102"/>
              <a:gd name="connsiteY20" fmla="*/ 802457 h 3221116"/>
              <a:gd name="connsiteX21" fmla="*/ 1462242 w 3221102"/>
              <a:gd name="connsiteY21" fmla="*/ 801708 h 3221116"/>
              <a:gd name="connsiteX22" fmla="*/ 1956122 w 3221102"/>
              <a:gd name="connsiteY22" fmla="*/ 1110076 h 3221116"/>
              <a:gd name="connsiteX23" fmla="*/ 1973374 w 3221102"/>
              <a:gd name="connsiteY23" fmla="*/ 875315 h 3221116"/>
              <a:gd name="connsiteX24" fmla="*/ 2333414 w 3221102"/>
              <a:gd name="connsiteY24" fmla="*/ 875315 h 3221116"/>
              <a:gd name="connsiteX25" fmla="*/ 2324788 w 3221102"/>
              <a:gd name="connsiteY25" fmla="*/ 2054049 h 3221116"/>
              <a:gd name="connsiteX26" fmla="*/ 2661746 w 3221102"/>
              <a:gd name="connsiteY26" fmla="*/ 2179658 h 3221116"/>
              <a:gd name="connsiteX27" fmla="*/ 2691046 w 3221102"/>
              <a:gd name="connsiteY27" fmla="*/ 2188689 h 3221116"/>
              <a:gd name="connsiteX28" fmla="*/ 2667011 w 3221102"/>
              <a:gd name="connsiteY28" fmla="*/ 2175828 h 3221116"/>
              <a:gd name="connsiteX29" fmla="*/ 2332141 w 3221102"/>
              <a:gd name="connsiteY29" fmla="*/ 653899 h 3221116"/>
              <a:gd name="connsiteX30" fmla="*/ 776764 w 3221102"/>
              <a:gd name="connsiteY30" fmla="*/ 749845 h 3221116"/>
              <a:gd name="connsiteX31" fmla="*/ 631487 w 3221102"/>
              <a:gd name="connsiteY31" fmla="*/ 2301392 h 3221116"/>
              <a:gd name="connsiteX32" fmla="*/ 2142017 w 3221102"/>
              <a:gd name="connsiteY32" fmla="*/ 2684410 h 3221116"/>
              <a:gd name="connsiteX33" fmla="*/ 2324866 w 3221102"/>
              <a:gd name="connsiteY33" fmla="*/ 3053856 h 3221116"/>
              <a:gd name="connsiteX34" fmla="*/ 294693 w 3221102"/>
              <a:gd name="connsiteY34" fmla="*/ 2539075 h 3221116"/>
              <a:gd name="connsiteX35" fmla="*/ 489947 w 3221102"/>
              <a:gd name="connsiteY35" fmla="*/ 453774 h 3221116"/>
              <a:gd name="connsiteX36" fmla="*/ 1651152 w 3221102"/>
              <a:gd name="connsiteY36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91651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3004976 w 3221102"/>
              <a:gd name="connsiteY13" fmla="*/ 2356675 h 3221116"/>
              <a:gd name="connsiteX14" fmla="*/ 2585849 w 3221102"/>
              <a:gd name="connsiteY14" fmla="*/ 2588887 h 3221116"/>
              <a:gd name="connsiteX15" fmla="*/ 1973374 w 3221102"/>
              <a:gd name="connsiteY15" fmla="*/ 2195096 h 3221116"/>
              <a:gd name="connsiteX16" fmla="*/ 1390827 w 3221102"/>
              <a:gd name="connsiteY16" fmla="*/ 2527630 h 3221116"/>
              <a:gd name="connsiteX17" fmla="*/ 783896 w 3221102"/>
              <a:gd name="connsiteY17" fmla="*/ 1665044 h 3221116"/>
              <a:gd name="connsiteX18" fmla="*/ 1268509 w 3221102"/>
              <a:gd name="connsiteY18" fmla="*/ 819983 h 3221116"/>
              <a:gd name="connsiteX19" fmla="*/ 1328805 w 3221102"/>
              <a:gd name="connsiteY19" fmla="*/ 807930 h 3221116"/>
              <a:gd name="connsiteX20" fmla="*/ 1390827 w 3221102"/>
              <a:gd name="connsiteY20" fmla="*/ 802457 h 3221116"/>
              <a:gd name="connsiteX21" fmla="*/ 1462242 w 3221102"/>
              <a:gd name="connsiteY21" fmla="*/ 801708 h 3221116"/>
              <a:gd name="connsiteX22" fmla="*/ 1956122 w 3221102"/>
              <a:gd name="connsiteY22" fmla="*/ 1110076 h 3221116"/>
              <a:gd name="connsiteX23" fmla="*/ 1973374 w 3221102"/>
              <a:gd name="connsiteY23" fmla="*/ 875315 h 3221116"/>
              <a:gd name="connsiteX24" fmla="*/ 2333414 w 3221102"/>
              <a:gd name="connsiteY24" fmla="*/ 875315 h 3221116"/>
              <a:gd name="connsiteX25" fmla="*/ 2324788 w 3221102"/>
              <a:gd name="connsiteY25" fmla="*/ 2054049 h 3221116"/>
              <a:gd name="connsiteX26" fmla="*/ 2661746 w 3221102"/>
              <a:gd name="connsiteY26" fmla="*/ 2179658 h 3221116"/>
              <a:gd name="connsiteX27" fmla="*/ 2691046 w 3221102"/>
              <a:gd name="connsiteY27" fmla="*/ 2188689 h 3221116"/>
              <a:gd name="connsiteX28" fmla="*/ 2667011 w 3221102"/>
              <a:gd name="connsiteY28" fmla="*/ 2175828 h 3221116"/>
              <a:gd name="connsiteX29" fmla="*/ 2332141 w 3221102"/>
              <a:gd name="connsiteY29" fmla="*/ 653899 h 3221116"/>
              <a:gd name="connsiteX30" fmla="*/ 776764 w 3221102"/>
              <a:gd name="connsiteY30" fmla="*/ 749845 h 3221116"/>
              <a:gd name="connsiteX31" fmla="*/ 631487 w 3221102"/>
              <a:gd name="connsiteY31" fmla="*/ 2301392 h 3221116"/>
              <a:gd name="connsiteX32" fmla="*/ 2142017 w 3221102"/>
              <a:gd name="connsiteY32" fmla="*/ 2684410 h 3221116"/>
              <a:gd name="connsiteX33" fmla="*/ 2324866 w 3221102"/>
              <a:gd name="connsiteY33" fmla="*/ 3053856 h 3221116"/>
              <a:gd name="connsiteX34" fmla="*/ 294693 w 3221102"/>
              <a:gd name="connsiteY34" fmla="*/ 2539075 h 3221116"/>
              <a:gd name="connsiteX35" fmla="*/ 489947 w 3221102"/>
              <a:gd name="connsiteY35" fmla="*/ 453774 h 3221116"/>
              <a:gd name="connsiteX36" fmla="*/ 1651152 w 3221102"/>
              <a:gd name="connsiteY36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14013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3004976 w 3221102"/>
              <a:gd name="connsiteY13" fmla="*/ 2356675 h 3221116"/>
              <a:gd name="connsiteX14" fmla="*/ 2585849 w 3221102"/>
              <a:gd name="connsiteY14" fmla="*/ 2588887 h 3221116"/>
              <a:gd name="connsiteX15" fmla="*/ 1973374 w 3221102"/>
              <a:gd name="connsiteY15" fmla="*/ 2195096 h 3221116"/>
              <a:gd name="connsiteX16" fmla="*/ 1390827 w 3221102"/>
              <a:gd name="connsiteY16" fmla="*/ 2527630 h 3221116"/>
              <a:gd name="connsiteX17" fmla="*/ 783896 w 3221102"/>
              <a:gd name="connsiteY17" fmla="*/ 1665044 h 3221116"/>
              <a:gd name="connsiteX18" fmla="*/ 1268509 w 3221102"/>
              <a:gd name="connsiteY18" fmla="*/ 819983 h 3221116"/>
              <a:gd name="connsiteX19" fmla="*/ 1328805 w 3221102"/>
              <a:gd name="connsiteY19" fmla="*/ 807930 h 3221116"/>
              <a:gd name="connsiteX20" fmla="*/ 1390827 w 3221102"/>
              <a:gd name="connsiteY20" fmla="*/ 802457 h 3221116"/>
              <a:gd name="connsiteX21" fmla="*/ 1462242 w 3221102"/>
              <a:gd name="connsiteY21" fmla="*/ 801708 h 3221116"/>
              <a:gd name="connsiteX22" fmla="*/ 1956122 w 3221102"/>
              <a:gd name="connsiteY22" fmla="*/ 1110076 h 3221116"/>
              <a:gd name="connsiteX23" fmla="*/ 1973374 w 3221102"/>
              <a:gd name="connsiteY23" fmla="*/ 875315 h 3221116"/>
              <a:gd name="connsiteX24" fmla="*/ 2333414 w 3221102"/>
              <a:gd name="connsiteY24" fmla="*/ 875315 h 3221116"/>
              <a:gd name="connsiteX25" fmla="*/ 2324788 w 3221102"/>
              <a:gd name="connsiteY25" fmla="*/ 2054049 h 3221116"/>
              <a:gd name="connsiteX26" fmla="*/ 2661746 w 3221102"/>
              <a:gd name="connsiteY26" fmla="*/ 2179658 h 3221116"/>
              <a:gd name="connsiteX27" fmla="*/ 2691046 w 3221102"/>
              <a:gd name="connsiteY27" fmla="*/ 2188689 h 3221116"/>
              <a:gd name="connsiteX28" fmla="*/ 2667011 w 3221102"/>
              <a:gd name="connsiteY28" fmla="*/ 2175828 h 3221116"/>
              <a:gd name="connsiteX29" fmla="*/ 2332141 w 3221102"/>
              <a:gd name="connsiteY29" fmla="*/ 653899 h 3221116"/>
              <a:gd name="connsiteX30" fmla="*/ 776764 w 3221102"/>
              <a:gd name="connsiteY30" fmla="*/ 749845 h 3221116"/>
              <a:gd name="connsiteX31" fmla="*/ 631487 w 3221102"/>
              <a:gd name="connsiteY31" fmla="*/ 2301392 h 3221116"/>
              <a:gd name="connsiteX32" fmla="*/ 2142017 w 3221102"/>
              <a:gd name="connsiteY32" fmla="*/ 2684410 h 3221116"/>
              <a:gd name="connsiteX33" fmla="*/ 2324866 w 3221102"/>
              <a:gd name="connsiteY33" fmla="*/ 3053856 h 3221116"/>
              <a:gd name="connsiteX34" fmla="*/ 294693 w 3221102"/>
              <a:gd name="connsiteY34" fmla="*/ 2539075 h 3221116"/>
              <a:gd name="connsiteX35" fmla="*/ 489947 w 3221102"/>
              <a:gd name="connsiteY35" fmla="*/ 453774 h 3221116"/>
              <a:gd name="connsiteX36" fmla="*/ 1651152 w 3221102"/>
              <a:gd name="connsiteY36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14013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3004976 w 3221102"/>
              <a:gd name="connsiteY13" fmla="*/ 2356675 h 3221116"/>
              <a:gd name="connsiteX14" fmla="*/ 2585849 w 3221102"/>
              <a:gd name="connsiteY14" fmla="*/ 2588887 h 3221116"/>
              <a:gd name="connsiteX15" fmla="*/ 1973374 w 3221102"/>
              <a:gd name="connsiteY15" fmla="*/ 2195096 h 3221116"/>
              <a:gd name="connsiteX16" fmla="*/ 1390827 w 3221102"/>
              <a:gd name="connsiteY16" fmla="*/ 2527630 h 3221116"/>
              <a:gd name="connsiteX17" fmla="*/ 783896 w 3221102"/>
              <a:gd name="connsiteY17" fmla="*/ 1665044 h 3221116"/>
              <a:gd name="connsiteX18" fmla="*/ 1268509 w 3221102"/>
              <a:gd name="connsiteY18" fmla="*/ 819983 h 3221116"/>
              <a:gd name="connsiteX19" fmla="*/ 1328805 w 3221102"/>
              <a:gd name="connsiteY19" fmla="*/ 807930 h 3221116"/>
              <a:gd name="connsiteX20" fmla="*/ 1390827 w 3221102"/>
              <a:gd name="connsiteY20" fmla="*/ 802457 h 3221116"/>
              <a:gd name="connsiteX21" fmla="*/ 1462242 w 3221102"/>
              <a:gd name="connsiteY21" fmla="*/ 801708 h 3221116"/>
              <a:gd name="connsiteX22" fmla="*/ 1956122 w 3221102"/>
              <a:gd name="connsiteY22" fmla="*/ 1110076 h 3221116"/>
              <a:gd name="connsiteX23" fmla="*/ 1973374 w 3221102"/>
              <a:gd name="connsiteY23" fmla="*/ 875315 h 3221116"/>
              <a:gd name="connsiteX24" fmla="*/ 2333414 w 3221102"/>
              <a:gd name="connsiteY24" fmla="*/ 875315 h 3221116"/>
              <a:gd name="connsiteX25" fmla="*/ 2324788 w 3221102"/>
              <a:gd name="connsiteY25" fmla="*/ 2054049 h 3221116"/>
              <a:gd name="connsiteX26" fmla="*/ 2661746 w 3221102"/>
              <a:gd name="connsiteY26" fmla="*/ 2179658 h 3221116"/>
              <a:gd name="connsiteX27" fmla="*/ 2691046 w 3221102"/>
              <a:gd name="connsiteY27" fmla="*/ 2188689 h 3221116"/>
              <a:gd name="connsiteX28" fmla="*/ 2667011 w 3221102"/>
              <a:gd name="connsiteY28" fmla="*/ 2175828 h 3221116"/>
              <a:gd name="connsiteX29" fmla="*/ 2332141 w 3221102"/>
              <a:gd name="connsiteY29" fmla="*/ 653899 h 3221116"/>
              <a:gd name="connsiteX30" fmla="*/ 776764 w 3221102"/>
              <a:gd name="connsiteY30" fmla="*/ 749845 h 3221116"/>
              <a:gd name="connsiteX31" fmla="*/ 631487 w 3221102"/>
              <a:gd name="connsiteY31" fmla="*/ 2301392 h 3221116"/>
              <a:gd name="connsiteX32" fmla="*/ 2142017 w 3221102"/>
              <a:gd name="connsiteY32" fmla="*/ 2684410 h 3221116"/>
              <a:gd name="connsiteX33" fmla="*/ 2324866 w 3221102"/>
              <a:gd name="connsiteY33" fmla="*/ 3053856 h 3221116"/>
              <a:gd name="connsiteX34" fmla="*/ 294693 w 3221102"/>
              <a:gd name="connsiteY34" fmla="*/ 2539075 h 3221116"/>
              <a:gd name="connsiteX35" fmla="*/ 489947 w 3221102"/>
              <a:gd name="connsiteY35" fmla="*/ 453774 h 3221116"/>
              <a:gd name="connsiteX36" fmla="*/ 1651152 w 3221102"/>
              <a:gd name="connsiteY36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14013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2585849 w 3221102"/>
              <a:gd name="connsiteY13" fmla="*/ 2588887 h 3221116"/>
              <a:gd name="connsiteX14" fmla="*/ 1973374 w 3221102"/>
              <a:gd name="connsiteY14" fmla="*/ 2195096 h 3221116"/>
              <a:gd name="connsiteX15" fmla="*/ 1390827 w 3221102"/>
              <a:gd name="connsiteY15" fmla="*/ 2527630 h 3221116"/>
              <a:gd name="connsiteX16" fmla="*/ 783896 w 3221102"/>
              <a:gd name="connsiteY16" fmla="*/ 1665044 h 3221116"/>
              <a:gd name="connsiteX17" fmla="*/ 1268509 w 3221102"/>
              <a:gd name="connsiteY17" fmla="*/ 819983 h 3221116"/>
              <a:gd name="connsiteX18" fmla="*/ 1328805 w 3221102"/>
              <a:gd name="connsiteY18" fmla="*/ 807930 h 3221116"/>
              <a:gd name="connsiteX19" fmla="*/ 1390827 w 3221102"/>
              <a:gd name="connsiteY19" fmla="*/ 802457 h 3221116"/>
              <a:gd name="connsiteX20" fmla="*/ 1462242 w 3221102"/>
              <a:gd name="connsiteY20" fmla="*/ 801708 h 3221116"/>
              <a:gd name="connsiteX21" fmla="*/ 1956122 w 3221102"/>
              <a:gd name="connsiteY21" fmla="*/ 1110076 h 3221116"/>
              <a:gd name="connsiteX22" fmla="*/ 1973374 w 3221102"/>
              <a:gd name="connsiteY22" fmla="*/ 875315 h 3221116"/>
              <a:gd name="connsiteX23" fmla="*/ 2333414 w 3221102"/>
              <a:gd name="connsiteY23" fmla="*/ 875315 h 3221116"/>
              <a:gd name="connsiteX24" fmla="*/ 2324788 w 3221102"/>
              <a:gd name="connsiteY24" fmla="*/ 2054049 h 3221116"/>
              <a:gd name="connsiteX25" fmla="*/ 2661746 w 3221102"/>
              <a:gd name="connsiteY25" fmla="*/ 2179658 h 3221116"/>
              <a:gd name="connsiteX26" fmla="*/ 2691046 w 3221102"/>
              <a:gd name="connsiteY26" fmla="*/ 2188689 h 3221116"/>
              <a:gd name="connsiteX27" fmla="*/ 2667011 w 3221102"/>
              <a:gd name="connsiteY27" fmla="*/ 2175828 h 3221116"/>
              <a:gd name="connsiteX28" fmla="*/ 2332141 w 3221102"/>
              <a:gd name="connsiteY28" fmla="*/ 653899 h 3221116"/>
              <a:gd name="connsiteX29" fmla="*/ 776764 w 3221102"/>
              <a:gd name="connsiteY29" fmla="*/ 749845 h 3221116"/>
              <a:gd name="connsiteX30" fmla="*/ 631487 w 3221102"/>
              <a:gd name="connsiteY30" fmla="*/ 2301392 h 3221116"/>
              <a:gd name="connsiteX31" fmla="*/ 2142017 w 3221102"/>
              <a:gd name="connsiteY31" fmla="*/ 2684410 h 3221116"/>
              <a:gd name="connsiteX32" fmla="*/ 2324866 w 3221102"/>
              <a:gd name="connsiteY32" fmla="*/ 3053856 h 3221116"/>
              <a:gd name="connsiteX33" fmla="*/ 294693 w 3221102"/>
              <a:gd name="connsiteY33" fmla="*/ 2539075 h 3221116"/>
              <a:gd name="connsiteX34" fmla="*/ 489947 w 3221102"/>
              <a:gd name="connsiteY34" fmla="*/ 453774 h 3221116"/>
              <a:gd name="connsiteX35" fmla="*/ 1651152 w 3221102"/>
              <a:gd name="connsiteY35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14013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2585849 w 3221102"/>
              <a:gd name="connsiteY13" fmla="*/ 2588887 h 3221116"/>
              <a:gd name="connsiteX14" fmla="*/ 1973374 w 3221102"/>
              <a:gd name="connsiteY14" fmla="*/ 2195096 h 3221116"/>
              <a:gd name="connsiteX15" fmla="*/ 1390827 w 3221102"/>
              <a:gd name="connsiteY15" fmla="*/ 2527630 h 3221116"/>
              <a:gd name="connsiteX16" fmla="*/ 783896 w 3221102"/>
              <a:gd name="connsiteY16" fmla="*/ 1665044 h 3221116"/>
              <a:gd name="connsiteX17" fmla="*/ 1268509 w 3221102"/>
              <a:gd name="connsiteY17" fmla="*/ 819983 h 3221116"/>
              <a:gd name="connsiteX18" fmla="*/ 1328805 w 3221102"/>
              <a:gd name="connsiteY18" fmla="*/ 807930 h 3221116"/>
              <a:gd name="connsiteX19" fmla="*/ 1390827 w 3221102"/>
              <a:gd name="connsiteY19" fmla="*/ 802457 h 3221116"/>
              <a:gd name="connsiteX20" fmla="*/ 1462242 w 3221102"/>
              <a:gd name="connsiteY20" fmla="*/ 801708 h 3221116"/>
              <a:gd name="connsiteX21" fmla="*/ 1956122 w 3221102"/>
              <a:gd name="connsiteY21" fmla="*/ 1110076 h 3221116"/>
              <a:gd name="connsiteX22" fmla="*/ 1973374 w 3221102"/>
              <a:gd name="connsiteY22" fmla="*/ 875315 h 3221116"/>
              <a:gd name="connsiteX23" fmla="*/ 2333414 w 3221102"/>
              <a:gd name="connsiteY23" fmla="*/ 875315 h 3221116"/>
              <a:gd name="connsiteX24" fmla="*/ 2324788 w 3221102"/>
              <a:gd name="connsiteY24" fmla="*/ 2054049 h 3221116"/>
              <a:gd name="connsiteX25" fmla="*/ 2661746 w 3221102"/>
              <a:gd name="connsiteY25" fmla="*/ 2179658 h 3221116"/>
              <a:gd name="connsiteX26" fmla="*/ 2691046 w 3221102"/>
              <a:gd name="connsiteY26" fmla="*/ 2188689 h 3221116"/>
              <a:gd name="connsiteX27" fmla="*/ 2667011 w 3221102"/>
              <a:gd name="connsiteY27" fmla="*/ 2175828 h 3221116"/>
              <a:gd name="connsiteX28" fmla="*/ 2332141 w 3221102"/>
              <a:gd name="connsiteY28" fmla="*/ 653899 h 3221116"/>
              <a:gd name="connsiteX29" fmla="*/ 776764 w 3221102"/>
              <a:gd name="connsiteY29" fmla="*/ 749845 h 3221116"/>
              <a:gd name="connsiteX30" fmla="*/ 631487 w 3221102"/>
              <a:gd name="connsiteY30" fmla="*/ 2301392 h 3221116"/>
              <a:gd name="connsiteX31" fmla="*/ 2142017 w 3221102"/>
              <a:gd name="connsiteY31" fmla="*/ 2684410 h 3221116"/>
              <a:gd name="connsiteX32" fmla="*/ 2324866 w 3221102"/>
              <a:gd name="connsiteY32" fmla="*/ 3053856 h 3221116"/>
              <a:gd name="connsiteX33" fmla="*/ 294693 w 3221102"/>
              <a:gd name="connsiteY33" fmla="*/ 2539075 h 3221116"/>
              <a:gd name="connsiteX34" fmla="*/ 489947 w 3221102"/>
              <a:gd name="connsiteY34" fmla="*/ 453774 h 3221116"/>
              <a:gd name="connsiteX35" fmla="*/ 1651152 w 3221102"/>
              <a:gd name="connsiteY35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14013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2585849 w 3221102"/>
              <a:gd name="connsiteY13" fmla="*/ 2588887 h 3221116"/>
              <a:gd name="connsiteX14" fmla="*/ 1973374 w 3221102"/>
              <a:gd name="connsiteY14" fmla="*/ 2195096 h 3221116"/>
              <a:gd name="connsiteX15" fmla="*/ 1390827 w 3221102"/>
              <a:gd name="connsiteY15" fmla="*/ 2527630 h 3221116"/>
              <a:gd name="connsiteX16" fmla="*/ 783896 w 3221102"/>
              <a:gd name="connsiteY16" fmla="*/ 1665044 h 3221116"/>
              <a:gd name="connsiteX17" fmla="*/ 1268509 w 3221102"/>
              <a:gd name="connsiteY17" fmla="*/ 819983 h 3221116"/>
              <a:gd name="connsiteX18" fmla="*/ 1328805 w 3221102"/>
              <a:gd name="connsiteY18" fmla="*/ 807930 h 3221116"/>
              <a:gd name="connsiteX19" fmla="*/ 1390827 w 3221102"/>
              <a:gd name="connsiteY19" fmla="*/ 802457 h 3221116"/>
              <a:gd name="connsiteX20" fmla="*/ 1462242 w 3221102"/>
              <a:gd name="connsiteY20" fmla="*/ 801708 h 3221116"/>
              <a:gd name="connsiteX21" fmla="*/ 1956122 w 3221102"/>
              <a:gd name="connsiteY21" fmla="*/ 1110076 h 3221116"/>
              <a:gd name="connsiteX22" fmla="*/ 1973374 w 3221102"/>
              <a:gd name="connsiteY22" fmla="*/ 875315 h 3221116"/>
              <a:gd name="connsiteX23" fmla="*/ 2333414 w 3221102"/>
              <a:gd name="connsiteY23" fmla="*/ 875315 h 3221116"/>
              <a:gd name="connsiteX24" fmla="*/ 2324788 w 3221102"/>
              <a:gd name="connsiteY24" fmla="*/ 2054049 h 3221116"/>
              <a:gd name="connsiteX25" fmla="*/ 2661746 w 3221102"/>
              <a:gd name="connsiteY25" fmla="*/ 2179658 h 3221116"/>
              <a:gd name="connsiteX26" fmla="*/ 2691046 w 3221102"/>
              <a:gd name="connsiteY26" fmla="*/ 2188689 h 3221116"/>
              <a:gd name="connsiteX27" fmla="*/ 2667011 w 3221102"/>
              <a:gd name="connsiteY27" fmla="*/ 2175828 h 3221116"/>
              <a:gd name="connsiteX28" fmla="*/ 2332141 w 3221102"/>
              <a:gd name="connsiteY28" fmla="*/ 653899 h 3221116"/>
              <a:gd name="connsiteX29" fmla="*/ 776764 w 3221102"/>
              <a:gd name="connsiteY29" fmla="*/ 749845 h 3221116"/>
              <a:gd name="connsiteX30" fmla="*/ 631487 w 3221102"/>
              <a:gd name="connsiteY30" fmla="*/ 2301392 h 3221116"/>
              <a:gd name="connsiteX31" fmla="*/ 2142017 w 3221102"/>
              <a:gd name="connsiteY31" fmla="*/ 2684410 h 3221116"/>
              <a:gd name="connsiteX32" fmla="*/ 2324866 w 3221102"/>
              <a:gd name="connsiteY32" fmla="*/ 3053856 h 3221116"/>
              <a:gd name="connsiteX33" fmla="*/ 294693 w 3221102"/>
              <a:gd name="connsiteY33" fmla="*/ 2539075 h 3221116"/>
              <a:gd name="connsiteX34" fmla="*/ 489947 w 3221102"/>
              <a:gd name="connsiteY34" fmla="*/ 453774 h 3221116"/>
              <a:gd name="connsiteX35" fmla="*/ 1651152 w 3221102"/>
              <a:gd name="connsiteY35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14013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2585849 w 3221102"/>
              <a:gd name="connsiteY13" fmla="*/ 2588887 h 3221116"/>
              <a:gd name="connsiteX14" fmla="*/ 1973374 w 3221102"/>
              <a:gd name="connsiteY14" fmla="*/ 2195096 h 3221116"/>
              <a:gd name="connsiteX15" fmla="*/ 1390827 w 3221102"/>
              <a:gd name="connsiteY15" fmla="*/ 2527630 h 3221116"/>
              <a:gd name="connsiteX16" fmla="*/ 783896 w 3221102"/>
              <a:gd name="connsiteY16" fmla="*/ 1665044 h 3221116"/>
              <a:gd name="connsiteX17" fmla="*/ 1268509 w 3221102"/>
              <a:gd name="connsiteY17" fmla="*/ 819983 h 3221116"/>
              <a:gd name="connsiteX18" fmla="*/ 1328805 w 3221102"/>
              <a:gd name="connsiteY18" fmla="*/ 807930 h 3221116"/>
              <a:gd name="connsiteX19" fmla="*/ 1390827 w 3221102"/>
              <a:gd name="connsiteY19" fmla="*/ 802457 h 3221116"/>
              <a:gd name="connsiteX20" fmla="*/ 1462242 w 3221102"/>
              <a:gd name="connsiteY20" fmla="*/ 801708 h 3221116"/>
              <a:gd name="connsiteX21" fmla="*/ 1956122 w 3221102"/>
              <a:gd name="connsiteY21" fmla="*/ 1110076 h 3221116"/>
              <a:gd name="connsiteX22" fmla="*/ 1973374 w 3221102"/>
              <a:gd name="connsiteY22" fmla="*/ 875315 h 3221116"/>
              <a:gd name="connsiteX23" fmla="*/ 2333414 w 3221102"/>
              <a:gd name="connsiteY23" fmla="*/ 875315 h 3221116"/>
              <a:gd name="connsiteX24" fmla="*/ 2324788 w 3221102"/>
              <a:gd name="connsiteY24" fmla="*/ 2054049 h 3221116"/>
              <a:gd name="connsiteX25" fmla="*/ 2661746 w 3221102"/>
              <a:gd name="connsiteY25" fmla="*/ 2179658 h 3221116"/>
              <a:gd name="connsiteX26" fmla="*/ 2691046 w 3221102"/>
              <a:gd name="connsiteY26" fmla="*/ 2188689 h 3221116"/>
              <a:gd name="connsiteX27" fmla="*/ 2667011 w 3221102"/>
              <a:gd name="connsiteY27" fmla="*/ 2175828 h 3221116"/>
              <a:gd name="connsiteX28" fmla="*/ 2332141 w 3221102"/>
              <a:gd name="connsiteY28" fmla="*/ 653899 h 3221116"/>
              <a:gd name="connsiteX29" fmla="*/ 776764 w 3221102"/>
              <a:gd name="connsiteY29" fmla="*/ 749845 h 3221116"/>
              <a:gd name="connsiteX30" fmla="*/ 631487 w 3221102"/>
              <a:gd name="connsiteY30" fmla="*/ 2301392 h 3221116"/>
              <a:gd name="connsiteX31" fmla="*/ 2142017 w 3221102"/>
              <a:gd name="connsiteY31" fmla="*/ 2684410 h 3221116"/>
              <a:gd name="connsiteX32" fmla="*/ 2324866 w 3221102"/>
              <a:gd name="connsiteY32" fmla="*/ 3053856 h 3221116"/>
              <a:gd name="connsiteX33" fmla="*/ 294693 w 3221102"/>
              <a:gd name="connsiteY33" fmla="*/ 2539075 h 3221116"/>
              <a:gd name="connsiteX34" fmla="*/ 489947 w 3221102"/>
              <a:gd name="connsiteY34" fmla="*/ 453774 h 3221116"/>
              <a:gd name="connsiteX35" fmla="*/ 1651152 w 3221102"/>
              <a:gd name="connsiteY35" fmla="*/ 501 h 3221116"/>
              <a:gd name="connsiteX0" fmla="*/ 2664630 w 3221102"/>
              <a:gd name="connsiteY0" fmla="*/ 2175617 h 3221116"/>
              <a:gd name="connsiteX1" fmla="*/ 2658205 w 3221102"/>
              <a:gd name="connsiteY1" fmla="*/ 2178566 h 3221116"/>
              <a:gd name="connsiteX2" fmla="*/ 2664630 w 3221102"/>
              <a:gd name="connsiteY2" fmla="*/ 2175617 h 3221116"/>
              <a:gd name="connsiteX3" fmla="*/ 1477043 w 3221102"/>
              <a:gd name="connsiteY3" fmla="*/ 1144372 h 3221116"/>
              <a:gd name="connsiteX4" fmla="*/ 1409070 w 3221102"/>
              <a:gd name="connsiteY4" fmla="*/ 1159393 h 3221116"/>
              <a:gd name="connsiteX5" fmla="*/ 1152384 w 3221102"/>
              <a:gd name="connsiteY5" fmla="*/ 1703728 h 3221116"/>
              <a:gd name="connsiteX6" fmla="*/ 1514013 w 3221102"/>
              <a:gd name="connsiteY6" fmla="*/ 2152290 h 3221116"/>
              <a:gd name="connsiteX7" fmla="*/ 1850815 w 3221102"/>
              <a:gd name="connsiteY7" fmla="*/ 1654259 h 3221116"/>
              <a:gd name="connsiteX8" fmla="*/ 1830467 w 3221102"/>
              <a:gd name="connsiteY8" fmla="*/ 1515986 h 3221116"/>
              <a:gd name="connsiteX9" fmla="*/ 1477043 w 3221102"/>
              <a:gd name="connsiteY9" fmla="*/ 1144372 h 3221116"/>
              <a:gd name="connsiteX10" fmla="*/ 1651152 w 3221102"/>
              <a:gd name="connsiteY10" fmla="*/ 501 h 3221116"/>
              <a:gd name="connsiteX11" fmla="*/ 2580395 w 3221102"/>
              <a:gd name="connsiteY11" fmla="*/ 324821 h 3221116"/>
              <a:gd name="connsiteX12" fmla="*/ 3030464 w 3221102"/>
              <a:gd name="connsiteY12" fmla="*/ 2370314 h 3221116"/>
              <a:gd name="connsiteX13" fmla="*/ 2585849 w 3221102"/>
              <a:gd name="connsiteY13" fmla="*/ 2588887 h 3221116"/>
              <a:gd name="connsiteX14" fmla="*/ 1973374 w 3221102"/>
              <a:gd name="connsiteY14" fmla="*/ 2195096 h 3221116"/>
              <a:gd name="connsiteX15" fmla="*/ 1390827 w 3221102"/>
              <a:gd name="connsiteY15" fmla="*/ 2527630 h 3221116"/>
              <a:gd name="connsiteX16" fmla="*/ 783896 w 3221102"/>
              <a:gd name="connsiteY16" fmla="*/ 1665044 h 3221116"/>
              <a:gd name="connsiteX17" fmla="*/ 1268509 w 3221102"/>
              <a:gd name="connsiteY17" fmla="*/ 819983 h 3221116"/>
              <a:gd name="connsiteX18" fmla="*/ 1328805 w 3221102"/>
              <a:gd name="connsiteY18" fmla="*/ 807930 h 3221116"/>
              <a:gd name="connsiteX19" fmla="*/ 1390827 w 3221102"/>
              <a:gd name="connsiteY19" fmla="*/ 802457 h 3221116"/>
              <a:gd name="connsiteX20" fmla="*/ 1462242 w 3221102"/>
              <a:gd name="connsiteY20" fmla="*/ 801708 h 3221116"/>
              <a:gd name="connsiteX21" fmla="*/ 1956122 w 3221102"/>
              <a:gd name="connsiteY21" fmla="*/ 1110076 h 3221116"/>
              <a:gd name="connsiteX22" fmla="*/ 1973374 w 3221102"/>
              <a:gd name="connsiteY22" fmla="*/ 875315 h 3221116"/>
              <a:gd name="connsiteX23" fmla="*/ 2333414 w 3221102"/>
              <a:gd name="connsiteY23" fmla="*/ 875315 h 3221116"/>
              <a:gd name="connsiteX24" fmla="*/ 2324788 w 3221102"/>
              <a:gd name="connsiteY24" fmla="*/ 2054049 h 3221116"/>
              <a:gd name="connsiteX25" fmla="*/ 2661746 w 3221102"/>
              <a:gd name="connsiteY25" fmla="*/ 2179658 h 3221116"/>
              <a:gd name="connsiteX26" fmla="*/ 2691046 w 3221102"/>
              <a:gd name="connsiteY26" fmla="*/ 2188689 h 3221116"/>
              <a:gd name="connsiteX27" fmla="*/ 2667011 w 3221102"/>
              <a:gd name="connsiteY27" fmla="*/ 2175828 h 3221116"/>
              <a:gd name="connsiteX28" fmla="*/ 2332141 w 3221102"/>
              <a:gd name="connsiteY28" fmla="*/ 653899 h 3221116"/>
              <a:gd name="connsiteX29" fmla="*/ 776764 w 3221102"/>
              <a:gd name="connsiteY29" fmla="*/ 749845 h 3221116"/>
              <a:gd name="connsiteX30" fmla="*/ 631487 w 3221102"/>
              <a:gd name="connsiteY30" fmla="*/ 2301392 h 3221116"/>
              <a:gd name="connsiteX31" fmla="*/ 2142017 w 3221102"/>
              <a:gd name="connsiteY31" fmla="*/ 2684410 h 3221116"/>
              <a:gd name="connsiteX32" fmla="*/ 2324866 w 3221102"/>
              <a:gd name="connsiteY32" fmla="*/ 3053856 h 3221116"/>
              <a:gd name="connsiteX33" fmla="*/ 294693 w 3221102"/>
              <a:gd name="connsiteY33" fmla="*/ 2539075 h 3221116"/>
              <a:gd name="connsiteX34" fmla="*/ 489947 w 3221102"/>
              <a:gd name="connsiteY34" fmla="*/ 453774 h 3221116"/>
              <a:gd name="connsiteX35" fmla="*/ 1651152 w 3221102"/>
              <a:gd name="connsiteY35" fmla="*/ 501 h 3221116"/>
              <a:gd name="connsiteX0" fmla="*/ 2664630 w 3151233"/>
              <a:gd name="connsiteY0" fmla="*/ 2175617 h 3221116"/>
              <a:gd name="connsiteX1" fmla="*/ 2658205 w 3151233"/>
              <a:gd name="connsiteY1" fmla="*/ 2178566 h 3221116"/>
              <a:gd name="connsiteX2" fmla="*/ 2664630 w 3151233"/>
              <a:gd name="connsiteY2" fmla="*/ 2175617 h 3221116"/>
              <a:gd name="connsiteX3" fmla="*/ 1477043 w 3151233"/>
              <a:gd name="connsiteY3" fmla="*/ 1144372 h 3221116"/>
              <a:gd name="connsiteX4" fmla="*/ 1409070 w 3151233"/>
              <a:gd name="connsiteY4" fmla="*/ 1159393 h 3221116"/>
              <a:gd name="connsiteX5" fmla="*/ 1152384 w 3151233"/>
              <a:gd name="connsiteY5" fmla="*/ 1703728 h 3221116"/>
              <a:gd name="connsiteX6" fmla="*/ 1514013 w 3151233"/>
              <a:gd name="connsiteY6" fmla="*/ 2152290 h 3221116"/>
              <a:gd name="connsiteX7" fmla="*/ 1850815 w 3151233"/>
              <a:gd name="connsiteY7" fmla="*/ 1654259 h 3221116"/>
              <a:gd name="connsiteX8" fmla="*/ 1830467 w 3151233"/>
              <a:gd name="connsiteY8" fmla="*/ 1515986 h 3221116"/>
              <a:gd name="connsiteX9" fmla="*/ 1477043 w 3151233"/>
              <a:gd name="connsiteY9" fmla="*/ 1144372 h 3221116"/>
              <a:gd name="connsiteX10" fmla="*/ 1651152 w 3151233"/>
              <a:gd name="connsiteY10" fmla="*/ 501 h 3221116"/>
              <a:gd name="connsiteX11" fmla="*/ 2580395 w 3151233"/>
              <a:gd name="connsiteY11" fmla="*/ 324821 h 3221116"/>
              <a:gd name="connsiteX12" fmla="*/ 3030464 w 3151233"/>
              <a:gd name="connsiteY12" fmla="*/ 2249544 h 3221116"/>
              <a:gd name="connsiteX13" fmla="*/ 2585849 w 3151233"/>
              <a:gd name="connsiteY13" fmla="*/ 2588887 h 3221116"/>
              <a:gd name="connsiteX14" fmla="*/ 1973374 w 3151233"/>
              <a:gd name="connsiteY14" fmla="*/ 2195096 h 3221116"/>
              <a:gd name="connsiteX15" fmla="*/ 1390827 w 3151233"/>
              <a:gd name="connsiteY15" fmla="*/ 2527630 h 3221116"/>
              <a:gd name="connsiteX16" fmla="*/ 783896 w 3151233"/>
              <a:gd name="connsiteY16" fmla="*/ 1665044 h 3221116"/>
              <a:gd name="connsiteX17" fmla="*/ 1268509 w 3151233"/>
              <a:gd name="connsiteY17" fmla="*/ 819983 h 3221116"/>
              <a:gd name="connsiteX18" fmla="*/ 1328805 w 3151233"/>
              <a:gd name="connsiteY18" fmla="*/ 807930 h 3221116"/>
              <a:gd name="connsiteX19" fmla="*/ 1390827 w 3151233"/>
              <a:gd name="connsiteY19" fmla="*/ 802457 h 3221116"/>
              <a:gd name="connsiteX20" fmla="*/ 1462242 w 3151233"/>
              <a:gd name="connsiteY20" fmla="*/ 801708 h 3221116"/>
              <a:gd name="connsiteX21" fmla="*/ 1956122 w 3151233"/>
              <a:gd name="connsiteY21" fmla="*/ 1110076 h 3221116"/>
              <a:gd name="connsiteX22" fmla="*/ 1973374 w 3151233"/>
              <a:gd name="connsiteY22" fmla="*/ 875315 h 3221116"/>
              <a:gd name="connsiteX23" fmla="*/ 2333414 w 3151233"/>
              <a:gd name="connsiteY23" fmla="*/ 875315 h 3221116"/>
              <a:gd name="connsiteX24" fmla="*/ 2324788 w 3151233"/>
              <a:gd name="connsiteY24" fmla="*/ 2054049 h 3221116"/>
              <a:gd name="connsiteX25" fmla="*/ 2661746 w 3151233"/>
              <a:gd name="connsiteY25" fmla="*/ 2179658 h 3221116"/>
              <a:gd name="connsiteX26" fmla="*/ 2691046 w 3151233"/>
              <a:gd name="connsiteY26" fmla="*/ 2188689 h 3221116"/>
              <a:gd name="connsiteX27" fmla="*/ 2667011 w 3151233"/>
              <a:gd name="connsiteY27" fmla="*/ 2175828 h 3221116"/>
              <a:gd name="connsiteX28" fmla="*/ 2332141 w 3151233"/>
              <a:gd name="connsiteY28" fmla="*/ 653899 h 3221116"/>
              <a:gd name="connsiteX29" fmla="*/ 776764 w 3151233"/>
              <a:gd name="connsiteY29" fmla="*/ 749845 h 3221116"/>
              <a:gd name="connsiteX30" fmla="*/ 631487 w 3151233"/>
              <a:gd name="connsiteY30" fmla="*/ 2301392 h 3221116"/>
              <a:gd name="connsiteX31" fmla="*/ 2142017 w 3151233"/>
              <a:gd name="connsiteY31" fmla="*/ 2684410 h 3221116"/>
              <a:gd name="connsiteX32" fmla="*/ 2324866 w 3151233"/>
              <a:gd name="connsiteY32" fmla="*/ 3053856 h 3221116"/>
              <a:gd name="connsiteX33" fmla="*/ 294693 w 3151233"/>
              <a:gd name="connsiteY33" fmla="*/ 2539075 h 3221116"/>
              <a:gd name="connsiteX34" fmla="*/ 489947 w 3151233"/>
              <a:gd name="connsiteY34" fmla="*/ 453774 h 3221116"/>
              <a:gd name="connsiteX35" fmla="*/ 1651152 w 3151233"/>
              <a:gd name="connsiteY35" fmla="*/ 501 h 3221116"/>
              <a:gd name="connsiteX0" fmla="*/ 2664630 w 3161851"/>
              <a:gd name="connsiteY0" fmla="*/ 2175617 h 3221116"/>
              <a:gd name="connsiteX1" fmla="*/ 2658205 w 3161851"/>
              <a:gd name="connsiteY1" fmla="*/ 2178566 h 3221116"/>
              <a:gd name="connsiteX2" fmla="*/ 2664630 w 3161851"/>
              <a:gd name="connsiteY2" fmla="*/ 2175617 h 3221116"/>
              <a:gd name="connsiteX3" fmla="*/ 1477043 w 3161851"/>
              <a:gd name="connsiteY3" fmla="*/ 1144372 h 3221116"/>
              <a:gd name="connsiteX4" fmla="*/ 1409070 w 3161851"/>
              <a:gd name="connsiteY4" fmla="*/ 1159393 h 3221116"/>
              <a:gd name="connsiteX5" fmla="*/ 1152384 w 3161851"/>
              <a:gd name="connsiteY5" fmla="*/ 1703728 h 3221116"/>
              <a:gd name="connsiteX6" fmla="*/ 1514013 w 3161851"/>
              <a:gd name="connsiteY6" fmla="*/ 2152290 h 3221116"/>
              <a:gd name="connsiteX7" fmla="*/ 1850815 w 3161851"/>
              <a:gd name="connsiteY7" fmla="*/ 1654259 h 3221116"/>
              <a:gd name="connsiteX8" fmla="*/ 1830467 w 3161851"/>
              <a:gd name="connsiteY8" fmla="*/ 1515986 h 3221116"/>
              <a:gd name="connsiteX9" fmla="*/ 1477043 w 3161851"/>
              <a:gd name="connsiteY9" fmla="*/ 1144372 h 3221116"/>
              <a:gd name="connsiteX10" fmla="*/ 1651152 w 3161851"/>
              <a:gd name="connsiteY10" fmla="*/ 501 h 3221116"/>
              <a:gd name="connsiteX11" fmla="*/ 2580395 w 3161851"/>
              <a:gd name="connsiteY11" fmla="*/ 324821 h 3221116"/>
              <a:gd name="connsiteX12" fmla="*/ 3030464 w 3161851"/>
              <a:gd name="connsiteY12" fmla="*/ 2249544 h 3221116"/>
              <a:gd name="connsiteX13" fmla="*/ 2585849 w 3161851"/>
              <a:gd name="connsiteY13" fmla="*/ 2588887 h 3221116"/>
              <a:gd name="connsiteX14" fmla="*/ 1973374 w 3161851"/>
              <a:gd name="connsiteY14" fmla="*/ 2195096 h 3221116"/>
              <a:gd name="connsiteX15" fmla="*/ 1390827 w 3161851"/>
              <a:gd name="connsiteY15" fmla="*/ 2527630 h 3221116"/>
              <a:gd name="connsiteX16" fmla="*/ 783896 w 3161851"/>
              <a:gd name="connsiteY16" fmla="*/ 1665044 h 3221116"/>
              <a:gd name="connsiteX17" fmla="*/ 1268509 w 3161851"/>
              <a:gd name="connsiteY17" fmla="*/ 819983 h 3221116"/>
              <a:gd name="connsiteX18" fmla="*/ 1328805 w 3161851"/>
              <a:gd name="connsiteY18" fmla="*/ 807930 h 3221116"/>
              <a:gd name="connsiteX19" fmla="*/ 1390827 w 3161851"/>
              <a:gd name="connsiteY19" fmla="*/ 802457 h 3221116"/>
              <a:gd name="connsiteX20" fmla="*/ 1462242 w 3161851"/>
              <a:gd name="connsiteY20" fmla="*/ 801708 h 3221116"/>
              <a:gd name="connsiteX21" fmla="*/ 1956122 w 3161851"/>
              <a:gd name="connsiteY21" fmla="*/ 1110076 h 3221116"/>
              <a:gd name="connsiteX22" fmla="*/ 1973374 w 3161851"/>
              <a:gd name="connsiteY22" fmla="*/ 875315 h 3221116"/>
              <a:gd name="connsiteX23" fmla="*/ 2333414 w 3161851"/>
              <a:gd name="connsiteY23" fmla="*/ 875315 h 3221116"/>
              <a:gd name="connsiteX24" fmla="*/ 2324788 w 3161851"/>
              <a:gd name="connsiteY24" fmla="*/ 2054049 h 3221116"/>
              <a:gd name="connsiteX25" fmla="*/ 2661746 w 3161851"/>
              <a:gd name="connsiteY25" fmla="*/ 2179658 h 3221116"/>
              <a:gd name="connsiteX26" fmla="*/ 2691046 w 3161851"/>
              <a:gd name="connsiteY26" fmla="*/ 2188689 h 3221116"/>
              <a:gd name="connsiteX27" fmla="*/ 2667011 w 3161851"/>
              <a:gd name="connsiteY27" fmla="*/ 2175828 h 3221116"/>
              <a:gd name="connsiteX28" fmla="*/ 2332141 w 3161851"/>
              <a:gd name="connsiteY28" fmla="*/ 653899 h 3221116"/>
              <a:gd name="connsiteX29" fmla="*/ 776764 w 3161851"/>
              <a:gd name="connsiteY29" fmla="*/ 749845 h 3221116"/>
              <a:gd name="connsiteX30" fmla="*/ 631487 w 3161851"/>
              <a:gd name="connsiteY30" fmla="*/ 2301392 h 3221116"/>
              <a:gd name="connsiteX31" fmla="*/ 2142017 w 3161851"/>
              <a:gd name="connsiteY31" fmla="*/ 2684410 h 3221116"/>
              <a:gd name="connsiteX32" fmla="*/ 2324866 w 3161851"/>
              <a:gd name="connsiteY32" fmla="*/ 3053856 h 3221116"/>
              <a:gd name="connsiteX33" fmla="*/ 294693 w 3161851"/>
              <a:gd name="connsiteY33" fmla="*/ 2539075 h 3221116"/>
              <a:gd name="connsiteX34" fmla="*/ 489947 w 3161851"/>
              <a:gd name="connsiteY34" fmla="*/ 453774 h 3221116"/>
              <a:gd name="connsiteX35" fmla="*/ 1651152 w 3161851"/>
              <a:gd name="connsiteY35" fmla="*/ 501 h 3221116"/>
              <a:gd name="connsiteX0" fmla="*/ 2664630 w 3182629"/>
              <a:gd name="connsiteY0" fmla="*/ 2175617 h 3221116"/>
              <a:gd name="connsiteX1" fmla="*/ 2658205 w 3182629"/>
              <a:gd name="connsiteY1" fmla="*/ 2178566 h 3221116"/>
              <a:gd name="connsiteX2" fmla="*/ 2664630 w 3182629"/>
              <a:gd name="connsiteY2" fmla="*/ 2175617 h 3221116"/>
              <a:gd name="connsiteX3" fmla="*/ 1477043 w 3182629"/>
              <a:gd name="connsiteY3" fmla="*/ 1144372 h 3221116"/>
              <a:gd name="connsiteX4" fmla="*/ 1409070 w 3182629"/>
              <a:gd name="connsiteY4" fmla="*/ 1159393 h 3221116"/>
              <a:gd name="connsiteX5" fmla="*/ 1152384 w 3182629"/>
              <a:gd name="connsiteY5" fmla="*/ 1703728 h 3221116"/>
              <a:gd name="connsiteX6" fmla="*/ 1514013 w 3182629"/>
              <a:gd name="connsiteY6" fmla="*/ 2152290 h 3221116"/>
              <a:gd name="connsiteX7" fmla="*/ 1850815 w 3182629"/>
              <a:gd name="connsiteY7" fmla="*/ 1654259 h 3221116"/>
              <a:gd name="connsiteX8" fmla="*/ 1830467 w 3182629"/>
              <a:gd name="connsiteY8" fmla="*/ 1515986 h 3221116"/>
              <a:gd name="connsiteX9" fmla="*/ 1477043 w 3182629"/>
              <a:gd name="connsiteY9" fmla="*/ 1144372 h 3221116"/>
              <a:gd name="connsiteX10" fmla="*/ 1651152 w 3182629"/>
              <a:gd name="connsiteY10" fmla="*/ 501 h 3221116"/>
              <a:gd name="connsiteX11" fmla="*/ 2580395 w 3182629"/>
              <a:gd name="connsiteY11" fmla="*/ 324821 h 3221116"/>
              <a:gd name="connsiteX12" fmla="*/ 3030464 w 3182629"/>
              <a:gd name="connsiteY12" fmla="*/ 2249544 h 3221116"/>
              <a:gd name="connsiteX13" fmla="*/ 2585849 w 3182629"/>
              <a:gd name="connsiteY13" fmla="*/ 2588887 h 3221116"/>
              <a:gd name="connsiteX14" fmla="*/ 1973374 w 3182629"/>
              <a:gd name="connsiteY14" fmla="*/ 2195096 h 3221116"/>
              <a:gd name="connsiteX15" fmla="*/ 1390827 w 3182629"/>
              <a:gd name="connsiteY15" fmla="*/ 2527630 h 3221116"/>
              <a:gd name="connsiteX16" fmla="*/ 783896 w 3182629"/>
              <a:gd name="connsiteY16" fmla="*/ 1665044 h 3221116"/>
              <a:gd name="connsiteX17" fmla="*/ 1268509 w 3182629"/>
              <a:gd name="connsiteY17" fmla="*/ 819983 h 3221116"/>
              <a:gd name="connsiteX18" fmla="*/ 1328805 w 3182629"/>
              <a:gd name="connsiteY18" fmla="*/ 807930 h 3221116"/>
              <a:gd name="connsiteX19" fmla="*/ 1390827 w 3182629"/>
              <a:gd name="connsiteY19" fmla="*/ 802457 h 3221116"/>
              <a:gd name="connsiteX20" fmla="*/ 1462242 w 3182629"/>
              <a:gd name="connsiteY20" fmla="*/ 801708 h 3221116"/>
              <a:gd name="connsiteX21" fmla="*/ 1956122 w 3182629"/>
              <a:gd name="connsiteY21" fmla="*/ 1110076 h 3221116"/>
              <a:gd name="connsiteX22" fmla="*/ 1973374 w 3182629"/>
              <a:gd name="connsiteY22" fmla="*/ 875315 h 3221116"/>
              <a:gd name="connsiteX23" fmla="*/ 2333414 w 3182629"/>
              <a:gd name="connsiteY23" fmla="*/ 875315 h 3221116"/>
              <a:gd name="connsiteX24" fmla="*/ 2324788 w 3182629"/>
              <a:gd name="connsiteY24" fmla="*/ 2054049 h 3221116"/>
              <a:gd name="connsiteX25" fmla="*/ 2661746 w 3182629"/>
              <a:gd name="connsiteY25" fmla="*/ 2179658 h 3221116"/>
              <a:gd name="connsiteX26" fmla="*/ 2691046 w 3182629"/>
              <a:gd name="connsiteY26" fmla="*/ 2188689 h 3221116"/>
              <a:gd name="connsiteX27" fmla="*/ 2667011 w 3182629"/>
              <a:gd name="connsiteY27" fmla="*/ 2175828 h 3221116"/>
              <a:gd name="connsiteX28" fmla="*/ 2332141 w 3182629"/>
              <a:gd name="connsiteY28" fmla="*/ 653899 h 3221116"/>
              <a:gd name="connsiteX29" fmla="*/ 776764 w 3182629"/>
              <a:gd name="connsiteY29" fmla="*/ 749845 h 3221116"/>
              <a:gd name="connsiteX30" fmla="*/ 631487 w 3182629"/>
              <a:gd name="connsiteY30" fmla="*/ 2301392 h 3221116"/>
              <a:gd name="connsiteX31" fmla="*/ 2142017 w 3182629"/>
              <a:gd name="connsiteY31" fmla="*/ 2684410 h 3221116"/>
              <a:gd name="connsiteX32" fmla="*/ 2324866 w 3182629"/>
              <a:gd name="connsiteY32" fmla="*/ 3053856 h 3221116"/>
              <a:gd name="connsiteX33" fmla="*/ 294693 w 3182629"/>
              <a:gd name="connsiteY33" fmla="*/ 2539075 h 3221116"/>
              <a:gd name="connsiteX34" fmla="*/ 489947 w 3182629"/>
              <a:gd name="connsiteY34" fmla="*/ 453774 h 3221116"/>
              <a:gd name="connsiteX35" fmla="*/ 1651152 w 3182629"/>
              <a:gd name="connsiteY35" fmla="*/ 501 h 3221116"/>
              <a:gd name="connsiteX0" fmla="*/ 2664630 w 3189723"/>
              <a:gd name="connsiteY0" fmla="*/ 2175617 h 3221116"/>
              <a:gd name="connsiteX1" fmla="*/ 2658205 w 3189723"/>
              <a:gd name="connsiteY1" fmla="*/ 2178566 h 3221116"/>
              <a:gd name="connsiteX2" fmla="*/ 2664630 w 3189723"/>
              <a:gd name="connsiteY2" fmla="*/ 2175617 h 3221116"/>
              <a:gd name="connsiteX3" fmla="*/ 1477043 w 3189723"/>
              <a:gd name="connsiteY3" fmla="*/ 1144372 h 3221116"/>
              <a:gd name="connsiteX4" fmla="*/ 1409070 w 3189723"/>
              <a:gd name="connsiteY4" fmla="*/ 1159393 h 3221116"/>
              <a:gd name="connsiteX5" fmla="*/ 1152384 w 3189723"/>
              <a:gd name="connsiteY5" fmla="*/ 1703728 h 3221116"/>
              <a:gd name="connsiteX6" fmla="*/ 1514013 w 3189723"/>
              <a:gd name="connsiteY6" fmla="*/ 2152290 h 3221116"/>
              <a:gd name="connsiteX7" fmla="*/ 1850815 w 3189723"/>
              <a:gd name="connsiteY7" fmla="*/ 1654259 h 3221116"/>
              <a:gd name="connsiteX8" fmla="*/ 1830467 w 3189723"/>
              <a:gd name="connsiteY8" fmla="*/ 1515986 h 3221116"/>
              <a:gd name="connsiteX9" fmla="*/ 1477043 w 3189723"/>
              <a:gd name="connsiteY9" fmla="*/ 1144372 h 3221116"/>
              <a:gd name="connsiteX10" fmla="*/ 1651152 w 3189723"/>
              <a:gd name="connsiteY10" fmla="*/ 501 h 3221116"/>
              <a:gd name="connsiteX11" fmla="*/ 2580395 w 3189723"/>
              <a:gd name="connsiteY11" fmla="*/ 324821 h 3221116"/>
              <a:gd name="connsiteX12" fmla="*/ 3030464 w 3189723"/>
              <a:gd name="connsiteY12" fmla="*/ 2249544 h 3221116"/>
              <a:gd name="connsiteX13" fmla="*/ 2585849 w 3189723"/>
              <a:gd name="connsiteY13" fmla="*/ 2588887 h 3221116"/>
              <a:gd name="connsiteX14" fmla="*/ 1973374 w 3189723"/>
              <a:gd name="connsiteY14" fmla="*/ 2195096 h 3221116"/>
              <a:gd name="connsiteX15" fmla="*/ 1390827 w 3189723"/>
              <a:gd name="connsiteY15" fmla="*/ 2527630 h 3221116"/>
              <a:gd name="connsiteX16" fmla="*/ 783896 w 3189723"/>
              <a:gd name="connsiteY16" fmla="*/ 1665044 h 3221116"/>
              <a:gd name="connsiteX17" fmla="*/ 1268509 w 3189723"/>
              <a:gd name="connsiteY17" fmla="*/ 819983 h 3221116"/>
              <a:gd name="connsiteX18" fmla="*/ 1328805 w 3189723"/>
              <a:gd name="connsiteY18" fmla="*/ 807930 h 3221116"/>
              <a:gd name="connsiteX19" fmla="*/ 1390827 w 3189723"/>
              <a:gd name="connsiteY19" fmla="*/ 802457 h 3221116"/>
              <a:gd name="connsiteX20" fmla="*/ 1462242 w 3189723"/>
              <a:gd name="connsiteY20" fmla="*/ 801708 h 3221116"/>
              <a:gd name="connsiteX21" fmla="*/ 1956122 w 3189723"/>
              <a:gd name="connsiteY21" fmla="*/ 1110076 h 3221116"/>
              <a:gd name="connsiteX22" fmla="*/ 1973374 w 3189723"/>
              <a:gd name="connsiteY22" fmla="*/ 875315 h 3221116"/>
              <a:gd name="connsiteX23" fmla="*/ 2333414 w 3189723"/>
              <a:gd name="connsiteY23" fmla="*/ 875315 h 3221116"/>
              <a:gd name="connsiteX24" fmla="*/ 2324788 w 3189723"/>
              <a:gd name="connsiteY24" fmla="*/ 2054049 h 3221116"/>
              <a:gd name="connsiteX25" fmla="*/ 2661746 w 3189723"/>
              <a:gd name="connsiteY25" fmla="*/ 2179658 h 3221116"/>
              <a:gd name="connsiteX26" fmla="*/ 2691046 w 3189723"/>
              <a:gd name="connsiteY26" fmla="*/ 2188689 h 3221116"/>
              <a:gd name="connsiteX27" fmla="*/ 2667011 w 3189723"/>
              <a:gd name="connsiteY27" fmla="*/ 2175828 h 3221116"/>
              <a:gd name="connsiteX28" fmla="*/ 2332141 w 3189723"/>
              <a:gd name="connsiteY28" fmla="*/ 653899 h 3221116"/>
              <a:gd name="connsiteX29" fmla="*/ 776764 w 3189723"/>
              <a:gd name="connsiteY29" fmla="*/ 749845 h 3221116"/>
              <a:gd name="connsiteX30" fmla="*/ 631487 w 3189723"/>
              <a:gd name="connsiteY30" fmla="*/ 2301392 h 3221116"/>
              <a:gd name="connsiteX31" fmla="*/ 2142017 w 3189723"/>
              <a:gd name="connsiteY31" fmla="*/ 2684410 h 3221116"/>
              <a:gd name="connsiteX32" fmla="*/ 2324866 w 3189723"/>
              <a:gd name="connsiteY32" fmla="*/ 3053856 h 3221116"/>
              <a:gd name="connsiteX33" fmla="*/ 294693 w 3189723"/>
              <a:gd name="connsiteY33" fmla="*/ 2539075 h 3221116"/>
              <a:gd name="connsiteX34" fmla="*/ 489947 w 3189723"/>
              <a:gd name="connsiteY34" fmla="*/ 453774 h 3221116"/>
              <a:gd name="connsiteX35" fmla="*/ 1651152 w 3189723"/>
              <a:gd name="connsiteY35" fmla="*/ 501 h 32211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  <a:cxn ang="0">
                <a:pos x="connsiteX32" y="connsiteY32"/>
              </a:cxn>
              <a:cxn ang="0">
                <a:pos x="connsiteX33" y="connsiteY33"/>
              </a:cxn>
              <a:cxn ang="0">
                <a:pos x="connsiteX34" y="connsiteY34"/>
              </a:cxn>
              <a:cxn ang="0">
                <a:pos x="connsiteX35" y="connsiteY35"/>
              </a:cxn>
            </a:cxnLst>
            <a:rect l="l" t="t" r="r" b="b"/>
            <a:pathLst>
              <a:path w="3189723" h="3221116">
                <a:moveTo>
                  <a:pt x="2664630" y="2175617"/>
                </a:moveTo>
                <a:lnTo>
                  <a:pt x="2658205" y="2178566"/>
                </a:lnTo>
                <a:cubicBezTo>
                  <a:pt x="2662222" y="2175972"/>
                  <a:pt x="2664284" y="2175096"/>
                  <a:pt x="2664630" y="2175617"/>
                </a:cubicBezTo>
                <a:close/>
                <a:moveTo>
                  <a:pt x="1477043" y="1144372"/>
                </a:moveTo>
                <a:lnTo>
                  <a:pt x="1409070" y="1159393"/>
                </a:lnTo>
                <a:cubicBezTo>
                  <a:pt x="1167974" y="1216277"/>
                  <a:pt x="1134894" y="1538245"/>
                  <a:pt x="1152384" y="1703728"/>
                </a:cubicBezTo>
                <a:cubicBezTo>
                  <a:pt x="1169874" y="1869211"/>
                  <a:pt x="1272747" y="2156947"/>
                  <a:pt x="1514013" y="2152290"/>
                </a:cubicBezTo>
                <a:cubicBezTo>
                  <a:pt x="1680659" y="2149073"/>
                  <a:pt x="1865876" y="1940767"/>
                  <a:pt x="1850815" y="1654259"/>
                </a:cubicBezTo>
                <a:cubicBezTo>
                  <a:pt x="1844015" y="1608142"/>
                  <a:pt x="1837162" y="1561942"/>
                  <a:pt x="1830467" y="1515986"/>
                </a:cubicBezTo>
                <a:cubicBezTo>
                  <a:pt x="1779361" y="1292438"/>
                  <a:pt x="1635542" y="1134285"/>
                  <a:pt x="1477043" y="1144372"/>
                </a:cubicBezTo>
                <a:close/>
                <a:moveTo>
                  <a:pt x="1651152" y="501"/>
                </a:moveTo>
                <a:cubicBezTo>
                  <a:pt x="1977584" y="8635"/>
                  <a:pt x="2235425" y="52153"/>
                  <a:pt x="2580395" y="324821"/>
                </a:cubicBezTo>
                <a:cubicBezTo>
                  <a:pt x="3000061" y="656529"/>
                  <a:pt x="3430704" y="1549940"/>
                  <a:pt x="3030464" y="2249544"/>
                </a:cubicBezTo>
                <a:cubicBezTo>
                  <a:pt x="2882259" y="2451798"/>
                  <a:pt x="2785813" y="2507403"/>
                  <a:pt x="2585849" y="2588887"/>
                </a:cubicBezTo>
                <a:cubicBezTo>
                  <a:pt x="2194785" y="2615774"/>
                  <a:pt x="1984876" y="2478759"/>
                  <a:pt x="1973374" y="2195096"/>
                </a:cubicBezTo>
                <a:cubicBezTo>
                  <a:pt x="1841986" y="2496540"/>
                  <a:pt x="1610941" y="2555551"/>
                  <a:pt x="1390827" y="2527630"/>
                </a:cubicBezTo>
                <a:cubicBezTo>
                  <a:pt x="1131071" y="2494680"/>
                  <a:pt x="853863" y="2136270"/>
                  <a:pt x="783896" y="1665044"/>
                </a:cubicBezTo>
                <a:cubicBezTo>
                  <a:pt x="715204" y="1202409"/>
                  <a:pt x="991941" y="900416"/>
                  <a:pt x="1268509" y="819983"/>
                </a:cubicBezTo>
                <a:cubicBezTo>
                  <a:pt x="1288264" y="814237"/>
                  <a:pt x="1308391" y="810536"/>
                  <a:pt x="1328805" y="807930"/>
                </a:cubicBezTo>
                <a:cubicBezTo>
                  <a:pt x="1349219" y="805325"/>
                  <a:pt x="1369921" y="803817"/>
                  <a:pt x="1390827" y="802457"/>
                </a:cubicBezTo>
                <a:cubicBezTo>
                  <a:pt x="1416795" y="800769"/>
                  <a:pt x="1355770" y="788713"/>
                  <a:pt x="1462242" y="801708"/>
                </a:cubicBezTo>
                <a:cubicBezTo>
                  <a:pt x="1599590" y="818472"/>
                  <a:pt x="1776043" y="890774"/>
                  <a:pt x="1956122" y="1110076"/>
                </a:cubicBezTo>
                <a:lnTo>
                  <a:pt x="1973374" y="875315"/>
                </a:lnTo>
                <a:lnTo>
                  <a:pt x="2333414" y="875315"/>
                </a:lnTo>
                <a:cubicBezTo>
                  <a:pt x="2330539" y="1325736"/>
                  <a:pt x="2327663" y="1603628"/>
                  <a:pt x="2324788" y="2054049"/>
                </a:cubicBezTo>
                <a:cubicBezTo>
                  <a:pt x="2290850" y="2479718"/>
                  <a:pt x="2627788" y="2217580"/>
                  <a:pt x="2661746" y="2179658"/>
                </a:cubicBezTo>
                <a:lnTo>
                  <a:pt x="2691046" y="2188689"/>
                </a:lnTo>
                <a:lnTo>
                  <a:pt x="2667011" y="2175828"/>
                </a:lnTo>
                <a:cubicBezTo>
                  <a:pt x="2945550" y="1655295"/>
                  <a:pt x="2803444" y="1009445"/>
                  <a:pt x="2332141" y="653899"/>
                </a:cubicBezTo>
                <a:cubicBezTo>
                  <a:pt x="1860838" y="298353"/>
                  <a:pt x="1200794" y="339069"/>
                  <a:pt x="776764" y="749845"/>
                </a:cubicBezTo>
                <a:cubicBezTo>
                  <a:pt x="352733" y="1160621"/>
                  <a:pt x="291083" y="1819040"/>
                  <a:pt x="631487" y="2301392"/>
                </a:cubicBezTo>
                <a:cubicBezTo>
                  <a:pt x="971891" y="2783745"/>
                  <a:pt x="1612904" y="2946283"/>
                  <a:pt x="2142017" y="2684410"/>
                </a:cubicBezTo>
                <a:lnTo>
                  <a:pt x="2324866" y="3053856"/>
                </a:lnTo>
                <a:cubicBezTo>
                  <a:pt x="1613730" y="3405817"/>
                  <a:pt x="752200" y="3187363"/>
                  <a:pt x="294693" y="2539075"/>
                </a:cubicBezTo>
                <a:cubicBezTo>
                  <a:pt x="-162814" y="1890787"/>
                  <a:pt x="-79956" y="1005863"/>
                  <a:pt x="489947" y="453774"/>
                </a:cubicBezTo>
                <a:cubicBezTo>
                  <a:pt x="810518" y="143225"/>
                  <a:pt x="1231454" y="-9956"/>
                  <a:pt x="1651152" y="501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103" name="Left Arrow 1">
            <a:extLst>
              <a:ext uri="{FF2B5EF4-FFF2-40B4-BE49-F238E27FC236}">
                <a16:creationId xmlns:a16="http://schemas.microsoft.com/office/drawing/2014/main" id="{1947BE1D-5A1D-43CF-B583-1D9110F2864D}"/>
              </a:ext>
            </a:extLst>
          </p:cNvPr>
          <p:cNvSpPr>
            <a:spLocks noChangeAspect="1"/>
          </p:cNvSpPr>
          <p:nvPr/>
        </p:nvSpPr>
        <p:spPr>
          <a:xfrm>
            <a:off x="11088980" y="5624208"/>
            <a:ext cx="544340" cy="529812"/>
          </a:xfrm>
          <a:custGeom>
            <a:avLst/>
            <a:gdLst/>
            <a:ahLst/>
            <a:cxnLst/>
            <a:rect l="l" t="t" r="r" b="b"/>
            <a:pathLst>
              <a:path w="3306630" h="3218379">
                <a:moveTo>
                  <a:pt x="0" y="2085651"/>
                </a:moveTo>
                <a:cubicBezTo>
                  <a:pt x="253919" y="2342528"/>
                  <a:pt x="881542" y="2297196"/>
                  <a:pt x="1388167" y="2271654"/>
                </a:cubicBezTo>
                <a:lnTo>
                  <a:pt x="1417952" y="2988872"/>
                </a:lnTo>
                <a:lnTo>
                  <a:pt x="717647" y="2950294"/>
                </a:lnTo>
                <a:cubicBezTo>
                  <a:pt x="467617" y="2928101"/>
                  <a:pt x="217417" y="2555860"/>
                  <a:pt x="0" y="2085651"/>
                </a:cubicBezTo>
                <a:close/>
                <a:moveTo>
                  <a:pt x="1969797" y="2019847"/>
                </a:moveTo>
                <a:lnTo>
                  <a:pt x="1969797" y="2274913"/>
                </a:lnTo>
                <a:lnTo>
                  <a:pt x="2657809" y="2274913"/>
                </a:lnTo>
                <a:cubicBezTo>
                  <a:pt x="2787205" y="2599270"/>
                  <a:pt x="2968360" y="2923626"/>
                  <a:pt x="2675062" y="2954686"/>
                </a:cubicBezTo>
                <a:lnTo>
                  <a:pt x="1969797" y="2963313"/>
                </a:lnTo>
                <a:lnTo>
                  <a:pt x="1969797" y="3218379"/>
                </a:lnTo>
                <a:lnTo>
                  <a:pt x="1429598" y="2619113"/>
                </a:lnTo>
                <a:close/>
                <a:moveTo>
                  <a:pt x="2961009" y="1275432"/>
                </a:moveTo>
                <a:lnTo>
                  <a:pt x="3277752" y="1901203"/>
                </a:lnTo>
                <a:cubicBezTo>
                  <a:pt x="3383548" y="2128832"/>
                  <a:pt x="3186278" y="2531632"/>
                  <a:pt x="2887773" y="2955026"/>
                </a:cubicBezTo>
                <a:cubicBezTo>
                  <a:pt x="2983276" y="2606687"/>
                  <a:pt x="2630206" y="2085815"/>
                  <a:pt x="2354773" y="1659836"/>
                </a:cubicBezTo>
                <a:close/>
                <a:moveTo>
                  <a:pt x="1019997" y="990789"/>
                </a:moveTo>
                <a:lnTo>
                  <a:pt x="1268877" y="1758248"/>
                </a:lnTo>
                <a:lnTo>
                  <a:pt x="1047983" y="1630715"/>
                </a:lnTo>
                <a:lnTo>
                  <a:pt x="703977" y="2226552"/>
                </a:lnTo>
                <a:cubicBezTo>
                  <a:pt x="358378" y="2176433"/>
                  <a:pt x="-13100" y="2171140"/>
                  <a:pt x="106650" y="1901606"/>
                </a:cubicBezTo>
                <a:lnTo>
                  <a:pt x="451811" y="1286515"/>
                </a:lnTo>
                <a:lnTo>
                  <a:pt x="230918" y="1158982"/>
                </a:lnTo>
                <a:close/>
                <a:moveTo>
                  <a:pt x="2174825" y="119764"/>
                </a:moveTo>
                <a:cubicBezTo>
                  <a:pt x="2220451" y="119103"/>
                  <a:pt x="2264887" y="143875"/>
                  <a:pt x="2308274" y="203493"/>
                </a:cubicBezTo>
                <a:lnTo>
                  <a:pt x="2668377" y="809957"/>
                </a:lnTo>
                <a:lnTo>
                  <a:pt x="2889271" y="682424"/>
                </a:lnTo>
                <a:lnTo>
                  <a:pt x="2640391" y="1449883"/>
                </a:lnTo>
                <a:lnTo>
                  <a:pt x="1851312" y="1281690"/>
                </a:lnTo>
                <a:lnTo>
                  <a:pt x="2072206" y="1154157"/>
                </a:lnTo>
                <a:lnTo>
                  <a:pt x="1728200" y="558321"/>
                </a:lnTo>
                <a:cubicBezTo>
                  <a:pt x="1890352" y="352642"/>
                  <a:pt x="2037947" y="121750"/>
                  <a:pt x="2174825" y="119764"/>
                </a:cubicBezTo>
                <a:close/>
                <a:moveTo>
                  <a:pt x="1831774" y="30"/>
                </a:moveTo>
                <a:cubicBezTo>
                  <a:pt x="1948530" y="539"/>
                  <a:pt x="2073232" y="7407"/>
                  <a:pt x="2202212" y="19111"/>
                </a:cubicBezTo>
                <a:cubicBezTo>
                  <a:pt x="1852790" y="110572"/>
                  <a:pt x="1578238" y="676776"/>
                  <a:pt x="1347045" y="1128297"/>
                </a:cubicBezTo>
                <a:lnTo>
                  <a:pt x="711024" y="795483"/>
                </a:lnTo>
                <a:lnTo>
                  <a:pt x="1094586" y="208291"/>
                </a:lnTo>
                <a:cubicBezTo>
                  <a:pt x="1202761" y="54213"/>
                  <a:pt x="1481508" y="-1496"/>
                  <a:pt x="1831774" y="3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104" name="Oval 35">
            <a:extLst>
              <a:ext uri="{FF2B5EF4-FFF2-40B4-BE49-F238E27FC236}">
                <a16:creationId xmlns:a16="http://schemas.microsoft.com/office/drawing/2014/main" id="{BCF76AF1-1ADE-45FB-9D44-99BC7FEECFA3}"/>
              </a:ext>
            </a:extLst>
          </p:cNvPr>
          <p:cNvSpPr/>
          <p:nvPr/>
        </p:nvSpPr>
        <p:spPr>
          <a:xfrm>
            <a:off x="10359195" y="5625275"/>
            <a:ext cx="426213" cy="537400"/>
          </a:xfrm>
          <a:custGeom>
            <a:avLst/>
            <a:gdLst/>
            <a:ahLst/>
            <a:cxnLst/>
            <a:rect l="l" t="t" r="r" b="b"/>
            <a:pathLst>
              <a:path w="2548531" h="3213371">
                <a:moveTo>
                  <a:pt x="792000" y="2498954"/>
                </a:moveTo>
                <a:lnTo>
                  <a:pt x="792000" y="2641726"/>
                </a:lnTo>
                <a:cubicBezTo>
                  <a:pt x="463357" y="2661706"/>
                  <a:pt x="216000" y="2748872"/>
                  <a:pt x="216000" y="2853371"/>
                </a:cubicBezTo>
                <a:cubicBezTo>
                  <a:pt x="216000" y="2972665"/>
                  <a:pt x="538355" y="3069371"/>
                  <a:pt x="936000" y="3069371"/>
                </a:cubicBezTo>
                <a:cubicBezTo>
                  <a:pt x="1333645" y="3069371"/>
                  <a:pt x="1656000" y="2972665"/>
                  <a:pt x="1656000" y="2853371"/>
                </a:cubicBezTo>
                <a:cubicBezTo>
                  <a:pt x="1656000" y="2748872"/>
                  <a:pt x="1408644" y="2661706"/>
                  <a:pt x="1080000" y="2641726"/>
                </a:cubicBezTo>
                <a:lnTo>
                  <a:pt x="1080000" y="2498954"/>
                </a:lnTo>
                <a:cubicBezTo>
                  <a:pt x="1528614" y="2524263"/>
                  <a:pt x="1872000" y="2673393"/>
                  <a:pt x="1872000" y="2853371"/>
                </a:cubicBezTo>
                <a:cubicBezTo>
                  <a:pt x="1872000" y="3052194"/>
                  <a:pt x="1452939" y="3213371"/>
                  <a:pt x="936000" y="3213371"/>
                </a:cubicBezTo>
                <a:cubicBezTo>
                  <a:pt x="419061" y="3213371"/>
                  <a:pt x="0" y="3052194"/>
                  <a:pt x="0" y="2853371"/>
                </a:cubicBezTo>
                <a:cubicBezTo>
                  <a:pt x="0" y="2673393"/>
                  <a:pt x="343386" y="2524263"/>
                  <a:pt x="792000" y="2498954"/>
                </a:cubicBezTo>
                <a:close/>
                <a:moveTo>
                  <a:pt x="2190403" y="180020"/>
                </a:moveTo>
                <a:cubicBezTo>
                  <a:pt x="2388233" y="180020"/>
                  <a:pt x="2548531" y="236495"/>
                  <a:pt x="2548531" y="306081"/>
                </a:cubicBezTo>
                <a:lnTo>
                  <a:pt x="2548531" y="1314569"/>
                </a:lnTo>
                <a:cubicBezTo>
                  <a:pt x="2548531" y="1244983"/>
                  <a:pt x="2388233" y="1188508"/>
                  <a:pt x="2190403" y="1188508"/>
                </a:cubicBezTo>
                <a:cubicBezTo>
                  <a:pt x="1992574" y="1188508"/>
                  <a:pt x="1832276" y="1244983"/>
                  <a:pt x="1832276" y="1314569"/>
                </a:cubicBezTo>
                <a:cubicBezTo>
                  <a:pt x="1832276" y="1384155"/>
                  <a:pt x="1671978" y="1440630"/>
                  <a:pt x="1474148" y="1440630"/>
                </a:cubicBezTo>
                <a:cubicBezTo>
                  <a:pt x="1276318" y="1440630"/>
                  <a:pt x="1116020" y="1384155"/>
                  <a:pt x="1116020" y="1314569"/>
                </a:cubicBezTo>
                <a:lnTo>
                  <a:pt x="1116020" y="306081"/>
                </a:lnTo>
                <a:cubicBezTo>
                  <a:pt x="1116020" y="375667"/>
                  <a:pt x="1276318" y="432142"/>
                  <a:pt x="1474148" y="432142"/>
                </a:cubicBezTo>
                <a:cubicBezTo>
                  <a:pt x="1671978" y="432142"/>
                  <a:pt x="1832276" y="375667"/>
                  <a:pt x="1832276" y="306081"/>
                </a:cubicBezTo>
                <a:cubicBezTo>
                  <a:pt x="1832276" y="236495"/>
                  <a:pt x="1992574" y="180020"/>
                  <a:pt x="2190403" y="180020"/>
                </a:cubicBezTo>
                <a:close/>
                <a:moveTo>
                  <a:pt x="936000" y="0"/>
                </a:moveTo>
                <a:cubicBezTo>
                  <a:pt x="1035422" y="0"/>
                  <a:pt x="1116020" y="80598"/>
                  <a:pt x="1116020" y="180020"/>
                </a:cubicBezTo>
                <a:cubicBezTo>
                  <a:pt x="1116020" y="246019"/>
                  <a:pt x="1080504" y="303723"/>
                  <a:pt x="1026000" y="332457"/>
                </a:cubicBezTo>
                <a:lnTo>
                  <a:pt x="1026000" y="2887874"/>
                </a:lnTo>
                <a:lnTo>
                  <a:pt x="846000" y="2887874"/>
                </a:lnTo>
                <a:lnTo>
                  <a:pt x="846000" y="332457"/>
                </a:lnTo>
                <a:cubicBezTo>
                  <a:pt x="791497" y="303723"/>
                  <a:pt x="755980" y="246019"/>
                  <a:pt x="755980" y="180020"/>
                </a:cubicBezTo>
                <a:cubicBezTo>
                  <a:pt x="755980" y="80598"/>
                  <a:pt x="836578" y="0"/>
                  <a:pt x="936000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105" name="Rounded Rectangle 2">
            <a:extLst>
              <a:ext uri="{FF2B5EF4-FFF2-40B4-BE49-F238E27FC236}">
                <a16:creationId xmlns:a16="http://schemas.microsoft.com/office/drawing/2014/main" id="{DB35A24C-57FD-4764-A96C-558E01D6B95D}"/>
              </a:ext>
            </a:extLst>
          </p:cNvPr>
          <p:cNvSpPr/>
          <p:nvPr/>
        </p:nvSpPr>
        <p:spPr>
          <a:xfrm>
            <a:off x="354010" y="1131591"/>
            <a:ext cx="3560767" cy="5402561"/>
          </a:xfrm>
          <a:prstGeom prst="roundRect">
            <a:avLst>
              <a:gd name="adj" fmla="val 3968"/>
            </a:avLst>
          </a:prstGeom>
          <a:solidFill>
            <a:srgbClr val="34B7E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/>
          </a:p>
        </p:txBody>
      </p:sp>
      <p:sp>
        <p:nvSpPr>
          <p:cNvPr id="106" name="Rounded Rectangle 3">
            <a:extLst>
              <a:ext uri="{FF2B5EF4-FFF2-40B4-BE49-F238E27FC236}">
                <a16:creationId xmlns:a16="http://schemas.microsoft.com/office/drawing/2014/main" id="{AEF1509D-2098-4E98-AC2B-49C9759F06ED}"/>
              </a:ext>
            </a:extLst>
          </p:cNvPr>
          <p:cNvSpPr/>
          <p:nvPr/>
        </p:nvSpPr>
        <p:spPr>
          <a:xfrm>
            <a:off x="531933" y="1347500"/>
            <a:ext cx="153868" cy="5015200"/>
          </a:xfrm>
          <a:prstGeom prst="roundRect">
            <a:avLst>
              <a:gd name="adj" fmla="val 50000"/>
            </a:avLst>
          </a:prstGeom>
          <a:solidFill>
            <a:schemeClr val="bg1">
              <a:alpha val="4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>
              <a:solidFill>
                <a:schemeClr val="bg1"/>
              </a:solidFill>
            </a:endParaRPr>
          </a:p>
        </p:txBody>
      </p:sp>
      <p:sp>
        <p:nvSpPr>
          <p:cNvPr id="107" name="Half Frame 4">
            <a:extLst>
              <a:ext uri="{FF2B5EF4-FFF2-40B4-BE49-F238E27FC236}">
                <a16:creationId xmlns:a16="http://schemas.microsoft.com/office/drawing/2014/main" id="{9BAAB01C-68D9-401B-BF71-9F8A88860929}"/>
              </a:ext>
            </a:extLst>
          </p:cNvPr>
          <p:cNvSpPr/>
          <p:nvPr/>
        </p:nvSpPr>
        <p:spPr>
          <a:xfrm rot="5400000">
            <a:off x="3057177" y="1276653"/>
            <a:ext cx="685849" cy="685148"/>
          </a:xfrm>
          <a:prstGeom prst="halfFrame">
            <a:avLst>
              <a:gd name="adj1" fmla="val 23728"/>
              <a:gd name="adj2" fmla="val 24642"/>
            </a:avLst>
          </a:prstGeom>
          <a:solidFill>
            <a:schemeClr val="bg1">
              <a:alpha val="2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>
              <a:solidFill>
                <a:schemeClr val="tx1">
                  <a:lumMod val="85000"/>
                  <a:lumOff val="15000"/>
                </a:schemeClr>
              </a:solidFill>
            </a:endParaRPr>
          </a:p>
        </p:txBody>
      </p:sp>
      <p:sp>
        <p:nvSpPr>
          <p:cNvPr id="108" name="TextBox 57">
            <a:extLst>
              <a:ext uri="{FF2B5EF4-FFF2-40B4-BE49-F238E27FC236}">
                <a16:creationId xmlns:a16="http://schemas.microsoft.com/office/drawing/2014/main" id="{C362E78D-0E04-4311-B714-7BB4A4F4A31A}"/>
              </a:ext>
            </a:extLst>
          </p:cNvPr>
          <p:cNvSpPr txBox="1"/>
          <p:nvPr/>
        </p:nvSpPr>
        <p:spPr>
          <a:xfrm>
            <a:off x="711704" y="1637214"/>
            <a:ext cx="2232248" cy="52322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You can Resize without losing quality</a:t>
            </a:r>
            <a:endParaRPr lang="ko-KR" altLang="en-US" sz="1400" b="1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09" name="TextBox 58">
            <a:extLst>
              <a:ext uri="{FF2B5EF4-FFF2-40B4-BE49-F238E27FC236}">
                <a16:creationId xmlns:a16="http://schemas.microsoft.com/office/drawing/2014/main" id="{5AD70271-C841-407E-99AA-8A410DCD2F30}"/>
              </a:ext>
            </a:extLst>
          </p:cNvPr>
          <p:cNvSpPr txBox="1"/>
          <p:nvPr/>
        </p:nvSpPr>
        <p:spPr>
          <a:xfrm>
            <a:off x="711704" y="2127463"/>
            <a:ext cx="2232248" cy="738664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You can Change Fill Color &amp;</a:t>
            </a:r>
          </a:p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Line Color</a:t>
            </a:r>
            <a:endParaRPr lang="ko-KR" altLang="en-US" sz="1400" b="1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10" name="TextBox 59">
            <a:extLst>
              <a:ext uri="{FF2B5EF4-FFF2-40B4-BE49-F238E27FC236}">
                <a16:creationId xmlns:a16="http://schemas.microsoft.com/office/drawing/2014/main" id="{05D9AAA4-9376-48C5-9082-1311494480F7}"/>
              </a:ext>
            </a:extLst>
          </p:cNvPr>
          <p:cNvSpPr txBox="1"/>
          <p:nvPr/>
        </p:nvSpPr>
        <p:spPr>
          <a:xfrm>
            <a:off x="721229" y="5808438"/>
            <a:ext cx="2232000" cy="307777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www.freeppt7.com</a:t>
            </a:r>
            <a:endParaRPr lang="ko-KR" altLang="en-US" sz="1400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11" name="TextBox 60">
            <a:extLst>
              <a:ext uri="{FF2B5EF4-FFF2-40B4-BE49-F238E27FC236}">
                <a16:creationId xmlns:a16="http://schemas.microsoft.com/office/drawing/2014/main" id="{90731433-68F2-482E-B2C8-50786B24B8DE}"/>
              </a:ext>
            </a:extLst>
          </p:cNvPr>
          <p:cNvSpPr txBox="1"/>
          <p:nvPr/>
        </p:nvSpPr>
        <p:spPr>
          <a:xfrm>
            <a:off x="721229" y="4450324"/>
            <a:ext cx="2717296" cy="1384995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2800" b="1" dirty="0">
                <a:solidFill>
                  <a:schemeClr val="bg1"/>
                </a:solidFill>
                <a:latin typeface="+mn-lt"/>
                <a:ea typeface="+mn-ea"/>
                <a:cs typeface="Arial" pitchFamily="34" charset="0"/>
              </a:rPr>
              <a:t>FREE </a:t>
            </a:r>
          </a:p>
          <a:p>
            <a:r>
              <a:rPr lang="en-US" altLang="ko-KR" sz="2800" b="1" dirty="0">
                <a:solidFill>
                  <a:schemeClr val="bg1"/>
                </a:solidFill>
                <a:latin typeface="+mn-lt"/>
                <a:ea typeface="+mn-ea"/>
                <a:cs typeface="Arial" pitchFamily="34" charset="0"/>
              </a:rPr>
              <a:t>PPT TEMPLATES</a:t>
            </a:r>
          </a:p>
        </p:txBody>
      </p:sp>
    </p:spTree>
    <p:extLst>
      <p:ext uri="{BB962C8B-B14F-4D97-AF65-F5344CB8AC3E}">
        <p14:creationId xmlns:p14="http://schemas.microsoft.com/office/powerpoint/2010/main" val="212682184"/>
      </p:ext>
    </p:extLst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6F3EE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4294967295"/>
          </p:nvPr>
        </p:nvSpPr>
        <p:spPr>
          <a:xfrm>
            <a:off x="619125" y="123825"/>
            <a:ext cx="11572875" cy="723900"/>
          </a:xfrm>
          <a:prstGeom prst="rect">
            <a:avLst/>
          </a:prstGeom>
        </p:spPr>
        <p:txBody>
          <a:bodyPr>
            <a:normAutofit/>
          </a:bodyPr>
          <a:lstStyle/>
          <a:p>
            <a:r>
              <a:rPr lang="en-US" dirty="0"/>
              <a:t>Fully Editable Icon Sets: C</a:t>
            </a:r>
          </a:p>
        </p:txBody>
      </p:sp>
      <p:sp>
        <p:nvSpPr>
          <p:cNvPr id="54" name="Isosceles Triangle 68">
            <a:extLst>
              <a:ext uri="{FF2B5EF4-FFF2-40B4-BE49-F238E27FC236}">
                <a16:creationId xmlns:a16="http://schemas.microsoft.com/office/drawing/2014/main" id="{870C564B-4826-4504-AD55-BCA183FFA29B}"/>
              </a:ext>
            </a:extLst>
          </p:cNvPr>
          <p:cNvSpPr/>
          <p:nvPr/>
        </p:nvSpPr>
        <p:spPr>
          <a:xfrm rot="10800000">
            <a:off x="7871934" y="4610240"/>
            <a:ext cx="220703" cy="687310"/>
          </a:xfrm>
          <a:custGeom>
            <a:avLst/>
            <a:gdLst/>
            <a:ahLst/>
            <a:cxnLst/>
            <a:rect l="l" t="t" r="r" b="b"/>
            <a:pathLst>
              <a:path w="1040400" h="3240000">
                <a:moveTo>
                  <a:pt x="41345" y="940666"/>
                </a:moveTo>
                <a:lnTo>
                  <a:pt x="1242" y="653403"/>
                </a:lnTo>
                <a:lnTo>
                  <a:pt x="0" y="653403"/>
                </a:lnTo>
                <a:lnTo>
                  <a:pt x="1057" y="652077"/>
                </a:lnTo>
                <a:lnTo>
                  <a:pt x="447" y="647712"/>
                </a:lnTo>
                <a:lnTo>
                  <a:pt x="4531" y="647712"/>
                </a:lnTo>
                <a:lnTo>
                  <a:pt x="520200" y="0"/>
                </a:lnTo>
                <a:lnTo>
                  <a:pt x="659109" y="174478"/>
                </a:lnTo>
                <a:close/>
                <a:moveTo>
                  <a:pt x="101622" y="1372451"/>
                </a:moveTo>
                <a:lnTo>
                  <a:pt x="61820" y="1087335"/>
                </a:lnTo>
                <a:lnTo>
                  <a:pt x="728036" y="261055"/>
                </a:lnTo>
                <a:lnTo>
                  <a:pt x="870500" y="439998"/>
                </a:lnTo>
                <a:lnTo>
                  <a:pt x="860164" y="431664"/>
                </a:lnTo>
                <a:close/>
                <a:moveTo>
                  <a:pt x="161365" y="1800403"/>
                </a:moveTo>
                <a:lnTo>
                  <a:pt x="122098" y="1519120"/>
                </a:lnTo>
                <a:lnTo>
                  <a:pt x="930953" y="515931"/>
                </a:lnTo>
                <a:lnTo>
                  <a:pt x="1035869" y="647712"/>
                </a:lnTo>
                <a:lnTo>
                  <a:pt x="1039954" y="647712"/>
                </a:lnTo>
                <a:lnTo>
                  <a:pt x="1039345" y="652078"/>
                </a:lnTo>
                <a:lnTo>
                  <a:pt x="1040400" y="653403"/>
                </a:lnTo>
                <a:lnTo>
                  <a:pt x="1039160" y="653403"/>
                </a:lnTo>
                <a:lnTo>
                  <a:pt x="1029316" y="723920"/>
                </a:lnTo>
                <a:close/>
                <a:moveTo>
                  <a:pt x="217894" y="2205330"/>
                </a:moveTo>
                <a:lnTo>
                  <a:pt x="181840" y="1947070"/>
                </a:lnTo>
                <a:lnTo>
                  <a:pt x="1000266" y="932012"/>
                </a:lnTo>
                <a:lnTo>
                  <a:pt x="949113" y="1298429"/>
                </a:lnTo>
                <a:close/>
                <a:moveTo>
                  <a:pt x="330192" y="2564220"/>
                </a:moveTo>
                <a:lnTo>
                  <a:pt x="267995" y="2564220"/>
                </a:lnTo>
                <a:lnTo>
                  <a:pt x="237100" y="2342912"/>
                </a:lnTo>
                <a:lnTo>
                  <a:pt x="242309" y="2347112"/>
                </a:lnTo>
                <a:lnTo>
                  <a:pt x="920063" y="1506522"/>
                </a:lnTo>
                <a:lnTo>
                  <a:pt x="865005" y="1900914"/>
                </a:lnTo>
                <a:close/>
                <a:moveTo>
                  <a:pt x="772406" y="2564220"/>
                </a:moveTo>
                <a:lnTo>
                  <a:pt x="468924" y="2564220"/>
                </a:lnTo>
                <a:lnTo>
                  <a:pt x="835955" y="2109008"/>
                </a:lnTo>
                <a:close/>
                <a:moveTo>
                  <a:pt x="892044" y="3240000"/>
                </a:moveTo>
                <a:lnTo>
                  <a:pt x="148356" y="3240000"/>
                </a:lnTo>
                <a:lnTo>
                  <a:pt x="276144" y="2663936"/>
                </a:lnTo>
                <a:lnTo>
                  <a:pt x="764256" y="2663936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5" name="Rectangle 9">
            <a:extLst>
              <a:ext uri="{FF2B5EF4-FFF2-40B4-BE49-F238E27FC236}">
                <a16:creationId xmlns:a16="http://schemas.microsoft.com/office/drawing/2014/main" id="{F4DF7C3C-D955-465B-A7ED-DA6CEFF74209}"/>
              </a:ext>
            </a:extLst>
          </p:cNvPr>
          <p:cNvSpPr/>
          <p:nvPr/>
        </p:nvSpPr>
        <p:spPr>
          <a:xfrm>
            <a:off x="8435540" y="4689594"/>
            <a:ext cx="529466" cy="528605"/>
          </a:xfrm>
          <a:custGeom>
            <a:avLst/>
            <a:gdLst/>
            <a:ahLst/>
            <a:cxnLst/>
            <a:rect l="l" t="t" r="r" b="b"/>
            <a:pathLst>
              <a:path w="3228210" h="3222968">
                <a:moveTo>
                  <a:pt x="1619999" y="642446"/>
                </a:moveTo>
                <a:lnTo>
                  <a:pt x="2664115" y="1686562"/>
                </a:lnTo>
                <a:lnTo>
                  <a:pt x="2664116" y="1686562"/>
                </a:lnTo>
                <a:lnTo>
                  <a:pt x="2664116" y="3222968"/>
                </a:lnTo>
                <a:lnTo>
                  <a:pt x="2015013" y="3222968"/>
                </a:lnTo>
                <a:lnTo>
                  <a:pt x="2015013" y="2511495"/>
                </a:lnTo>
                <a:cubicBezTo>
                  <a:pt x="2015013" y="2399422"/>
                  <a:pt x="1924159" y="2308568"/>
                  <a:pt x="1812086" y="2308568"/>
                </a:cubicBezTo>
                <a:lnTo>
                  <a:pt x="1427912" y="2308568"/>
                </a:lnTo>
                <a:cubicBezTo>
                  <a:pt x="1315839" y="2308568"/>
                  <a:pt x="1224985" y="2399422"/>
                  <a:pt x="1224985" y="2511495"/>
                </a:cubicBezTo>
                <a:lnTo>
                  <a:pt x="1224985" y="3222968"/>
                </a:lnTo>
                <a:lnTo>
                  <a:pt x="575882" y="3222968"/>
                </a:lnTo>
                <a:lnTo>
                  <a:pt x="575882" y="1686562"/>
                </a:lnTo>
                <a:lnTo>
                  <a:pt x="575884" y="1686562"/>
                </a:lnTo>
                <a:close/>
                <a:moveTo>
                  <a:pt x="509997" y="122689"/>
                </a:moveTo>
                <a:lnTo>
                  <a:pt x="942045" y="122689"/>
                </a:lnTo>
                <a:lnTo>
                  <a:pt x="942045" y="542556"/>
                </a:lnTo>
                <a:lnTo>
                  <a:pt x="509997" y="974604"/>
                </a:lnTo>
                <a:close/>
                <a:moveTo>
                  <a:pt x="1620001" y="7099"/>
                </a:moveTo>
                <a:lnTo>
                  <a:pt x="3228210" y="1686560"/>
                </a:lnTo>
                <a:lnTo>
                  <a:pt x="2900441" y="1686560"/>
                </a:lnTo>
                <a:lnTo>
                  <a:pt x="1620001" y="349390"/>
                </a:lnTo>
                <a:close/>
                <a:moveTo>
                  <a:pt x="1619999" y="0"/>
                </a:moveTo>
                <a:lnTo>
                  <a:pt x="1619999" y="342291"/>
                </a:lnTo>
                <a:lnTo>
                  <a:pt x="330172" y="1679462"/>
                </a:lnTo>
                <a:lnTo>
                  <a:pt x="0" y="1679462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6" name="Isosceles Triangle 8">
            <a:extLst>
              <a:ext uri="{FF2B5EF4-FFF2-40B4-BE49-F238E27FC236}">
                <a16:creationId xmlns:a16="http://schemas.microsoft.com/office/drawing/2014/main" id="{FED1BF7A-7546-4AF8-89CC-3CEC8A5874C0}"/>
              </a:ext>
            </a:extLst>
          </p:cNvPr>
          <p:cNvSpPr/>
          <p:nvPr/>
        </p:nvSpPr>
        <p:spPr>
          <a:xfrm rot="16200000">
            <a:off x="4359308" y="3634371"/>
            <a:ext cx="444149" cy="529543"/>
          </a:xfrm>
          <a:custGeom>
            <a:avLst/>
            <a:gdLst/>
            <a:ahLst/>
            <a:cxnLst/>
            <a:rect l="l" t="t" r="r" b="b"/>
            <a:pathLst>
              <a:path w="2708011" h="3228660">
                <a:moveTo>
                  <a:pt x="1895121" y="2005092"/>
                </a:moveTo>
                <a:cubicBezTo>
                  <a:pt x="1769067" y="2196199"/>
                  <a:pt x="1559641" y="2315968"/>
                  <a:pt x="1331007" y="2327705"/>
                </a:cubicBezTo>
                <a:cubicBezTo>
                  <a:pt x="1102373" y="2339443"/>
                  <a:pt x="881783" y="2241749"/>
                  <a:pt x="736821" y="2064556"/>
                </a:cubicBezTo>
                <a:lnTo>
                  <a:pt x="885891" y="1942602"/>
                </a:lnTo>
                <a:cubicBezTo>
                  <a:pt x="992076" y="2072396"/>
                  <a:pt x="1153658" y="2143956"/>
                  <a:pt x="1321132" y="2135359"/>
                </a:cubicBezTo>
                <a:cubicBezTo>
                  <a:pt x="1488607" y="2126761"/>
                  <a:pt x="1642011" y="2039030"/>
                  <a:pt x="1734346" y="1899045"/>
                </a:cubicBezTo>
                <a:close/>
                <a:moveTo>
                  <a:pt x="2315256" y="2179725"/>
                </a:moveTo>
                <a:cubicBezTo>
                  <a:pt x="2124977" y="2519973"/>
                  <a:pt x="1777729" y="2743099"/>
                  <a:pt x="1389179" y="2774782"/>
                </a:cubicBezTo>
                <a:cubicBezTo>
                  <a:pt x="1000629" y="2806465"/>
                  <a:pt x="621821" y="2642541"/>
                  <a:pt x="378934" y="2337614"/>
                </a:cubicBezTo>
                <a:lnTo>
                  <a:pt x="519502" y="2225645"/>
                </a:lnTo>
                <a:cubicBezTo>
                  <a:pt x="725082" y="2483736"/>
                  <a:pt x="1045705" y="2622480"/>
                  <a:pt x="1374574" y="2595664"/>
                </a:cubicBezTo>
                <a:cubicBezTo>
                  <a:pt x="1703443" y="2568848"/>
                  <a:pt x="1997353" y="2379994"/>
                  <a:pt x="2158406" y="2092008"/>
                </a:cubicBezTo>
                <a:close/>
                <a:moveTo>
                  <a:pt x="2315941" y="1615003"/>
                </a:moveTo>
                <a:lnTo>
                  <a:pt x="272242" y="1615003"/>
                </a:lnTo>
                <a:lnTo>
                  <a:pt x="872561" y="666216"/>
                </a:lnTo>
                <a:lnTo>
                  <a:pt x="872561" y="219906"/>
                </a:lnTo>
                <a:cubicBezTo>
                  <a:pt x="872561" y="98674"/>
                  <a:pt x="970839" y="396"/>
                  <a:pt x="1092071" y="396"/>
                </a:cubicBezTo>
                <a:lnTo>
                  <a:pt x="1293841" y="396"/>
                </a:lnTo>
                <a:lnTo>
                  <a:pt x="1294092" y="0"/>
                </a:lnTo>
                <a:lnTo>
                  <a:pt x="1294343" y="396"/>
                </a:lnTo>
                <a:lnTo>
                  <a:pt x="1470231" y="396"/>
                </a:lnTo>
                <a:cubicBezTo>
                  <a:pt x="1591463" y="396"/>
                  <a:pt x="1689741" y="98674"/>
                  <a:pt x="1689741" y="219906"/>
                </a:cubicBezTo>
                <a:lnTo>
                  <a:pt x="1689741" y="625313"/>
                </a:lnTo>
                <a:close/>
                <a:moveTo>
                  <a:pt x="2708011" y="2399368"/>
                </a:moveTo>
                <a:cubicBezTo>
                  <a:pt x="2440740" y="2877288"/>
                  <a:pt x="1950128" y="3187847"/>
                  <a:pt x="1403807" y="3224932"/>
                </a:cubicBezTo>
                <a:cubicBezTo>
                  <a:pt x="857486" y="3262017"/>
                  <a:pt x="329406" y="3020609"/>
                  <a:pt x="0" y="2583191"/>
                </a:cubicBezTo>
                <a:lnTo>
                  <a:pt x="143153" y="2475389"/>
                </a:lnTo>
                <a:cubicBezTo>
                  <a:pt x="436120" y="2864419"/>
                  <a:pt x="905784" y="3079123"/>
                  <a:pt x="1391671" y="3046140"/>
                </a:cubicBezTo>
                <a:cubicBezTo>
                  <a:pt x="1877558" y="3013157"/>
                  <a:pt x="2313899" y="2736952"/>
                  <a:pt x="2551604" y="2311899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7" name="Donut 8">
            <a:extLst>
              <a:ext uri="{FF2B5EF4-FFF2-40B4-BE49-F238E27FC236}">
                <a16:creationId xmlns:a16="http://schemas.microsoft.com/office/drawing/2014/main" id="{E6D41FF5-B672-4C8A-A062-73A4028D9602}"/>
              </a:ext>
            </a:extLst>
          </p:cNvPr>
          <p:cNvSpPr/>
          <p:nvPr/>
        </p:nvSpPr>
        <p:spPr>
          <a:xfrm>
            <a:off x="9475134" y="3608548"/>
            <a:ext cx="486216" cy="581184"/>
          </a:xfrm>
          <a:custGeom>
            <a:avLst/>
            <a:gdLst/>
            <a:ahLst/>
            <a:cxnLst/>
            <a:rect l="l" t="t" r="r" b="b"/>
            <a:pathLst>
              <a:path w="2688046" h="3213079">
                <a:moveTo>
                  <a:pt x="1056023" y="556744"/>
                </a:moveTo>
                <a:lnTo>
                  <a:pt x="1056023" y="906412"/>
                </a:lnTo>
                <a:cubicBezTo>
                  <a:pt x="641240" y="1029807"/>
                  <a:pt x="338989" y="1414134"/>
                  <a:pt x="338989" y="1869056"/>
                </a:cubicBezTo>
                <a:cubicBezTo>
                  <a:pt x="338989" y="2424121"/>
                  <a:pt x="788958" y="2874090"/>
                  <a:pt x="1344023" y="2874090"/>
                </a:cubicBezTo>
                <a:cubicBezTo>
                  <a:pt x="1899088" y="2874090"/>
                  <a:pt x="2349057" y="2424121"/>
                  <a:pt x="2349057" y="1869056"/>
                </a:cubicBezTo>
                <a:cubicBezTo>
                  <a:pt x="2349057" y="1414134"/>
                  <a:pt x="2046806" y="1029807"/>
                  <a:pt x="1632023" y="906412"/>
                </a:cubicBezTo>
                <a:lnTo>
                  <a:pt x="1632023" y="556744"/>
                </a:lnTo>
                <a:cubicBezTo>
                  <a:pt x="2235992" y="687900"/>
                  <a:pt x="2688046" y="1225687"/>
                  <a:pt x="2688046" y="1869056"/>
                </a:cubicBezTo>
                <a:cubicBezTo>
                  <a:pt x="2688046" y="2611339"/>
                  <a:pt x="2086306" y="3213079"/>
                  <a:pt x="1344023" y="3213079"/>
                </a:cubicBezTo>
                <a:cubicBezTo>
                  <a:pt x="601740" y="3213079"/>
                  <a:pt x="0" y="2611339"/>
                  <a:pt x="0" y="1869056"/>
                </a:cubicBezTo>
                <a:cubicBezTo>
                  <a:pt x="0" y="1225687"/>
                  <a:pt x="452054" y="687900"/>
                  <a:pt x="1056023" y="556744"/>
                </a:cubicBezTo>
                <a:close/>
                <a:moveTo>
                  <a:pt x="1344023" y="0"/>
                </a:moveTo>
                <a:cubicBezTo>
                  <a:pt x="1443445" y="0"/>
                  <a:pt x="1524043" y="80598"/>
                  <a:pt x="1524043" y="180020"/>
                </a:cubicBezTo>
                <a:lnTo>
                  <a:pt x="1524043" y="1413058"/>
                </a:lnTo>
                <a:cubicBezTo>
                  <a:pt x="1524043" y="1512480"/>
                  <a:pt x="1443445" y="1593078"/>
                  <a:pt x="1344023" y="1593078"/>
                </a:cubicBezTo>
                <a:cubicBezTo>
                  <a:pt x="1244601" y="1593078"/>
                  <a:pt x="1164003" y="1512480"/>
                  <a:pt x="1164003" y="1413058"/>
                </a:cubicBezTo>
                <a:lnTo>
                  <a:pt x="1164003" y="180020"/>
                </a:lnTo>
                <a:cubicBezTo>
                  <a:pt x="1164003" y="80598"/>
                  <a:pt x="1244601" y="0"/>
                  <a:pt x="1344023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58" name="Freeform 18">
            <a:extLst>
              <a:ext uri="{FF2B5EF4-FFF2-40B4-BE49-F238E27FC236}">
                <a16:creationId xmlns:a16="http://schemas.microsoft.com/office/drawing/2014/main" id="{F57ADD61-A5C9-4BA6-A485-F46349246C4A}"/>
              </a:ext>
            </a:extLst>
          </p:cNvPr>
          <p:cNvSpPr/>
          <p:nvPr/>
        </p:nvSpPr>
        <p:spPr>
          <a:xfrm>
            <a:off x="10104940" y="4747559"/>
            <a:ext cx="511325" cy="412677"/>
          </a:xfrm>
          <a:custGeom>
            <a:avLst/>
            <a:gdLst/>
            <a:ahLst/>
            <a:cxnLst/>
            <a:rect l="l" t="t" r="r" b="b"/>
            <a:pathLst>
              <a:path w="3307788" h="2669631">
                <a:moveTo>
                  <a:pt x="2793832" y="1478391"/>
                </a:moveTo>
                <a:cubicBezTo>
                  <a:pt x="2772990" y="1635402"/>
                  <a:pt x="2717678" y="1784517"/>
                  <a:pt x="2633007" y="1915952"/>
                </a:cubicBezTo>
                <a:cubicBezTo>
                  <a:pt x="2695386" y="1951862"/>
                  <a:pt x="2772768" y="1955673"/>
                  <a:pt x="2841607" y="1924185"/>
                </a:cubicBezTo>
                <a:cubicBezTo>
                  <a:pt x="2943442" y="1877605"/>
                  <a:pt x="2999062" y="1766364"/>
                  <a:pt x="2975226" y="1656948"/>
                </a:cubicBezTo>
                <a:cubicBezTo>
                  <a:pt x="2955176" y="1564911"/>
                  <a:pt x="2883463" y="1495086"/>
                  <a:pt x="2793832" y="1478391"/>
                </a:cubicBezTo>
                <a:close/>
                <a:moveTo>
                  <a:pt x="2807611" y="1247700"/>
                </a:moveTo>
                <a:lnTo>
                  <a:pt x="2807472" y="1256060"/>
                </a:lnTo>
                <a:cubicBezTo>
                  <a:pt x="2994195" y="1281771"/>
                  <a:pt x="3148201" y="1421768"/>
                  <a:pt x="3189276" y="1610317"/>
                </a:cubicBezTo>
                <a:cubicBezTo>
                  <a:pt x="3235041" y="1820393"/>
                  <a:pt x="3128252" y="2033972"/>
                  <a:pt x="2932732" y="2123406"/>
                </a:cubicBezTo>
                <a:cubicBezTo>
                  <a:pt x="2789297" y="2189015"/>
                  <a:pt x="2626543" y="2174805"/>
                  <a:pt x="2499470" y="2094044"/>
                </a:cubicBezTo>
                <a:cubicBezTo>
                  <a:pt x="2427194" y="2172627"/>
                  <a:pt x="2343030" y="2241391"/>
                  <a:pt x="2248861" y="2297980"/>
                </a:cubicBezTo>
                <a:cubicBezTo>
                  <a:pt x="2178351" y="2340352"/>
                  <a:pt x="2104446" y="2374567"/>
                  <a:pt x="2027600" y="2398134"/>
                </a:cubicBezTo>
                <a:lnTo>
                  <a:pt x="3307788" y="2397615"/>
                </a:lnTo>
                <a:cubicBezTo>
                  <a:pt x="3265361" y="2549905"/>
                  <a:pt x="2537441" y="2669620"/>
                  <a:pt x="1653814" y="2669631"/>
                </a:cubicBezTo>
                <a:cubicBezTo>
                  <a:pt x="773102" y="2669642"/>
                  <a:pt x="46417" y="2550707"/>
                  <a:pt x="0" y="2398955"/>
                </a:cubicBezTo>
                <a:lnTo>
                  <a:pt x="1280678" y="2398436"/>
                </a:lnTo>
                <a:cubicBezTo>
                  <a:pt x="1203764" y="2374915"/>
                  <a:pt x="1129786" y="2340732"/>
                  <a:pt x="1059201" y="2298380"/>
                </a:cubicBezTo>
                <a:cubicBezTo>
                  <a:pt x="693039" y="2078675"/>
                  <a:pt x="477900" y="1674935"/>
                  <a:pt x="499745" y="1248476"/>
                </a:cubicBezTo>
                <a:close/>
                <a:moveTo>
                  <a:pt x="1331611" y="201752"/>
                </a:moveTo>
                <a:cubicBezTo>
                  <a:pt x="1206335" y="290902"/>
                  <a:pt x="1124761" y="308382"/>
                  <a:pt x="1132336" y="435988"/>
                </a:cubicBezTo>
                <a:cubicBezTo>
                  <a:pt x="1160888" y="640507"/>
                  <a:pt x="1527973" y="617783"/>
                  <a:pt x="1498839" y="840365"/>
                </a:cubicBezTo>
                <a:cubicBezTo>
                  <a:pt x="1455138" y="960979"/>
                  <a:pt x="1395705" y="987199"/>
                  <a:pt x="1213910" y="1052459"/>
                </a:cubicBezTo>
                <a:cubicBezTo>
                  <a:pt x="1331028" y="972050"/>
                  <a:pt x="1364241" y="921357"/>
                  <a:pt x="1360745" y="809484"/>
                </a:cubicBezTo>
                <a:cubicBezTo>
                  <a:pt x="1360746" y="646916"/>
                  <a:pt x="1111360" y="626523"/>
                  <a:pt x="1020462" y="495421"/>
                </a:cubicBezTo>
                <a:cubicBezTo>
                  <a:pt x="941218" y="374224"/>
                  <a:pt x="1061250" y="280996"/>
                  <a:pt x="1331611" y="201752"/>
                </a:cubicBezTo>
                <a:close/>
                <a:moveTo>
                  <a:pt x="2164365" y="80223"/>
                </a:moveTo>
                <a:cubicBezTo>
                  <a:pt x="2021192" y="182108"/>
                  <a:pt x="1927964" y="202086"/>
                  <a:pt x="1936621" y="347922"/>
                </a:cubicBezTo>
                <a:cubicBezTo>
                  <a:pt x="1969252" y="581657"/>
                  <a:pt x="2388778" y="555687"/>
                  <a:pt x="2355482" y="810066"/>
                </a:cubicBezTo>
                <a:cubicBezTo>
                  <a:pt x="2305538" y="947910"/>
                  <a:pt x="2237615" y="977876"/>
                  <a:pt x="2029849" y="1052459"/>
                </a:cubicBezTo>
                <a:cubicBezTo>
                  <a:pt x="2163698" y="960563"/>
                  <a:pt x="2201656" y="902628"/>
                  <a:pt x="2197660" y="774773"/>
                </a:cubicBezTo>
                <a:cubicBezTo>
                  <a:pt x="2197661" y="588982"/>
                  <a:pt x="1912649" y="565676"/>
                  <a:pt x="1808765" y="415844"/>
                </a:cubicBezTo>
                <a:cubicBezTo>
                  <a:pt x="1718201" y="277334"/>
                  <a:pt x="1855380" y="170787"/>
                  <a:pt x="2164365" y="80223"/>
                </a:cubicBezTo>
                <a:close/>
                <a:moveTo>
                  <a:pt x="1754169" y="0"/>
                </a:moveTo>
                <a:cubicBezTo>
                  <a:pt x="1583512" y="121444"/>
                  <a:pt x="1472387" y="145257"/>
                  <a:pt x="1482706" y="319088"/>
                </a:cubicBezTo>
                <a:cubicBezTo>
                  <a:pt x="1521601" y="597693"/>
                  <a:pt x="2021663" y="566738"/>
                  <a:pt x="1981975" y="869950"/>
                </a:cubicBezTo>
                <a:cubicBezTo>
                  <a:pt x="1922443" y="1034256"/>
                  <a:pt x="1841481" y="1069974"/>
                  <a:pt x="1593831" y="1158875"/>
                </a:cubicBezTo>
                <a:cubicBezTo>
                  <a:pt x="1753374" y="1049338"/>
                  <a:pt x="1798619" y="980281"/>
                  <a:pt x="1793856" y="827882"/>
                </a:cubicBezTo>
                <a:cubicBezTo>
                  <a:pt x="1793857" y="606424"/>
                  <a:pt x="1454132" y="578644"/>
                  <a:pt x="1330306" y="400050"/>
                </a:cubicBezTo>
                <a:cubicBezTo>
                  <a:pt x="1222356" y="234950"/>
                  <a:pt x="1385869" y="107950"/>
                  <a:pt x="1754169" y="0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59" name="Oval 7">
            <a:extLst>
              <a:ext uri="{FF2B5EF4-FFF2-40B4-BE49-F238E27FC236}">
                <a16:creationId xmlns:a16="http://schemas.microsoft.com/office/drawing/2014/main" id="{5B3365E1-0E4A-4E37-8487-402BEAEC4C18}"/>
              </a:ext>
            </a:extLst>
          </p:cNvPr>
          <p:cNvSpPr/>
          <p:nvPr/>
        </p:nvSpPr>
        <p:spPr>
          <a:xfrm>
            <a:off x="10252271" y="3641889"/>
            <a:ext cx="514505" cy="514505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1415334" y="1947658"/>
                </a:moveTo>
                <a:lnTo>
                  <a:pt x="838053" y="2871852"/>
                </a:lnTo>
                <a:cubicBezTo>
                  <a:pt x="1312591" y="3168264"/>
                  <a:pt x="1913932" y="3170879"/>
                  <a:pt x="2391030" y="2878606"/>
                </a:cubicBezTo>
                <a:lnTo>
                  <a:pt x="1821709" y="1949263"/>
                </a:lnTo>
                <a:cubicBezTo>
                  <a:pt x="1763478" y="1986502"/>
                  <a:pt x="1694174" y="2007350"/>
                  <a:pt x="1620000" y="2007350"/>
                </a:cubicBezTo>
                <a:cubicBezTo>
                  <a:pt x="1544621" y="2007350"/>
                  <a:pt x="1474270" y="1985818"/>
                  <a:pt x="1415334" y="1947658"/>
                </a:cubicBezTo>
                <a:close/>
                <a:moveTo>
                  <a:pt x="1620001" y="1350973"/>
                </a:moveTo>
                <a:cubicBezTo>
                  <a:pt x="1471421" y="1350973"/>
                  <a:pt x="1350973" y="1471421"/>
                  <a:pt x="1350973" y="1620001"/>
                </a:cubicBezTo>
                <a:cubicBezTo>
                  <a:pt x="1350973" y="1768581"/>
                  <a:pt x="1471421" y="1889029"/>
                  <a:pt x="1620001" y="1889029"/>
                </a:cubicBezTo>
                <a:cubicBezTo>
                  <a:pt x="1768581" y="1889029"/>
                  <a:pt x="1889029" y="1768581"/>
                  <a:pt x="1889029" y="1620001"/>
                </a:cubicBezTo>
                <a:cubicBezTo>
                  <a:pt x="1889029" y="1471421"/>
                  <a:pt x="1768581" y="1350973"/>
                  <a:pt x="1620001" y="1350973"/>
                </a:cubicBezTo>
                <a:close/>
                <a:moveTo>
                  <a:pt x="2324470" y="322965"/>
                </a:moveTo>
                <a:lnTo>
                  <a:pt x="1804044" y="1281148"/>
                </a:lnTo>
                <a:cubicBezTo>
                  <a:pt x="1925507" y="1345192"/>
                  <a:pt x="2007350" y="1473038"/>
                  <a:pt x="2007350" y="1620000"/>
                </a:cubicBezTo>
                <a:lnTo>
                  <a:pt x="2005998" y="1633413"/>
                </a:lnTo>
                <a:lnTo>
                  <a:pt x="3095109" y="1671260"/>
                </a:lnTo>
                <a:cubicBezTo>
                  <a:pt x="3114541" y="1112092"/>
                  <a:pt x="2816135" y="590008"/>
                  <a:pt x="2324470" y="322965"/>
                </a:cubicBezTo>
                <a:close/>
                <a:moveTo>
                  <a:pt x="926838" y="316888"/>
                </a:moveTo>
                <a:cubicBezTo>
                  <a:pt x="432869" y="579644"/>
                  <a:pt x="129933" y="1099113"/>
                  <a:pt x="144500" y="1658429"/>
                </a:cubicBezTo>
                <a:lnTo>
                  <a:pt x="1233664" y="1630062"/>
                </a:lnTo>
                <a:cubicBezTo>
                  <a:pt x="1232693" y="1626734"/>
                  <a:pt x="1232650" y="1623372"/>
                  <a:pt x="1232650" y="1620000"/>
                </a:cubicBezTo>
                <a:cubicBezTo>
                  <a:pt x="1232650" y="1471836"/>
                  <a:pt x="1315838" y="1343102"/>
                  <a:pt x="1438904" y="1279548"/>
                </a:cubicBezTo>
                <a:close/>
                <a:moveTo>
                  <a:pt x="1620000" y="0"/>
                </a:moveTo>
                <a:cubicBezTo>
                  <a:pt x="2514701" y="0"/>
                  <a:pt x="3240000" y="725299"/>
                  <a:pt x="3240000" y="1620000"/>
                </a:cubicBezTo>
                <a:cubicBezTo>
                  <a:pt x="3240000" y="2514701"/>
                  <a:pt x="2514701" y="3240000"/>
                  <a:pt x="1620000" y="3240000"/>
                </a:cubicBezTo>
                <a:cubicBezTo>
                  <a:pt x="725299" y="3240000"/>
                  <a:pt x="0" y="2514701"/>
                  <a:pt x="0" y="1620000"/>
                </a:cubicBezTo>
                <a:cubicBezTo>
                  <a:pt x="0" y="725299"/>
                  <a:pt x="725299" y="0"/>
                  <a:pt x="1620000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0" name="Freeform 20">
            <a:extLst>
              <a:ext uri="{FF2B5EF4-FFF2-40B4-BE49-F238E27FC236}">
                <a16:creationId xmlns:a16="http://schemas.microsoft.com/office/drawing/2014/main" id="{E674EC10-6DF4-4D79-8C68-8E0E302F4814}"/>
              </a:ext>
            </a:extLst>
          </p:cNvPr>
          <p:cNvSpPr/>
          <p:nvPr/>
        </p:nvSpPr>
        <p:spPr>
          <a:xfrm>
            <a:off x="10998217" y="5652772"/>
            <a:ext cx="536427" cy="573297"/>
          </a:xfrm>
          <a:custGeom>
            <a:avLst/>
            <a:gdLst>
              <a:gd name="connsiteX0" fmla="*/ 795647 w 2149434"/>
              <a:gd name="connsiteY0" fmla="*/ 2933205 h 2933205"/>
              <a:gd name="connsiteX1" fmla="*/ 0 w 2149434"/>
              <a:gd name="connsiteY1" fmla="*/ 1531917 h 2933205"/>
              <a:gd name="connsiteX2" fmla="*/ 463138 w 2149434"/>
              <a:gd name="connsiteY2" fmla="*/ 1733797 h 2933205"/>
              <a:gd name="connsiteX3" fmla="*/ 700645 w 2149434"/>
              <a:gd name="connsiteY3" fmla="*/ 166255 h 2933205"/>
              <a:gd name="connsiteX4" fmla="*/ 676894 w 2149434"/>
              <a:gd name="connsiteY4" fmla="*/ 0 h 2933205"/>
              <a:gd name="connsiteX5" fmla="*/ 2066307 w 2149434"/>
              <a:gd name="connsiteY5" fmla="*/ 819397 h 2933205"/>
              <a:gd name="connsiteX6" fmla="*/ 2149434 w 2149434"/>
              <a:gd name="connsiteY6" fmla="*/ 593766 h 2933205"/>
              <a:gd name="connsiteX7" fmla="*/ 1816925 w 2149434"/>
              <a:gd name="connsiteY7" fmla="*/ 2933205 h 2933205"/>
              <a:gd name="connsiteX8" fmla="*/ 1187533 w 2149434"/>
              <a:gd name="connsiteY8" fmla="*/ 926275 h 2933205"/>
              <a:gd name="connsiteX9" fmla="*/ 1080655 w 2149434"/>
              <a:gd name="connsiteY9" fmla="*/ 1828800 h 2933205"/>
              <a:gd name="connsiteX10" fmla="*/ 914400 w 2149434"/>
              <a:gd name="connsiteY10" fmla="*/ 1448790 h 2933205"/>
              <a:gd name="connsiteX11" fmla="*/ 795647 w 2149434"/>
              <a:gd name="connsiteY11" fmla="*/ 2933205 h 2933205"/>
              <a:gd name="connsiteX0" fmla="*/ 795647 w 2149434"/>
              <a:gd name="connsiteY0" fmla="*/ 2933205 h 2933205"/>
              <a:gd name="connsiteX1" fmla="*/ 0 w 2149434"/>
              <a:gd name="connsiteY1" fmla="*/ 1531917 h 2933205"/>
              <a:gd name="connsiteX2" fmla="*/ 463138 w 2149434"/>
              <a:gd name="connsiteY2" fmla="*/ 1733797 h 2933205"/>
              <a:gd name="connsiteX3" fmla="*/ 676894 w 2149434"/>
              <a:gd name="connsiteY3" fmla="*/ 0 h 2933205"/>
              <a:gd name="connsiteX4" fmla="*/ 2066307 w 2149434"/>
              <a:gd name="connsiteY4" fmla="*/ 819397 h 2933205"/>
              <a:gd name="connsiteX5" fmla="*/ 2149434 w 2149434"/>
              <a:gd name="connsiteY5" fmla="*/ 593766 h 2933205"/>
              <a:gd name="connsiteX6" fmla="*/ 1816925 w 2149434"/>
              <a:gd name="connsiteY6" fmla="*/ 2933205 h 2933205"/>
              <a:gd name="connsiteX7" fmla="*/ 1187533 w 2149434"/>
              <a:gd name="connsiteY7" fmla="*/ 926275 h 2933205"/>
              <a:gd name="connsiteX8" fmla="*/ 1080655 w 2149434"/>
              <a:gd name="connsiteY8" fmla="*/ 1828800 h 2933205"/>
              <a:gd name="connsiteX9" fmla="*/ 914400 w 2149434"/>
              <a:gd name="connsiteY9" fmla="*/ 1448790 h 2933205"/>
              <a:gd name="connsiteX10" fmla="*/ 795647 w 2149434"/>
              <a:gd name="connsiteY10" fmla="*/ 2933205 h 2933205"/>
              <a:gd name="connsiteX0" fmla="*/ 795647 w 2149434"/>
              <a:gd name="connsiteY0" fmla="*/ 3150488 h 3150488"/>
              <a:gd name="connsiteX1" fmla="*/ 0 w 2149434"/>
              <a:gd name="connsiteY1" fmla="*/ 1749200 h 3150488"/>
              <a:gd name="connsiteX2" fmla="*/ 463138 w 2149434"/>
              <a:gd name="connsiteY2" fmla="*/ 1951080 h 3150488"/>
              <a:gd name="connsiteX3" fmla="*/ 776482 w 2149434"/>
              <a:gd name="connsiteY3" fmla="*/ 0 h 3150488"/>
              <a:gd name="connsiteX4" fmla="*/ 2066307 w 2149434"/>
              <a:gd name="connsiteY4" fmla="*/ 1036680 h 3150488"/>
              <a:gd name="connsiteX5" fmla="*/ 2149434 w 2149434"/>
              <a:gd name="connsiteY5" fmla="*/ 811049 h 3150488"/>
              <a:gd name="connsiteX6" fmla="*/ 1816925 w 2149434"/>
              <a:gd name="connsiteY6" fmla="*/ 3150488 h 3150488"/>
              <a:gd name="connsiteX7" fmla="*/ 1187533 w 2149434"/>
              <a:gd name="connsiteY7" fmla="*/ 1143558 h 3150488"/>
              <a:gd name="connsiteX8" fmla="*/ 1080655 w 2149434"/>
              <a:gd name="connsiteY8" fmla="*/ 2046083 h 3150488"/>
              <a:gd name="connsiteX9" fmla="*/ 914400 w 2149434"/>
              <a:gd name="connsiteY9" fmla="*/ 1666073 h 3150488"/>
              <a:gd name="connsiteX10" fmla="*/ 795647 w 2149434"/>
              <a:gd name="connsiteY10" fmla="*/ 3150488 h 3150488"/>
              <a:gd name="connsiteX0" fmla="*/ 795647 w 2149434"/>
              <a:gd name="connsiteY0" fmla="*/ 3150488 h 3150488"/>
              <a:gd name="connsiteX1" fmla="*/ 0 w 2149434"/>
              <a:gd name="connsiteY1" fmla="*/ 1749200 h 3150488"/>
              <a:gd name="connsiteX2" fmla="*/ 463138 w 2149434"/>
              <a:gd name="connsiteY2" fmla="*/ 1951080 h 3150488"/>
              <a:gd name="connsiteX3" fmla="*/ 776482 w 2149434"/>
              <a:gd name="connsiteY3" fmla="*/ 0 h 3150488"/>
              <a:gd name="connsiteX4" fmla="*/ 2066307 w 2149434"/>
              <a:gd name="connsiteY4" fmla="*/ 1036680 h 3150488"/>
              <a:gd name="connsiteX5" fmla="*/ 2149434 w 2149434"/>
              <a:gd name="connsiteY5" fmla="*/ 811049 h 3150488"/>
              <a:gd name="connsiteX6" fmla="*/ 1816925 w 2149434"/>
              <a:gd name="connsiteY6" fmla="*/ 3150488 h 3150488"/>
              <a:gd name="connsiteX7" fmla="*/ 1187533 w 2149434"/>
              <a:gd name="connsiteY7" fmla="*/ 1143558 h 3150488"/>
              <a:gd name="connsiteX8" fmla="*/ 1080655 w 2149434"/>
              <a:gd name="connsiteY8" fmla="*/ 2046083 h 3150488"/>
              <a:gd name="connsiteX9" fmla="*/ 914400 w 2149434"/>
              <a:gd name="connsiteY9" fmla="*/ 1666073 h 3150488"/>
              <a:gd name="connsiteX10" fmla="*/ 795647 w 2149434"/>
              <a:gd name="connsiteY10" fmla="*/ 3150488 h 3150488"/>
              <a:gd name="connsiteX0" fmla="*/ 795647 w 2149434"/>
              <a:gd name="connsiteY0" fmla="*/ 3150488 h 3150488"/>
              <a:gd name="connsiteX1" fmla="*/ 0 w 2149434"/>
              <a:gd name="connsiteY1" fmla="*/ 1749200 h 3150488"/>
              <a:gd name="connsiteX2" fmla="*/ 463138 w 2149434"/>
              <a:gd name="connsiteY2" fmla="*/ 1951080 h 3150488"/>
              <a:gd name="connsiteX3" fmla="*/ 776482 w 2149434"/>
              <a:gd name="connsiteY3" fmla="*/ 0 h 3150488"/>
              <a:gd name="connsiteX4" fmla="*/ 1975772 w 2149434"/>
              <a:gd name="connsiteY4" fmla="*/ 991413 h 3150488"/>
              <a:gd name="connsiteX5" fmla="*/ 2149434 w 2149434"/>
              <a:gd name="connsiteY5" fmla="*/ 811049 h 3150488"/>
              <a:gd name="connsiteX6" fmla="*/ 1816925 w 2149434"/>
              <a:gd name="connsiteY6" fmla="*/ 3150488 h 3150488"/>
              <a:gd name="connsiteX7" fmla="*/ 1187533 w 2149434"/>
              <a:gd name="connsiteY7" fmla="*/ 1143558 h 3150488"/>
              <a:gd name="connsiteX8" fmla="*/ 1080655 w 2149434"/>
              <a:gd name="connsiteY8" fmla="*/ 2046083 h 3150488"/>
              <a:gd name="connsiteX9" fmla="*/ 914400 w 2149434"/>
              <a:gd name="connsiteY9" fmla="*/ 1666073 h 3150488"/>
              <a:gd name="connsiteX10" fmla="*/ 795647 w 2149434"/>
              <a:gd name="connsiteY10" fmla="*/ 3150488 h 3150488"/>
              <a:gd name="connsiteX0" fmla="*/ 795647 w 2149434"/>
              <a:gd name="connsiteY0" fmla="*/ 3150488 h 3150488"/>
              <a:gd name="connsiteX1" fmla="*/ 0 w 2149434"/>
              <a:gd name="connsiteY1" fmla="*/ 1749200 h 3150488"/>
              <a:gd name="connsiteX2" fmla="*/ 463138 w 2149434"/>
              <a:gd name="connsiteY2" fmla="*/ 1951080 h 3150488"/>
              <a:gd name="connsiteX3" fmla="*/ 776482 w 2149434"/>
              <a:gd name="connsiteY3" fmla="*/ 0 h 3150488"/>
              <a:gd name="connsiteX4" fmla="*/ 1975772 w 2149434"/>
              <a:gd name="connsiteY4" fmla="*/ 991413 h 3150488"/>
              <a:gd name="connsiteX5" fmla="*/ 2149434 w 2149434"/>
              <a:gd name="connsiteY5" fmla="*/ 811049 h 3150488"/>
              <a:gd name="connsiteX6" fmla="*/ 1816925 w 2149434"/>
              <a:gd name="connsiteY6" fmla="*/ 3150488 h 3150488"/>
              <a:gd name="connsiteX7" fmla="*/ 1187533 w 2149434"/>
              <a:gd name="connsiteY7" fmla="*/ 1143558 h 3150488"/>
              <a:gd name="connsiteX8" fmla="*/ 1080655 w 2149434"/>
              <a:gd name="connsiteY8" fmla="*/ 2046083 h 3150488"/>
              <a:gd name="connsiteX9" fmla="*/ 914400 w 2149434"/>
              <a:gd name="connsiteY9" fmla="*/ 1666073 h 3150488"/>
              <a:gd name="connsiteX10" fmla="*/ 795647 w 2149434"/>
              <a:gd name="connsiteY10" fmla="*/ 3150488 h 3150488"/>
              <a:gd name="connsiteX0" fmla="*/ 795647 w 2149434"/>
              <a:gd name="connsiteY0" fmla="*/ 3150488 h 3150488"/>
              <a:gd name="connsiteX1" fmla="*/ 0 w 2149434"/>
              <a:gd name="connsiteY1" fmla="*/ 1749200 h 3150488"/>
              <a:gd name="connsiteX2" fmla="*/ 463138 w 2149434"/>
              <a:gd name="connsiteY2" fmla="*/ 1951080 h 3150488"/>
              <a:gd name="connsiteX3" fmla="*/ 776482 w 2149434"/>
              <a:gd name="connsiteY3" fmla="*/ 0 h 3150488"/>
              <a:gd name="connsiteX4" fmla="*/ 1975772 w 2149434"/>
              <a:gd name="connsiteY4" fmla="*/ 991413 h 3150488"/>
              <a:gd name="connsiteX5" fmla="*/ 2149434 w 2149434"/>
              <a:gd name="connsiteY5" fmla="*/ 811049 h 3150488"/>
              <a:gd name="connsiteX6" fmla="*/ 1816925 w 2149434"/>
              <a:gd name="connsiteY6" fmla="*/ 3150488 h 3150488"/>
              <a:gd name="connsiteX7" fmla="*/ 1187533 w 2149434"/>
              <a:gd name="connsiteY7" fmla="*/ 1143558 h 3150488"/>
              <a:gd name="connsiteX8" fmla="*/ 1080655 w 2149434"/>
              <a:gd name="connsiteY8" fmla="*/ 2046083 h 3150488"/>
              <a:gd name="connsiteX9" fmla="*/ 914400 w 2149434"/>
              <a:gd name="connsiteY9" fmla="*/ 1666073 h 3150488"/>
              <a:gd name="connsiteX10" fmla="*/ 795647 w 2149434"/>
              <a:gd name="connsiteY10" fmla="*/ 3150488 h 3150488"/>
              <a:gd name="connsiteX0" fmla="*/ 795647 w 2095113"/>
              <a:gd name="connsiteY0" fmla="*/ 3150488 h 3150488"/>
              <a:gd name="connsiteX1" fmla="*/ 0 w 2095113"/>
              <a:gd name="connsiteY1" fmla="*/ 1749200 h 3150488"/>
              <a:gd name="connsiteX2" fmla="*/ 463138 w 2095113"/>
              <a:gd name="connsiteY2" fmla="*/ 1951080 h 3150488"/>
              <a:gd name="connsiteX3" fmla="*/ 776482 w 2095113"/>
              <a:gd name="connsiteY3" fmla="*/ 0 h 3150488"/>
              <a:gd name="connsiteX4" fmla="*/ 1975772 w 2095113"/>
              <a:gd name="connsiteY4" fmla="*/ 991413 h 3150488"/>
              <a:gd name="connsiteX5" fmla="*/ 2095113 w 2095113"/>
              <a:gd name="connsiteY5" fmla="*/ 702407 h 3150488"/>
              <a:gd name="connsiteX6" fmla="*/ 1816925 w 2095113"/>
              <a:gd name="connsiteY6" fmla="*/ 3150488 h 3150488"/>
              <a:gd name="connsiteX7" fmla="*/ 1187533 w 2095113"/>
              <a:gd name="connsiteY7" fmla="*/ 1143558 h 3150488"/>
              <a:gd name="connsiteX8" fmla="*/ 1080655 w 2095113"/>
              <a:gd name="connsiteY8" fmla="*/ 2046083 h 3150488"/>
              <a:gd name="connsiteX9" fmla="*/ 914400 w 2095113"/>
              <a:gd name="connsiteY9" fmla="*/ 1666073 h 3150488"/>
              <a:gd name="connsiteX10" fmla="*/ 795647 w 2095113"/>
              <a:gd name="connsiteY10" fmla="*/ 3150488 h 3150488"/>
              <a:gd name="connsiteX0" fmla="*/ 795647 w 2760540"/>
              <a:gd name="connsiteY0" fmla="*/ 3150488 h 3150488"/>
              <a:gd name="connsiteX1" fmla="*/ 0 w 2760540"/>
              <a:gd name="connsiteY1" fmla="*/ 1749200 h 3150488"/>
              <a:gd name="connsiteX2" fmla="*/ 463138 w 2760540"/>
              <a:gd name="connsiteY2" fmla="*/ 1951080 h 3150488"/>
              <a:gd name="connsiteX3" fmla="*/ 776482 w 2760540"/>
              <a:gd name="connsiteY3" fmla="*/ 0 h 3150488"/>
              <a:gd name="connsiteX4" fmla="*/ 1975772 w 2760540"/>
              <a:gd name="connsiteY4" fmla="*/ 991413 h 3150488"/>
              <a:gd name="connsiteX5" fmla="*/ 2095113 w 2760540"/>
              <a:gd name="connsiteY5" fmla="*/ 702407 h 3150488"/>
              <a:gd name="connsiteX6" fmla="*/ 1816925 w 2760540"/>
              <a:gd name="connsiteY6" fmla="*/ 3150488 h 3150488"/>
              <a:gd name="connsiteX7" fmla="*/ 1187533 w 2760540"/>
              <a:gd name="connsiteY7" fmla="*/ 1143558 h 3150488"/>
              <a:gd name="connsiteX8" fmla="*/ 1080655 w 2760540"/>
              <a:gd name="connsiteY8" fmla="*/ 2046083 h 3150488"/>
              <a:gd name="connsiteX9" fmla="*/ 914400 w 2760540"/>
              <a:gd name="connsiteY9" fmla="*/ 1666073 h 3150488"/>
              <a:gd name="connsiteX10" fmla="*/ 795647 w 2760540"/>
              <a:gd name="connsiteY10" fmla="*/ 3150488 h 3150488"/>
              <a:gd name="connsiteX0" fmla="*/ 795647 w 2904019"/>
              <a:gd name="connsiteY0" fmla="*/ 3150488 h 3150488"/>
              <a:gd name="connsiteX1" fmla="*/ 0 w 2904019"/>
              <a:gd name="connsiteY1" fmla="*/ 1749200 h 3150488"/>
              <a:gd name="connsiteX2" fmla="*/ 463138 w 2904019"/>
              <a:gd name="connsiteY2" fmla="*/ 1951080 h 3150488"/>
              <a:gd name="connsiteX3" fmla="*/ 776482 w 2904019"/>
              <a:gd name="connsiteY3" fmla="*/ 0 h 3150488"/>
              <a:gd name="connsiteX4" fmla="*/ 1975772 w 2904019"/>
              <a:gd name="connsiteY4" fmla="*/ 991413 h 3150488"/>
              <a:gd name="connsiteX5" fmla="*/ 2095113 w 2904019"/>
              <a:gd name="connsiteY5" fmla="*/ 702407 h 3150488"/>
              <a:gd name="connsiteX6" fmla="*/ 1816925 w 2904019"/>
              <a:gd name="connsiteY6" fmla="*/ 3150488 h 3150488"/>
              <a:gd name="connsiteX7" fmla="*/ 1187533 w 2904019"/>
              <a:gd name="connsiteY7" fmla="*/ 1143558 h 3150488"/>
              <a:gd name="connsiteX8" fmla="*/ 1080655 w 2904019"/>
              <a:gd name="connsiteY8" fmla="*/ 2046083 h 3150488"/>
              <a:gd name="connsiteX9" fmla="*/ 914400 w 2904019"/>
              <a:gd name="connsiteY9" fmla="*/ 1666073 h 3150488"/>
              <a:gd name="connsiteX10" fmla="*/ 795647 w 2904019"/>
              <a:gd name="connsiteY10" fmla="*/ 3150488 h 3150488"/>
              <a:gd name="connsiteX0" fmla="*/ 795647 w 2905418"/>
              <a:gd name="connsiteY0" fmla="*/ 3150488 h 3186701"/>
              <a:gd name="connsiteX1" fmla="*/ 0 w 2905418"/>
              <a:gd name="connsiteY1" fmla="*/ 1749200 h 3186701"/>
              <a:gd name="connsiteX2" fmla="*/ 463138 w 2905418"/>
              <a:gd name="connsiteY2" fmla="*/ 1951080 h 3186701"/>
              <a:gd name="connsiteX3" fmla="*/ 776482 w 2905418"/>
              <a:gd name="connsiteY3" fmla="*/ 0 h 3186701"/>
              <a:gd name="connsiteX4" fmla="*/ 1975772 w 2905418"/>
              <a:gd name="connsiteY4" fmla="*/ 991413 h 3186701"/>
              <a:gd name="connsiteX5" fmla="*/ 2095113 w 2905418"/>
              <a:gd name="connsiteY5" fmla="*/ 702407 h 3186701"/>
              <a:gd name="connsiteX6" fmla="*/ 1821452 w 2905418"/>
              <a:gd name="connsiteY6" fmla="*/ 3186701 h 3186701"/>
              <a:gd name="connsiteX7" fmla="*/ 1187533 w 2905418"/>
              <a:gd name="connsiteY7" fmla="*/ 1143558 h 3186701"/>
              <a:gd name="connsiteX8" fmla="*/ 1080655 w 2905418"/>
              <a:gd name="connsiteY8" fmla="*/ 2046083 h 3186701"/>
              <a:gd name="connsiteX9" fmla="*/ 914400 w 2905418"/>
              <a:gd name="connsiteY9" fmla="*/ 1666073 h 3186701"/>
              <a:gd name="connsiteX10" fmla="*/ 795647 w 2905418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1975772 w 2937337"/>
              <a:gd name="connsiteY4" fmla="*/ 991413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2120628 w 2937337"/>
              <a:gd name="connsiteY4" fmla="*/ 1308284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2120628 w 2937337"/>
              <a:gd name="connsiteY4" fmla="*/ 1308284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2120628 w 2937337"/>
              <a:gd name="connsiteY4" fmla="*/ 1308284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2120628 w 2937337"/>
              <a:gd name="connsiteY4" fmla="*/ 1308284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2120628 w 2937337"/>
              <a:gd name="connsiteY4" fmla="*/ 1308284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2120628 w 2937337"/>
              <a:gd name="connsiteY4" fmla="*/ 1308284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2034620 w 2937337"/>
              <a:gd name="connsiteY4" fmla="*/ 1294704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2034620 w 2937337"/>
              <a:gd name="connsiteY4" fmla="*/ 1294704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937337"/>
              <a:gd name="connsiteY0" fmla="*/ 3150488 h 3186701"/>
              <a:gd name="connsiteX1" fmla="*/ 0 w 2937337"/>
              <a:gd name="connsiteY1" fmla="*/ 1749200 h 3186701"/>
              <a:gd name="connsiteX2" fmla="*/ 463138 w 2937337"/>
              <a:gd name="connsiteY2" fmla="*/ 1951080 h 3186701"/>
              <a:gd name="connsiteX3" fmla="*/ 776482 w 2937337"/>
              <a:gd name="connsiteY3" fmla="*/ 0 h 3186701"/>
              <a:gd name="connsiteX4" fmla="*/ 2034620 w 2937337"/>
              <a:gd name="connsiteY4" fmla="*/ 1294704 h 3186701"/>
              <a:gd name="connsiteX5" fmla="*/ 2095113 w 2937337"/>
              <a:gd name="connsiteY5" fmla="*/ 702407 h 3186701"/>
              <a:gd name="connsiteX6" fmla="*/ 1821452 w 2937337"/>
              <a:gd name="connsiteY6" fmla="*/ 3186701 h 3186701"/>
              <a:gd name="connsiteX7" fmla="*/ 1187533 w 2937337"/>
              <a:gd name="connsiteY7" fmla="*/ 1143558 h 3186701"/>
              <a:gd name="connsiteX8" fmla="*/ 1080655 w 2937337"/>
              <a:gd name="connsiteY8" fmla="*/ 2046083 h 3186701"/>
              <a:gd name="connsiteX9" fmla="*/ 914400 w 2937337"/>
              <a:gd name="connsiteY9" fmla="*/ 1666073 h 3186701"/>
              <a:gd name="connsiteX10" fmla="*/ 795647 w 2937337"/>
              <a:gd name="connsiteY10" fmla="*/ 3150488 h 3186701"/>
              <a:gd name="connsiteX0" fmla="*/ 795647 w 2893849"/>
              <a:gd name="connsiteY0" fmla="*/ 3150488 h 3186701"/>
              <a:gd name="connsiteX1" fmla="*/ 0 w 2893849"/>
              <a:gd name="connsiteY1" fmla="*/ 1749200 h 3186701"/>
              <a:gd name="connsiteX2" fmla="*/ 463138 w 2893849"/>
              <a:gd name="connsiteY2" fmla="*/ 1951080 h 3186701"/>
              <a:gd name="connsiteX3" fmla="*/ 776482 w 2893849"/>
              <a:gd name="connsiteY3" fmla="*/ 0 h 3186701"/>
              <a:gd name="connsiteX4" fmla="*/ 2034620 w 2893849"/>
              <a:gd name="connsiteY4" fmla="*/ 1294704 h 3186701"/>
              <a:gd name="connsiteX5" fmla="*/ 2031739 w 2893849"/>
              <a:gd name="connsiteY5" fmla="*/ 711461 h 3186701"/>
              <a:gd name="connsiteX6" fmla="*/ 1821452 w 2893849"/>
              <a:gd name="connsiteY6" fmla="*/ 3186701 h 3186701"/>
              <a:gd name="connsiteX7" fmla="*/ 1187533 w 2893849"/>
              <a:gd name="connsiteY7" fmla="*/ 1143558 h 3186701"/>
              <a:gd name="connsiteX8" fmla="*/ 1080655 w 2893849"/>
              <a:gd name="connsiteY8" fmla="*/ 2046083 h 3186701"/>
              <a:gd name="connsiteX9" fmla="*/ 914400 w 2893849"/>
              <a:gd name="connsiteY9" fmla="*/ 1666073 h 3186701"/>
              <a:gd name="connsiteX10" fmla="*/ 795647 w 2893849"/>
              <a:gd name="connsiteY10" fmla="*/ 3150488 h 3186701"/>
              <a:gd name="connsiteX0" fmla="*/ 795647 w 2931612"/>
              <a:gd name="connsiteY0" fmla="*/ 3150488 h 3186701"/>
              <a:gd name="connsiteX1" fmla="*/ 0 w 2931612"/>
              <a:gd name="connsiteY1" fmla="*/ 1749200 h 3186701"/>
              <a:gd name="connsiteX2" fmla="*/ 463138 w 2931612"/>
              <a:gd name="connsiteY2" fmla="*/ 1951080 h 3186701"/>
              <a:gd name="connsiteX3" fmla="*/ 776482 w 2931612"/>
              <a:gd name="connsiteY3" fmla="*/ 0 h 3186701"/>
              <a:gd name="connsiteX4" fmla="*/ 2034620 w 2931612"/>
              <a:gd name="connsiteY4" fmla="*/ 1294704 h 3186701"/>
              <a:gd name="connsiteX5" fmla="*/ 2031739 w 2931612"/>
              <a:gd name="connsiteY5" fmla="*/ 711461 h 3186701"/>
              <a:gd name="connsiteX6" fmla="*/ 1821452 w 2931612"/>
              <a:gd name="connsiteY6" fmla="*/ 3186701 h 3186701"/>
              <a:gd name="connsiteX7" fmla="*/ 1187533 w 2931612"/>
              <a:gd name="connsiteY7" fmla="*/ 1143558 h 3186701"/>
              <a:gd name="connsiteX8" fmla="*/ 1080655 w 2931612"/>
              <a:gd name="connsiteY8" fmla="*/ 2046083 h 3186701"/>
              <a:gd name="connsiteX9" fmla="*/ 914400 w 2931612"/>
              <a:gd name="connsiteY9" fmla="*/ 1666073 h 3186701"/>
              <a:gd name="connsiteX10" fmla="*/ 795647 w 2931612"/>
              <a:gd name="connsiteY10" fmla="*/ 3150488 h 3186701"/>
              <a:gd name="connsiteX0" fmla="*/ 795647 w 2931612"/>
              <a:gd name="connsiteY0" fmla="*/ 3150488 h 3186701"/>
              <a:gd name="connsiteX1" fmla="*/ 0 w 2931612"/>
              <a:gd name="connsiteY1" fmla="*/ 1749200 h 3186701"/>
              <a:gd name="connsiteX2" fmla="*/ 463138 w 2931612"/>
              <a:gd name="connsiteY2" fmla="*/ 1951080 h 3186701"/>
              <a:gd name="connsiteX3" fmla="*/ 776482 w 2931612"/>
              <a:gd name="connsiteY3" fmla="*/ 0 h 3186701"/>
              <a:gd name="connsiteX4" fmla="*/ 2034620 w 2931612"/>
              <a:gd name="connsiteY4" fmla="*/ 1294704 h 3186701"/>
              <a:gd name="connsiteX5" fmla="*/ 2031739 w 2931612"/>
              <a:gd name="connsiteY5" fmla="*/ 711461 h 3186701"/>
              <a:gd name="connsiteX6" fmla="*/ 1821452 w 2931612"/>
              <a:gd name="connsiteY6" fmla="*/ 3186701 h 3186701"/>
              <a:gd name="connsiteX7" fmla="*/ 1187533 w 2931612"/>
              <a:gd name="connsiteY7" fmla="*/ 1143558 h 3186701"/>
              <a:gd name="connsiteX8" fmla="*/ 1080655 w 2931612"/>
              <a:gd name="connsiteY8" fmla="*/ 2046083 h 3186701"/>
              <a:gd name="connsiteX9" fmla="*/ 914400 w 2931612"/>
              <a:gd name="connsiteY9" fmla="*/ 1666073 h 3186701"/>
              <a:gd name="connsiteX10" fmla="*/ 795647 w 2931612"/>
              <a:gd name="connsiteY10" fmla="*/ 3150488 h 3186701"/>
              <a:gd name="connsiteX0" fmla="*/ 795647 w 2931612"/>
              <a:gd name="connsiteY0" fmla="*/ 3150488 h 3186701"/>
              <a:gd name="connsiteX1" fmla="*/ 0 w 2931612"/>
              <a:gd name="connsiteY1" fmla="*/ 1749200 h 3186701"/>
              <a:gd name="connsiteX2" fmla="*/ 463138 w 2931612"/>
              <a:gd name="connsiteY2" fmla="*/ 1951080 h 3186701"/>
              <a:gd name="connsiteX3" fmla="*/ 776482 w 2931612"/>
              <a:gd name="connsiteY3" fmla="*/ 0 h 3186701"/>
              <a:gd name="connsiteX4" fmla="*/ 2034620 w 2931612"/>
              <a:gd name="connsiteY4" fmla="*/ 1294704 h 3186701"/>
              <a:gd name="connsiteX5" fmla="*/ 2031739 w 2931612"/>
              <a:gd name="connsiteY5" fmla="*/ 711461 h 3186701"/>
              <a:gd name="connsiteX6" fmla="*/ 1821452 w 2931612"/>
              <a:gd name="connsiteY6" fmla="*/ 3186701 h 3186701"/>
              <a:gd name="connsiteX7" fmla="*/ 1187533 w 2931612"/>
              <a:gd name="connsiteY7" fmla="*/ 1143558 h 3186701"/>
              <a:gd name="connsiteX8" fmla="*/ 1080655 w 2931612"/>
              <a:gd name="connsiteY8" fmla="*/ 2046083 h 3186701"/>
              <a:gd name="connsiteX9" fmla="*/ 914400 w 2931612"/>
              <a:gd name="connsiteY9" fmla="*/ 1666073 h 3186701"/>
              <a:gd name="connsiteX10" fmla="*/ 795647 w 2931612"/>
              <a:gd name="connsiteY10" fmla="*/ 3150488 h 3186701"/>
              <a:gd name="connsiteX0" fmla="*/ 795647 w 2931612"/>
              <a:gd name="connsiteY0" fmla="*/ 3150488 h 3186701"/>
              <a:gd name="connsiteX1" fmla="*/ 0 w 2931612"/>
              <a:gd name="connsiteY1" fmla="*/ 1749200 h 3186701"/>
              <a:gd name="connsiteX2" fmla="*/ 463138 w 2931612"/>
              <a:gd name="connsiteY2" fmla="*/ 1951080 h 3186701"/>
              <a:gd name="connsiteX3" fmla="*/ 776482 w 2931612"/>
              <a:gd name="connsiteY3" fmla="*/ 0 h 3186701"/>
              <a:gd name="connsiteX4" fmla="*/ 2034620 w 2931612"/>
              <a:gd name="connsiteY4" fmla="*/ 1294704 h 3186701"/>
              <a:gd name="connsiteX5" fmla="*/ 2031739 w 2931612"/>
              <a:gd name="connsiteY5" fmla="*/ 711461 h 3186701"/>
              <a:gd name="connsiteX6" fmla="*/ 1821452 w 2931612"/>
              <a:gd name="connsiteY6" fmla="*/ 3186701 h 3186701"/>
              <a:gd name="connsiteX7" fmla="*/ 1187533 w 2931612"/>
              <a:gd name="connsiteY7" fmla="*/ 1143558 h 3186701"/>
              <a:gd name="connsiteX8" fmla="*/ 1080655 w 2931612"/>
              <a:gd name="connsiteY8" fmla="*/ 2046083 h 3186701"/>
              <a:gd name="connsiteX9" fmla="*/ 914400 w 2931612"/>
              <a:gd name="connsiteY9" fmla="*/ 1666073 h 3186701"/>
              <a:gd name="connsiteX10" fmla="*/ 795647 w 2931612"/>
              <a:gd name="connsiteY10" fmla="*/ 3150488 h 3186701"/>
              <a:gd name="connsiteX0" fmla="*/ 795647 w 2931612"/>
              <a:gd name="connsiteY0" fmla="*/ 3150488 h 3186701"/>
              <a:gd name="connsiteX1" fmla="*/ 0 w 2931612"/>
              <a:gd name="connsiteY1" fmla="*/ 1749200 h 3186701"/>
              <a:gd name="connsiteX2" fmla="*/ 463138 w 2931612"/>
              <a:gd name="connsiteY2" fmla="*/ 1951080 h 3186701"/>
              <a:gd name="connsiteX3" fmla="*/ 776482 w 2931612"/>
              <a:gd name="connsiteY3" fmla="*/ 0 h 3186701"/>
              <a:gd name="connsiteX4" fmla="*/ 2034620 w 2931612"/>
              <a:gd name="connsiteY4" fmla="*/ 1294704 h 3186701"/>
              <a:gd name="connsiteX5" fmla="*/ 2031739 w 2931612"/>
              <a:gd name="connsiteY5" fmla="*/ 711461 h 3186701"/>
              <a:gd name="connsiteX6" fmla="*/ 1821452 w 2931612"/>
              <a:gd name="connsiteY6" fmla="*/ 3186701 h 3186701"/>
              <a:gd name="connsiteX7" fmla="*/ 1187533 w 2931612"/>
              <a:gd name="connsiteY7" fmla="*/ 1143558 h 3186701"/>
              <a:gd name="connsiteX8" fmla="*/ 1080655 w 2931612"/>
              <a:gd name="connsiteY8" fmla="*/ 2046083 h 3186701"/>
              <a:gd name="connsiteX9" fmla="*/ 914400 w 2931612"/>
              <a:gd name="connsiteY9" fmla="*/ 1666073 h 3186701"/>
              <a:gd name="connsiteX10" fmla="*/ 795647 w 2931612"/>
              <a:gd name="connsiteY10" fmla="*/ 3150488 h 3186701"/>
              <a:gd name="connsiteX0" fmla="*/ 813754 w 2949719"/>
              <a:gd name="connsiteY0" fmla="*/ 3150488 h 3186701"/>
              <a:gd name="connsiteX1" fmla="*/ 0 w 2949719"/>
              <a:gd name="connsiteY1" fmla="*/ 1726566 h 3186701"/>
              <a:gd name="connsiteX2" fmla="*/ 481245 w 2949719"/>
              <a:gd name="connsiteY2" fmla="*/ 1951080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813754 w 2949719"/>
              <a:gd name="connsiteY10" fmla="*/ 3150488 h 3186701"/>
              <a:gd name="connsiteX0" fmla="*/ 813754 w 2949719"/>
              <a:gd name="connsiteY0" fmla="*/ 3150488 h 3186701"/>
              <a:gd name="connsiteX1" fmla="*/ 0 w 2949719"/>
              <a:gd name="connsiteY1" fmla="*/ 1726566 h 3186701"/>
              <a:gd name="connsiteX2" fmla="*/ 481245 w 2949719"/>
              <a:gd name="connsiteY2" fmla="*/ 1951080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813754 w 2949719"/>
              <a:gd name="connsiteY10" fmla="*/ 3150488 h 3186701"/>
              <a:gd name="connsiteX0" fmla="*/ 813754 w 2949719"/>
              <a:gd name="connsiteY0" fmla="*/ 3150488 h 3186701"/>
              <a:gd name="connsiteX1" fmla="*/ 0 w 2949719"/>
              <a:gd name="connsiteY1" fmla="*/ 1726566 h 3186701"/>
              <a:gd name="connsiteX2" fmla="*/ 481245 w 2949719"/>
              <a:gd name="connsiteY2" fmla="*/ 1951080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813754 w 2949719"/>
              <a:gd name="connsiteY10" fmla="*/ 3150488 h 3186701"/>
              <a:gd name="connsiteX0" fmla="*/ 813754 w 2949719"/>
              <a:gd name="connsiteY0" fmla="*/ 3150488 h 3186701"/>
              <a:gd name="connsiteX1" fmla="*/ 0 w 2949719"/>
              <a:gd name="connsiteY1" fmla="*/ 1726566 h 3186701"/>
              <a:gd name="connsiteX2" fmla="*/ 481245 w 2949719"/>
              <a:gd name="connsiteY2" fmla="*/ 1951080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813754 w 2949719"/>
              <a:gd name="connsiteY10" fmla="*/ 3150488 h 3186701"/>
              <a:gd name="connsiteX0" fmla="*/ 1117045 w 2949719"/>
              <a:gd name="connsiteY0" fmla="*/ 3168594 h 3186701"/>
              <a:gd name="connsiteX1" fmla="*/ 0 w 2949719"/>
              <a:gd name="connsiteY1" fmla="*/ 1726566 h 3186701"/>
              <a:gd name="connsiteX2" fmla="*/ 481245 w 2949719"/>
              <a:gd name="connsiteY2" fmla="*/ 1951080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1117045 w 2949719"/>
              <a:gd name="connsiteY10" fmla="*/ 3168594 h 3186701"/>
              <a:gd name="connsiteX0" fmla="*/ 1117045 w 2949719"/>
              <a:gd name="connsiteY0" fmla="*/ 3168594 h 3186701"/>
              <a:gd name="connsiteX1" fmla="*/ 0 w 2949719"/>
              <a:gd name="connsiteY1" fmla="*/ 1726566 h 3186701"/>
              <a:gd name="connsiteX2" fmla="*/ 481245 w 2949719"/>
              <a:gd name="connsiteY2" fmla="*/ 1951080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1117045 w 2949719"/>
              <a:gd name="connsiteY10" fmla="*/ 3168594 h 3186701"/>
              <a:gd name="connsiteX0" fmla="*/ 1117045 w 2949719"/>
              <a:gd name="connsiteY0" fmla="*/ 3168594 h 3186701"/>
              <a:gd name="connsiteX1" fmla="*/ 0 w 2949719"/>
              <a:gd name="connsiteY1" fmla="*/ 1726566 h 3186701"/>
              <a:gd name="connsiteX2" fmla="*/ 481245 w 2949719"/>
              <a:gd name="connsiteY2" fmla="*/ 1951080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1117045 w 2949719"/>
              <a:gd name="connsiteY10" fmla="*/ 3168594 h 3186701"/>
              <a:gd name="connsiteX0" fmla="*/ 1117045 w 2949719"/>
              <a:gd name="connsiteY0" fmla="*/ 3168594 h 3186701"/>
              <a:gd name="connsiteX1" fmla="*/ 0 w 2949719"/>
              <a:gd name="connsiteY1" fmla="*/ 1726566 h 3186701"/>
              <a:gd name="connsiteX2" fmla="*/ 481245 w 2949719"/>
              <a:gd name="connsiteY2" fmla="*/ 1951080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1117045 w 2949719"/>
              <a:gd name="connsiteY10" fmla="*/ 3168594 h 3186701"/>
              <a:gd name="connsiteX0" fmla="*/ 1117045 w 2949719"/>
              <a:gd name="connsiteY0" fmla="*/ 3168594 h 3186701"/>
              <a:gd name="connsiteX1" fmla="*/ 0 w 2949719"/>
              <a:gd name="connsiteY1" fmla="*/ 1726566 h 3186701"/>
              <a:gd name="connsiteX2" fmla="*/ 417871 w 2949719"/>
              <a:gd name="connsiteY2" fmla="*/ 2009927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1117045 w 2949719"/>
              <a:gd name="connsiteY10" fmla="*/ 3168594 h 3186701"/>
              <a:gd name="connsiteX0" fmla="*/ 1117045 w 2949719"/>
              <a:gd name="connsiteY0" fmla="*/ 3168594 h 3186701"/>
              <a:gd name="connsiteX1" fmla="*/ 0 w 2949719"/>
              <a:gd name="connsiteY1" fmla="*/ 1726566 h 3186701"/>
              <a:gd name="connsiteX2" fmla="*/ 417871 w 2949719"/>
              <a:gd name="connsiteY2" fmla="*/ 2009927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1117045 w 2949719"/>
              <a:gd name="connsiteY10" fmla="*/ 3168594 h 3186701"/>
              <a:gd name="connsiteX0" fmla="*/ 1117045 w 2949719"/>
              <a:gd name="connsiteY0" fmla="*/ 3168594 h 3186701"/>
              <a:gd name="connsiteX1" fmla="*/ 0 w 2949719"/>
              <a:gd name="connsiteY1" fmla="*/ 1726566 h 3186701"/>
              <a:gd name="connsiteX2" fmla="*/ 417871 w 2949719"/>
              <a:gd name="connsiteY2" fmla="*/ 2009927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1117045 w 2949719"/>
              <a:gd name="connsiteY10" fmla="*/ 3168594 h 3186701"/>
              <a:gd name="connsiteX0" fmla="*/ 1117045 w 2949719"/>
              <a:gd name="connsiteY0" fmla="*/ 3168594 h 3186701"/>
              <a:gd name="connsiteX1" fmla="*/ 0 w 2949719"/>
              <a:gd name="connsiteY1" fmla="*/ 1726566 h 3186701"/>
              <a:gd name="connsiteX2" fmla="*/ 417871 w 2949719"/>
              <a:gd name="connsiteY2" fmla="*/ 2009927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1117045 w 2949719"/>
              <a:gd name="connsiteY10" fmla="*/ 3168594 h 3186701"/>
              <a:gd name="connsiteX0" fmla="*/ 1117045 w 2949719"/>
              <a:gd name="connsiteY0" fmla="*/ 3168594 h 3186701"/>
              <a:gd name="connsiteX1" fmla="*/ 0 w 2949719"/>
              <a:gd name="connsiteY1" fmla="*/ 1726566 h 3186701"/>
              <a:gd name="connsiteX2" fmla="*/ 417871 w 2949719"/>
              <a:gd name="connsiteY2" fmla="*/ 2009927 h 3186701"/>
              <a:gd name="connsiteX3" fmla="*/ 794589 w 2949719"/>
              <a:gd name="connsiteY3" fmla="*/ 0 h 3186701"/>
              <a:gd name="connsiteX4" fmla="*/ 2052727 w 2949719"/>
              <a:gd name="connsiteY4" fmla="*/ 1294704 h 3186701"/>
              <a:gd name="connsiteX5" fmla="*/ 2049846 w 2949719"/>
              <a:gd name="connsiteY5" fmla="*/ 711461 h 3186701"/>
              <a:gd name="connsiteX6" fmla="*/ 1839559 w 2949719"/>
              <a:gd name="connsiteY6" fmla="*/ 3186701 h 3186701"/>
              <a:gd name="connsiteX7" fmla="*/ 1205640 w 2949719"/>
              <a:gd name="connsiteY7" fmla="*/ 1143558 h 3186701"/>
              <a:gd name="connsiteX8" fmla="*/ 1098762 w 2949719"/>
              <a:gd name="connsiteY8" fmla="*/ 2046083 h 3186701"/>
              <a:gd name="connsiteX9" fmla="*/ 932507 w 2949719"/>
              <a:gd name="connsiteY9" fmla="*/ 1666073 h 3186701"/>
              <a:gd name="connsiteX10" fmla="*/ 1117045 w 2949719"/>
              <a:gd name="connsiteY10" fmla="*/ 3168594 h 3186701"/>
              <a:gd name="connsiteX0" fmla="*/ 1103465 w 2936139"/>
              <a:gd name="connsiteY0" fmla="*/ 3168594 h 3186701"/>
              <a:gd name="connsiteX1" fmla="*/ 0 w 2936139"/>
              <a:gd name="connsiteY1" fmla="*/ 1726566 h 3186701"/>
              <a:gd name="connsiteX2" fmla="*/ 404291 w 2936139"/>
              <a:gd name="connsiteY2" fmla="*/ 2009927 h 3186701"/>
              <a:gd name="connsiteX3" fmla="*/ 781009 w 2936139"/>
              <a:gd name="connsiteY3" fmla="*/ 0 h 3186701"/>
              <a:gd name="connsiteX4" fmla="*/ 2039147 w 2936139"/>
              <a:gd name="connsiteY4" fmla="*/ 1294704 h 3186701"/>
              <a:gd name="connsiteX5" fmla="*/ 2036266 w 2936139"/>
              <a:gd name="connsiteY5" fmla="*/ 711461 h 3186701"/>
              <a:gd name="connsiteX6" fmla="*/ 1825979 w 2936139"/>
              <a:gd name="connsiteY6" fmla="*/ 3186701 h 3186701"/>
              <a:gd name="connsiteX7" fmla="*/ 1192060 w 2936139"/>
              <a:gd name="connsiteY7" fmla="*/ 1143558 h 3186701"/>
              <a:gd name="connsiteX8" fmla="*/ 1085182 w 2936139"/>
              <a:gd name="connsiteY8" fmla="*/ 2046083 h 3186701"/>
              <a:gd name="connsiteX9" fmla="*/ 918927 w 2936139"/>
              <a:gd name="connsiteY9" fmla="*/ 1666073 h 3186701"/>
              <a:gd name="connsiteX10" fmla="*/ 1103465 w 2936139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64195 w 2981407"/>
              <a:gd name="connsiteY9" fmla="*/ 1666073 h 3186701"/>
              <a:gd name="connsiteX10" fmla="*/ 1148733 w 2981407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64195 w 2981407"/>
              <a:gd name="connsiteY9" fmla="*/ 1666073 h 3186701"/>
              <a:gd name="connsiteX10" fmla="*/ 1148733 w 2981407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64195 w 2981407"/>
              <a:gd name="connsiteY9" fmla="*/ 1666073 h 3186701"/>
              <a:gd name="connsiteX10" fmla="*/ 1148733 w 2981407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18927 w 2981407"/>
              <a:gd name="connsiteY9" fmla="*/ 1697760 h 3186701"/>
              <a:gd name="connsiteX10" fmla="*/ 1148733 w 2981407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18927 w 2981407"/>
              <a:gd name="connsiteY9" fmla="*/ 1697760 h 3186701"/>
              <a:gd name="connsiteX10" fmla="*/ 1148733 w 2981407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18927 w 2981407"/>
              <a:gd name="connsiteY9" fmla="*/ 1697760 h 3186701"/>
              <a:gd name="connsiteX10" fmla="*/ 1148733 w 2981407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18927 w 2981407"/>
              <a:gd name="connsiteY9" fmla="*/ 1697760 h 3186701"/>
              <a:gd name="connsiteX10" fmla="*/ 1148733 w 2981407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18927 w 2981407"/>
              <a:gd name="connsiteY9" fmla="*/ 1697760 h 3186701"/>
              <a:gd name="connsiteX10" fmla="*/ 1148733 w 2981407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18927 w 2981407"/>
              <a:gd name="connsiteY9" fmla="*/ 1697760 h 3186701"/>
              <a:gd name="connsiteX10" fmla="*/ 1148733 w 2981407"/>
              <a:gd name="connsiteY10" fmla="*/ 3168594 h 3186701"/>
              <a:gd name="connsiteX0" fmla="*/ 1148733 w 2981407"/>
              <a:gd name="connsiteY0" fmla="*/ 3168594 h 3186701"/>
              <a:gd name="connsiteX1" fmla="*/ 0 w 2981407"/>
              <a:gd name="connsiteY1" fmla="*/ 1749200 h 3186701"/>
              <a:gd name="connsiteX2" fmla="*/ 449559 w 2981407"/>
              <a:gd name="connsiteY2" fmla="*/ 2009927 h 3186701"/>
              <a:gd name="connsiteX3" fmla="*/ 826277 w 2981407"/>
              <a:gd name="connsiteY3" fmla="*/ 0 h 3186701"/>
              <a:gd name="connsiteX4" fmla="*/ 2084415 w 2981407"/>
              <a:gd name="connsiteY4" fmla="*/ 1294704 h 3186701"/>
              <a:gd name="connsiteX5" fmla="*/ 2081534 w 2981407"/>
              <a:gd name="connsiteY5" fmla="*/ 711461 h 3186701"/>
              <a:gd name="connsiteX6" fmla="*/ 1871247 w 2981407"/>
              <a:gd name="connsiteY6" fmla="*/ 3186701 h 3186701"/>
              <a:gd name="connsiteX7" fmla="*/ 1237328 w 2981407"/>
              <a:gd name="connsiteY7" fmla="*/ 1143558 h 3186701"/>
              <a:gd name="connsiteX8" fmla="*/ 1130450 w 2981407"/>
              <a:gd name="connsiteY8" fmla="*/ 2046083 h 3186701"/>
              <a:gd name="connsiteX9" fmla="*/ 918927 w 2981407"/>
              <a:gd name="connsiteY9" fmla="*/ 1697760 h 3186701"/>
              <a:gd name="connsiteX10" fmla="*/ 1148733 w 2981407"/>
              <a:gd name="connsiteY10" fmla="*/ 3168594 h 3186701"/>
              <a:gd name="connsiteX0" fmla="*/ 1148733 w 2897156"/>
              <a:gd name="connsiteY0" fmla="*/ 3168594 h 3173121"/>
              <a:gd name="connsiteX1" fmla="*/ 0 w 2897156"/>
              <a:gd name="connsiteY1" fmla="*/ 1749200 h 3173121"/>
              <a:gd name="connsiteX2" fmla="*/ 449559 w 2897156"/>
              <a:gd name="connsiteY2" fmla="*/ 2009927 h 3173121"/>
              <a:gd name="connsiteX3" fmla="*/ 826277 w 2897156"/>
              <a:gd name="connsiteY3" fmla="*/ 0 h 3173121"/>
              <a:gd name="connsiteX4" fmla="*/ 2084415 w 2897156"/>
              <a:gd name="connsiteY4" fmla="*/ 1294704 h 3173121"/>
              <a:gd name="connsiteX5" fmla="*/ 2081534 w 2897156"/>
              <a:gd name="connsiteY5" fmla="*/ 711461 h 3173121"/>
              <a:gd name="connsiteX6" fmla="*/ 1581537 w 2897156"/>
              <a:gd name="connsiteY6" fmla="*/ 3173121 h 3173121"/>
              <a:gd name="connsiteX7" fmla="*/ 1237328 w 2897156"/>
              <a:gd name="connsiteY7" fmla="*/ 1143558 h 3173121"/>
              <a:gd name="connsiteX8" fmla="*/ 1130450 w 2897156"/>
              <a:gd name="connsiteY8" fmla="*/ 2046083 h 3173121"/>
              <a:gd name="connsiteX9" fmla="*/ 918927 w 2897156"/>
              <a:gd name="connsiteY9" fmla="*/ 1697760 h 3173121"/>
              <a:gd name="connsiteX10" fmla="*/ 1148733 w 2897156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30450 w 2969045"/>
              <a:gd name="connsiteY8" fmla="*/ 2046083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30450 w 2969045"/>
              <a:gd name="connsiteY8" fmla="*/ 2046083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288886 w 2969045"/>
              <a:gd name="connsiteY8" fmla="*/ 2367481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62138 w 2969045"/>
              <a:gd name="connsiteY8" fmla="*/ 2408222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62138 w 2969045"/>
              <a:gd name="connsiteY8" fmla="*/ 2408222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62138 w 2969045"/>
              <a:gd name="connsiteY8" fmla="*/ 2408222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62138 w 2969045"/>
              <a:gd name="connsiteY8" fmla="*/ 2408222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62138 w 2969045"/>
              <a:gd name="connsiteY8" fmla="*/ 2408222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62138 w 2969045"/>
              <a:gd name="connsiteY8" fmla="*/ 2408222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62138 w 2969045"/>
              <a:gd name="connsiteY8" fmla="*/ 2408222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  <a:gd name="connsiteX0" fmla="*/ 1148733 w 2969045"/>
              <a:gd name="connsiteY0" fmla="*/ 3168594 h 3173121"/>
              <a:gd name="connsiteX1" fmla="*/ 0 w 2969045"/>
              <a:gd name="connsiteY1" fmla="*/ 1749200 h 3173121"/>
              <a:gd name="connsiteX2" fmla="*/ 449559 w 2969045"/>
              <a:gd name="connsiteY2" fmla="*/ 2009927 h 3173121"/>
              <a:gd name="connsiteX3" fmla="*/ 826277 w 2969045"/>
              <a:gd name="connsiteY3" fmla="*/ 0 h 3173121"/>
              <a:gd name="connsiteX4" fmla="*/ 2084415 w 2969045"/>
              <a:gd name="connsiteY4" fmla="*/ 1294704 h 3173121"/>
              <a:gd name="connsiteX5" fmla="*/ 2081534 w 2969045"/>
              <a:gd name="connsiteY5" fmla="*/ 711461 h 3173121"/>
              <a:gd name="connsiteX6" fmla="*/ 1581537 w 2969045"/>
              <a:gd name="connsiteY6" fmla="*/ 3173121 h 3173121"/>
              <a:gd name="connsiteX7" fmla="*/ 1237328 w 2969045"/>
              <a:gd name="connsiteY7" fmla="*/ 1143558 h 3173121"/>
              <a:gd name="connsiteX8" fmla="*/ 1162138 w 2969045"/>
              <a:gd name="connsiteY8" fmla="*/ 2408222 h 3173121"/>
              <a:gd name="connsiteX9" fmla="*/ 918927 w 2969045"/>
              <a:gd name="connsiteY9" fmla="*/ 1697760 h 3173121"/>
              <a:gd name="connsiteX10" fmla="*/ 1148733 w 2969045"/>
              <a:gd name="connsiteY10" fmla="*/ 3168594 h 31731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2969045" h="3173121">
                <a:moveTo>
                  <a:pt x="1148733" y="3168594"/>
                </a:moveTo>
                <a:cubicBezTo>
                  <a:pt x="-68605" y="2992718"/>
                  <a:pt x="289357" y="2373225"/>
                  <a:pt x="0" y="1749200"/>
                </a:cubicBezTo>
                <a:cubicBezTo>
                  <a:pt x="211718" y="1712379"/>
                  <a:pt x="518500" y="2277611"/>
                  <a:pt x="449559" y="2009927"/>
                </a:cubicBezTo>
                <a:cubicBezTo>
                  <a:pt x="87752" y="952162"/>
                  <a:pt x="1169975" y="921963"/>
                  <a:pt x="826277" y="0"/>
                </a:cubicBezTo>
                <a:cubicBezTo>
                  <a:pt x="1894489" y="60376"/>
                  <a:pt x="1582046" y="1053258"/>
                  <a:pt x="2084415" y="1294704"/>
                </a:cubicBezTo>
                <a:cubicBezTo>
                  <a:pt x="2220765" y="1319082"/>
                  <a:pt x="2384277" y="1207659"/>
                  <a:pt x="2081534" y="711461"/>
                </a:cubicBezTo>
                <a:cubicBezTo>
                  <a:pt x="3844765" y="2025429"/>
                  <a:pt x="2606774" y="3099478"/>
                  <a:pt x="1581537" y="3173121"/>
                </a:cubicBezTo>
                <a:cubicBezTo>
                  <a:pt x="2049242" y="2917586"/>
                  <a:pt x="2204598" y="1824606"/>
                  <a:pt x="1237328" y="1143558"/>
                </a:cubicBezTo>
                <a:cubicBezTo>
                  <a:pt x="1479342" y="1777869"/>
                  <a:pt x="1318476" y="2090782"/>
                  <a:pt x="1162138" y="2408222"/>
                </a:cubicBezTo>
                <a:cubicBezTo>
                  <a:pt x="1159532" y="2246847"/>
                  <a:pt x="1324413" y="1899876"/>
                  <a:pt x="918927" y="1697760"/>
                </a:cubicBezTo>
                <a:cubicBezTo>
                  <a:pt x="1108697" y="2305733"/>
                  <a:pt x="307113" y="2497246"/>
                  <a:pt x="1148733" y="3168594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1" name="Rounded Rectangle 25">
            <a:extLst>
              <a:ext uri="{FF2B5EF4-FFF2-40B4-BE49-F238E27FC236}">
                <a16:creationId xmlns:a16="http://schemas.microsoft.com/office/drawing/2014/main" id="{52251A18-A73B-4A26-9FEC-6B831E23205B}"/>
              </a:ext>
            </a:extLst>
          </p:cNvPr>
          <p:cNvSpPr/>
          <p:nvPr/>
        </p:nvSpPr>
        <p:spPr>
          <a:xfrm>
            <a:off x="10972939" y="2640819"/>
            <a:ext cx="586980" cy="430164"/>
          </a:xfrm>
          <a:custGeom>
            <a:avLst/>
            <a:gdLst/>
            <a:ahLst/>
            <a:cxnLst/>
            <a:rect l="l" t="t" r="r" b="b"/>
            <a:pathLst>
              <a:path w="3248842" h="2380886">
                <a:moveTo>
                  <a:pt x="1194785" y="1472263"/>
                </a:moveTo>
                <a:cubicBezTo>
                  <a:pt x="1150014" y="1472263"/>
                  <a:pt x="1113720" y="1508557"/>
                  <a:pt x="1113720" y="1553328"/>
                </a:cubicBezTo>
                <a:lnTo>
                  <a:pt x="1113720" y="1600880"/>
                </a:lnTo>
                <a:cubicBezTo>
                  <a:pt x="1113720" y="1645651"/>
                  <a:pt x="1150014" y="1681945"/>
                  <a:pt x="1194785" y="1681945"/>
                </a:cubicBezTo>
                <a:lnTo>
                  <a:pt x="2067186" y="1681945"/>
                </a:lnTo>
                <a:cubicBezTo>
                  <a:pt x="2111957" y="1681945"/>
                  <a:pt x="2148251" y="1645651"/>
                  <a:pt x="2148251" y="1600880"/>
                </a:cubicBezTo>
                <a:lnTo>
                  <a:pt x="2148251" y="1553328"/>
                </a:lnTo>
                <a:cubicBezTo>
                  <a:pt x="2148251" y="1508557"/>
                  <a:pt x="2111957" y="1472263"/>
                  <a:pt x="2067186" y="1472263"/>
                </a:cubicBezTo>
                <a:close/>
                <a:moveTo>
                  <a:pt x="2582402" y="986449"/>
                </a:moveTo>
                <a:cubicBezTo>
                  <a:pt x="2477247" y="986449"/>
                  <a:pt x="2392002" y="1071694"/>
                  <a:pt x="2392002" y="1176848"/>
                </a:cubicBezTo>
                <a:cubicBezTo>
                  <a:pt x="2392002" y="1282003"/>
                  <a:pt x="2477247" y="1367248"/>
                  <a:pt x="2582402" y="1367248"/>
                </a:cubicBezTo>
                <a:cubicBezTo>
                  <a:pt x="2687557" y="1367248"/>
                  <a:pt x="2772801" y="1282003"/>
                  <a:pt x="2772801" y="1176848"/>
                </a:cubicBezTo>
                <a:cubicBezTo>
                  <a:pt x="2772801" y="1071694"/>
                  <a:pt x="2687557" y="986449"/>
                  <a:pt x="2582402" y="986449"/>
                </a:cubicBezTo>
                <a:close/>
                <a:moveTo>
                  <a:pt x="679570" y="986449"/>
                </a:moveTo>
                <a:cubicBezTo>
                  <a:pt x="574415" y="986449"/>
                  <a:pt x="489171" y="1071694"/>
                  <a:pt x="489171" y="1176848"/>
                </a:cubicBezTo>
                <a:cubicBezTo>
                  <a:pt x="489171" y="1282003"/>
                  <a:pt x="574415" y="1367248"/>
                  <a:pt x="679570" y="1367248"/>
                </a:cubicBezTo>
                <a:cubicBezTo>
                  <a:pt x="784725" y="1367248"/>
                  <a:pt x="869970" y="1282003"/>
                  <a:pt x="869970" y="1176848"/>
                </a:cubicBezTo>
                <a:cubicBezTo>
                  <a:pt x="869970" y="1071694"/>
                  <a:pt x="784725" y="986449"/>
                  <a:pt x="679570" y="986449"/>
                </a:cubicBezTo>
                <a:close/>
                <a:moveTo>
                  <a:pt x="867954" y="155801"/>
                </a:moveTo>
                <a:lnTo>
                  <a:pt x="726849" y="858549"/>
                </a:lnTo>
                <a:lnTo>
                  <a:pt x="2535122" y="858549"/>
                </a:lnTo>
                <a:lnTo>
                  <a:pt x="2394017" y="155801"/>
                </a:lnTo>
                <a:close/>
                <a:moveTo>
                  <a:pt x="677268" y="0"/>
                </a:moveTo>
                <a:lnTo>
                  <a:pt x="2584703" y="0"/>
                </a:lnTo>
                <a:lnTo>
                  <a:pt x="2736658" y="607820"/>
                </a:lnTo>
                <a:cubicBezTo>
                  <a:pt x="2766265" y="579906"/>
                  <a:pt x="2806392" y="564164"/>
                  <a:pt x="2850195" y="564164"/>
                </a:cubicBezTo>
                <a:lnTo>
                  <a:pt x="3069929" y="564164"/>
                </a:lnTo>
                <a:cubicBezTo>
                  <a:pt x="3168740" y="564164"/>
                  <a:pt x="3248842" y="644266"/>
                  <a:pt x="3248842" y="743077"/>
                </a:cubicBezTo>
                <a:lnTo>
                  <a:pt x="3248842" y="792706"/>
                </a:lnTo>
                <a:cubicBezTo>
                  <a:pt x="3248842" y="891517"/>
                  <a:pt x="3168740" y="971619"/>
                  <a:pt x="3069929" y="971619"/>
                </a:cubicBezTo>
                <a:lnTo>
                  <a:pt x="3054536" y="971619"/>
                </a:lnTo>
                <a:cubicBezTo>
                  <a:pt x="3060628" y="989042"/>
                  <a:pt x="3063411" y="1007758"/>
                  <a:pt x="3063411" y="1027125"/>
                </a:cubicBezTo>
                <a:lnTo>
                  <a:pt x="3063411" y="2015961"/>
                </a:lnTo>
                <a:lnTo>
                  <a:pt x="2889080" y="2015961"/>
                </a:lnTo>
                <a:lnTo>
                  <a:pt x="2889080" y="2260325"/>
                </a:lnTo>
                <a:cubicBezTo>
                  <a:pt x="2889080" y="2326909"/>
                  <a:pt x="2835102" y="2380886"/>
                  <a:pt x="2768518" y="2380886"/>
                </a:cubicBezTo>
                <a:lnTo>
                  <a:pt x="2286284" y="2380886"/>
                </a:lnTo>
                <a:cubicBezTo>
                  <a:pt x="2219700" y="2380886"/>
                  <a:pt x="2165723" y="2326909"/>
                  <a:pt x="2165723" y="2260325"/>
                </a:cubicBezTo>
                <a:lnTo>
                  <a:pt x="2165723" y="2015961"/>
                </a:lnTo>
                <a:lnTo>
                  <a:pt x="1096248" y="2015961"/>
                </a:lnTo>
                <a:lnTo>
                  <a:pt x="1096248" y="2260325"/>
                </a:lnTo>
                <a:cubicBezTo>
                  <a:pt x="1096248" y="2326909"/>
                  <a:pt x="1042270" y="2380886"/>
                  <a:pt x="975686" y="2380886"/>
                </a:cubicBezTo>
                <a:lnTo>
                  <a:pt x="493453" y="2380886"/>
                </a:lnTo>
                <a:cubicBezTo>
                  <a:pt x="426869" y="2380886"/>
                  <a:pt x="372891" y="2326909"/>
                  <a:pt x="372891" y="2260325"/>
                </a:cubicBezTo>
                <a:lnTo>
                  <a:pt x="372891" y="2015961"/>
                </a:lnTo>
                <a:lnTo>
                  <a:pt x="198560" y="2015961"/>
                </a:lnTo>
                <a:lnTo>
                  <a:pt x="198560" y="1027125"/>
                </a:lnTo>
                <a:cubicBezTo>
                  <a:pt x="198560" y="1007758"/>
                  <a:pt x="201343" y="989042"/>
                  <a:pt x="207435" y="971619"/>
                </a:cubicBezTo>
                <a:lnTo>
                  <a:pt x="178913" y="971619"/>
                </a:lnTo>
                <a:cubicBezTo>
                  <a:pt x="80102" y="971619"/>
                  <a:pt x="0" y="891517"/>
                  <a:pt x="0" y="792706"/>
                </a:cubicBezTo>
                <a:lnTo>
                  <a:pt x="0" y="743077"/>
                </a:lnTo>
                <a:cubicBezTo>
                  <a:pt x="0" y="644266"/>
                  <a:pt x="80102" y="564164"/>
                  <a:pt x="178913" y="564164"/>
                </a:cubicBezTo>
                <a:lnTo>
                  <a:pt x="398647" y="564164"/>
                </a:lnTo>
                <a:cubicBezTo>
                  <a:pt x="447310" y="564164"/>
                  <a:pt x="491436" y="583593"/>
                  <a:pt x="523419" y="615395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2" name="Block Arc 41">
            <a:extLst>
              <a:ext uri="{FF2B5EF4-FFF2-40B4-BE49-F238E27FC236}">
                <a16:creationId xmlns:a16="http://schemas.microsoft.com/office/drawing/2014/main" id="{36DCD789-FED8-401C-8C81-CF9F331DAB6D}"/>
              </a:ext>
            </a:extLst>
          </p:cNvPr>
          <p:cNvSpPr/>
          <p:nvPr/>
        </p:nvSpPr>
        <p:spPr>
          <a:xfrm>
            <a:off x="9454085" y="5654191"/>
            <a:ext cx="563324" cy="570461"/>
          </a:xfrm>
          <a:custGeom>
            <a:avLst/>
            <a:gdLst/>
            <a:ahLst/>
            <a:cxnLst/>
            <a:rect l="l" t="t" r="r" b="b"/>
            <a:pathLst>
              <a:path w="2844151" h="2880180">
                <a:moveTo>
                  <a:pt x="2390187" y="1502145"/>
                </a:moveTo>
                <a:lnTo>
                  <a:pt x="2844151" y="1530794"/>
                </a:lnTo>
                <a:cubicBezTo>
                  <a:pt x="2804784" y="2154619"/>
                  <a:pt x="2367464" y="2681809"/>
                  <a:pt x="1761650" y="2835749"/>
                </a:cubicBezTo>
                <a:cubicBezTo>
                  <a:pt x="1191486" y="2980631"/>
                  <a:pt x="594633" y="2763755"/>
                  <a:pt x="252983" y="2293680"/>
                </a:cubicBezTo>
                <a:lnTo>
                  <a:pt x="102982" y="2380283"/>
                </a:lnTo>
                <a:lnTo>
                  <a:pt x="104524" y="1603708"/>
                </a:lnTo>
                <a:lnTo>
                  <a:pt x="777828" y="1990661"/>
                </a:lnTo>
                <a:lnTo>
                  <a:pt x="648358" y="2065410"/>
                </a:lnTo>
                <a:cubicBezTo>
                  <a:pt x="886760" y="2358087"/>
                  <a:pt x="1276546" y="2489694"/>
                  <a:pt x="1649627" y="2394891"/>
                </a:cubicBezTo>
                <a:cubicBezTo>
                  <a:pt x="2064076" y="2289577"/>
                  <a:pt x="2363256" y="1928916"/>
                  <a:pt x="2390187" y="1502145"/>
                </a:cubicBezTo>
                <a:close/>
                <a:moveTo>
                  <a:pt x="1424249" y="58"/>
                </a:moveTo>
                <a:cubicBezTo>
                  <a:pt x="1880498" y="-4073"/>
                  <a:pt x="2318325" y="209551"/>
                  <a:pt x="2591169" y="586524"/>
                </a:cubicBezTo>
                <a:lnTo>
                  <a:pt x="2741170" y="499921"/>
                </a:lnTo>
                <a:lnTo>
                  <a:pt x="2739628" y="1276497"/>
                </a:lnTo>
                <a:lnTo>
                  <a:pt x="2066324" y="889544"/>
                </a:lnTo>
                <a:lnTo>
                  <a:pt x="2195793" y="814795"/>
                </a:lnTo>
                <a:cubicBezTo>
                  <a:pt x="1957391" y="522118"/>
                  <a:pt x="1567606" y="390511"/>
                  <a:pt x="1194524" y="485313"/>
                </a:cubicBezTo>
                <a:cubicBezTo>
                  <a:pt x="780075" y="590627"/>
                  <a:pt x="480895" y="951288"/>
                  <a:pt x="453964" y="1378059"/>
                </a:cubicBezTo>
                <a:lnTo>
                  <a:pt x="0" y="1349410"/>
                </a:lnTo>
                <a:cubicBezTo>
                  <a:pt x="39367" y="725585"/>
                  <a:pt x="476687" y="198395"/>
                  <a:pt x="1082501" y="44455"/>
                </a:cubicBezTo>
                <a:cubicBezTo>
                  <a:pt x="1196091" y="15591"/>
                  <a:pt x="1310740" y="1086"/>
                  <a:pt x="1424249" y="58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63" name="Round Same Side Corner Rectangle 11">
            <a:extLst>
              <a:ext uri="{FF2B5EF4-FFF2-40B4-BE49-F238E27FC236}">
                <a16:creationId xmlns:a16="http://schemas.microsoft.com/office/drawing/2014/main" id="{AFBCEF67-A3DE-45DE-97FD-374E910A67D8}"/>
              </a:ext>
            </a:extLst>
          </p:cNvPr>
          <p:cNvSpPr/>
          <p:nvPr/>
        </p:nvSpPr>
        <p:spPr>
          <a:xfrm rot="9900000">
            <a:off x="10208910" y="1534987"/>
            <a:ext cx="579867" cy="492485"/>
          </a:xfrm>
          <a:custGeom>
            <a:avLst/>
            <a:gdLst/>
            <a:ahLst/>
            <a:cxnLst/>
            <a:rect l="l" t="t" r="r" b="b"/>
            <a:pathLst>
              <a:path w="2911009" h="2472345">
                <a:moveTo>
                  <a:pt x="2219598" y="1335309"/>
                </a:moveTo>
                <a:lnTo>
                  <a:pt x="2219598" y="1222573"/>
                </a:lnTo>
                <a:cubicBezTo>
                  <a:pt x="2219598" y="1176944"/>
                  <a:pt x="2241926" y="1136530"/>
                  <a:pt x="2277694" y="1113650"/>
                </a:cubicBezTo>
                <a:lnTo>
                  <a:pt x="2277694" y="137786"/>
                </a:lnTo>
                <a:cubicBezTo>
                  <a:pt x="2277694" y="61689"/>
                  <a:pt x="2339383" y="0"/>
                  <a:pt x="2415480" y="0"/>
                </a:cubicBezTo>
                <a:lnTo>
                  <a:pt x="2545196" y="0"/>
                </a:lnTo>
                <a:cubicBezTo>
                  <a:pt x="2621293" y="0"/>
                  <a:pt x="2682982" y="61689"/>
                  <a:pt x="2682982" y="137786"/>
                </a:cubicBezTo>
                <a:lnTo>
                  <a:pt x="2682982" y="1099067"/>
                </a:lnTo>
                <a:cubicBezTo>
                  <a:pt x="2730197" y="1120049"/>
                  <a:pt x="2762708" y="1167515"/>
                  <a:pt x="2762708" y="1222573"/>
                </a:cubicBezTo>
                <a:lnTo>
                  <a:pt x="2762708" y="1480834"/>
                </a:lnTo>
                <a:close/>
                <a:moveTo>
                  <a:pt x="241900" y="1676361"/>
                </a:moveTo>
                <a:cubicBezTo>
                  <a:pt x="69371" y="1631107"/>
                  <a:pt x="-34146" y="1454930"/>
                  <a:pt x="10296" y="1282189"/>
                </a:cubicBezTo>
                <a:cubicBezTo>
                  <a:pt x="54739" y="1109449"/>
                  <a:pt x="230428" y="1005105"/>
                  <a:pt x="403375" y="1048736"/>
                </a:cubicBezTo>
                <a:cubicBezTo>
                  <a:pt x="349550" y="1257945"/>
                  <a:pt x="295726" y="1467153"/>
                  <a:pt x="241900" y="1676361"/>
                </a:cubicBezTo>
                <a:close/>
                <a:moveTo>
                  <a:pt x="2578947" y="2467929"/>
                </a:moveTo>
                <a:lnTo>
                  <a:pt x="1957545" y="2301425"/>
                </a:lnTo>
                <a:lnTo>
                  <a:pt x="2194209" y="1418183"/>
                </a:lnTo>
                <a:lnTo>
                  <a:pt x="2815611" y="1584687"/>
                </a:lnTo>
                <a:cubicBezTo>
                  <a:pt x="2884250" y="1603079"/>
                  <a:pt x="2924985" y="1673632"/>
                  <a:pt x="2906593" y="1742272"/>
                </a:cubicBezTo>
                <a:lnTo>
                  <a:pt x="2736532" y="2376947"/>
                </a:lnTo>
                <a:cubicBezTo>
                  <a:pt x="2718140" y="2445587"/>
                  <a:pt x="2647586" y="2486321"/>
                  <a:pt x="2578947" y="2467929"/>
                </a:cubicBezTo>
                <a:close/>
                <a:moveTo>
                  <a:pt x="610249" y="2287120"/>
                </a:moveTo>
                <a:lnTo>
                  <a:pt x="1020264" y="756923"/>
                </a:lnTo>
                <a:lnTo>
                  <a:pt x="2107356" y="1398691"/>
                </a:lnTo>
                <a:lnTo>
                  <a:pt x="1872582" y="2274879"/>
                </a:lnTo>
                <a:close/>
                <a:moveTo>
                  <a:pt x="426016" y="2349577"/>
                </a:moveTo>
                <a:lnTo>
                  <a:pt x="243978" y="2300800"/>
                </a:lnTo>
                <a:cubicBezTo>
                  <a:pt x="205115" y="2290387"/>
                  <a:pt x="182051" y="2250439"/>
                  <a:pt x="192464" y="2211576"/>
                </a:cubicBezTo>
                <a:lnTo>
                  <a:pt x="620679" y="613455"/>
                </a:lnTo>
                <a:cubicBezTo>
                  <a:pt x="631093" y="574592"/>
                  <a:pt x="671040" y="551528"/>
                  <a:pt x="709903" y="561941"/>
                </a:cubicBezTo>
                <a:lnTo>
                  <a:pt x="891942" y="610718"/>
                </a:lnTo>
                <a:cubicBezTo>
                  <a:pt x="930805" y="621132"/>
                  <a:pt x="953869" y="661079"/>
                  <a:pt x="943455" y="699942"/>
                </a:cubicBezTo>
                <a:lnTo>
                  <a:pt x="515240" y="2298064"/>
                </a:lnTo>
                <a:cubicBezTo>
                  <a:pt x="504827" y="2336927"/>
                  <a:pt x="464879" y="2359990"/>
                  <a:pt x="426016" y="2349577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4" name="Donut 39">
            <a:extLst>
              <a:ext uri="{FF2B5EF4-FFF2-40B4-BE49-F238E27FC236}">
                <a16:creationId xmlns:a16="http://schemas.microsoft.com/office/drawing/2014/main" id="{439297A1-2150-467C-8B3E-08A8C9E0E56F}"/>
              </a:ext>
            </a:extLst>
          </p:cNvPr>
          <p:cNvSpPr/>
          <p:nvPr/>
        </p:nvSpPr>
        <p:spPr>
          <a:xfrm>
            <a:off x="4246301" y="4666128"/>
            <a:ext cx="575536" cy="575536"/>
          </a:xfrm>
          <a:custGeom>
            <a:avLst/>
            <a:gdLst/>
            <a:ahLst/>
            <a:cxnLst/>
            <a:rect l="l" t="t" r="r" b="b"/>
            <a:pathLst>
              <a:path w="3240000" h="3240000">
                <a:moveTo>
                  <a:pt x="1152300" y="922782"/>
                </a:moveTo>
                <a:lnTo>
                  <a:pt x="2354400" y="1620000"/>
                </a:lnTo>
                <a:lnTo>
                  <a:pt x="1152300" y="2317218"/>
                </a:lnTo>
                <a:close/>
                <a:moveTo>
                  <a:pt x="1620000" y="342403"/>
                </a:moveTo>
                <a:cubicBezTo>
                  <a:pt x="914403" y="342403"/>
                  <a:pt x="342403" y="914403"/>
                  <a:pt x="342403" y="1620000"/>
                </a:cubicBezTo>
                <a:cubicBezTo>
                  <a:pt x="342403" y="2325597"/>
                  <a:pt x="914403" y="2897597"/>
                  <a:pt x="1620000" y="2897597"/>
                </a:cubicBezTo>
                <a:cubicBezTo>
                  <a:pt x="2325597" y="2897597"/>
                  <a:pt x="2897597" y="2325597"/>
                  <a:pt x="2897597" y="1620000"/>
                </a:cubicBezTo>
                <a:cubicBezTo>
                  <a:pt x="2897597" y="914403"/>
                  <a:pt x="2325597" y="342403"/>
                  <a:pt x="1620000" y="342403"/>
                </a:cubicBezTo>
                <a:close/>
                <a:moveTo>
                  <a:pt x="1620000" y="0"/>
                </a:moveTo>
                <a:cubicBezTo>
                  <a:pt x="2514701" y="0"/>
                  <a:pt x="3240000" y="725299"/>
                  <a:pt x="3240000" y="1620000"/>
                </a:cubicBezTo>
                <a:cubicBezTo>
                  <a:pt x="3240000" y="2514701"/>
                  <a:pt x="2514701" y="3240000"/>
                  <a:pt x="1620000" y="3240000"/>
                </a:cubicBezTo>
                <a:cubicBezTo>
                  <a:pt x="725299" y="3240000"/>
                  <a:pt x="0" y="2514701"/>
                  <a:pt x="0" y="1620000"/>
                </a:cubicBezTo>
                <a:cubicBezTo>
                  <a:pt x="0" y="725299"/>
                  <a:pt x="725299" y="0"/>
                  <a:pt x="1620000" y="0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65" name="Freeform 25">
            <a:extLst>
              <a:ext uri="{FF2B5EF4-FFF2-40B4-BE49-F238E27FC236}">
                <a16:creationId xmlns:a16="http://schemas.microsoft.com/office/drawing/2014/main" id="{115A3EAB-6A86-45ED-8F48-A7797A2D6676}"/>
              </a:ext>
            </a:extLst>
          </p:cNvPr>
          <p:cNvSpPr/>
          <p:nvPr/>
        </p:nvSpPr>
        <p:spPr>
          <a:xfrm>
            <a:off x="8766358" y="3640606"/>
            <a:ext cx="417857" cy="517071"/>
          </a:xfrm>
          <a:custGeom>
            <a:avLst/>
            <a:gdLst>
              <a:gd name="connsiteX0" fmla="*/ 371475 w 1600200"/>
              <a:gd name="connsiteY0" fmla="*/ 0 h 1857375"/>
              <a:gd name="connsiteX1" fmla="*/ 628650 w 1600200"/>
              <a:gd name="connsiteY1" fmla="*/ 523875 h 1857375"/>
              <a:gd name="connsiteX2" fmla="*/ 400050 w 1600200"/>
              <a:gd name="connsiteY2" fmla="*/ 561975 h 1857375"/>
              <a:gd name="connsiteX3" fmla="*/ 1019175 w 1600200"/>
              <a:gd name="connsiteY3" fmla="*/ 1438275 h 1857375"/>
              <a:gd name="connsiteX4" fmla="*/ 1219200 w 1600200"/>
              <a:gd name="connsiteY4" fmla="*/ 1238250 h 1857375"/>
              <a:gd name="connsiteX5" fmla="*/ 1600200 w 1600200"/>
              <a:gd name="connsiteY5" fmla="*/ 1666875 h 1857375"/>
              <a:gd name="connsiteX6" fmla="*/ 1038225 w 1600200"/>
              <a:gd name="connsiteY6" fmla="*/ 1857375 h 1857375"/>
              <a:gd name="connsiteX7" fmla="*/ 0 w 1600200"/>
              <a:gd name="connsiteY7" fmla="*/ 314325 h 1857375"/>
              <a:gd name="connsiteX8" fmla="*/ 371475 w 1600200"/>
              <a:gd name="connsiteY8" fmla="*/ 0 h 1857375"/>
              <a:gd name="connsiteX0" fmla="*/ 371475 w 1600200"/>
              <a:gd name="connsiteY0" fmla="*/ 0 h 1917951"/>
              <a:gd name="connsiteX1" fmla="*/ 628650 w 1600200"/>
              <a:gd name="connsiteY1" fmla="*/ 584451 h 1917951"/>
              <a:gd name="connsiteX2" fmla="*/ 400050 w 1600200"/>
              <a:gd name="connsiteY2" fmla="*/ 622551 h 1917951"/>
              <a:gd name="connsiteX3" fmla="*/ 1019175 w 1600200"/>
              <a:gd name="connsiteY3" fmla="*/ 1498851 h 1917951"/>
              <a:gd name="connsiteX4" fmla="*/ 1219200 w 1600200"/>
              <a:gd name="connsiteY4" fmla="*/ 1298826 h 1917951"/>
              <a:gd name="connsiteX5" fmla="*/ 1600200 w 1600200"/>
              <a:gd name="connsiteY5" fmla="*/ 1727451 h 1917951"/>
              <a:gd name="connsiteX6" fmla="*/ 1038225 w 1600200"/>
              <a:gd name="connsiteY6" fmla="*/ 1917951 h 1917951"/>
              <a:gd name="connsiteX7" fmla="*/ 0 w 1600200"/>
              <a:gd name="connsiteY7" fmla="*/ 374901 h 1917951"/>
              <a:gd name="connsiteX8" fmla="*/ 371475 w 1600200"/>
              <a:gd name="connsiteY8" fmla="*/ 0 h 1917951"/>
              <a:gd name="connsiteX0" fmla="*/ 371475 w 1600200"/>
              <a:gd name="connsiteY0" fmla="*/ 1277 h 1919228"/>
              <a:gd name="connsiteX1" fmla="*/ 628650 w 1600200"/>
              <a:gd name="connsiteY1" fmla="*/ 585728 h 1919228"/>
              <a:gd name="connsiteX2" fmla="*/ 400050 w 1600200"/>
              <a:gd name="connsiteY2" fmla="*/ 623828 h 1919228"/>
              <a:gd name="connsiteX3" fmla="*/ 1019175 w 1600200"/>
              <a:gd name="connsiteY3" fmla="*/ 1500128 h 1919228"/>
              <a:gd name="connsiteX4" fmla="*/ 1219200 w 1600200"/>
              <a:gd name="connsiteY4" fmla="*/ 1300103 h 1919228"/>
              <a:gd name="connsiteX5" fmla="*/ 1600200 w 1600200"/>
              <a:gd name="connsiteY5" fmla="*/ 1728728 h 1919228"/>
              <a:gd name="connsiteX6" fmla="*/ 1038225 w 1600200"/>
              <a:gd name="connsiteY6" fmla="*/ 1919228 h 1919228"/>
              <a:gd name="connsiteX7" fmla="*/ 0 w 1600200"/>
              <a:gd name="connsiteY7" fmla="*/ 376178 h 1919228"/>
              <a:gd name="connsiteX8" fmla="*/ 371475 w 1600200"/>
              <a:gd name="connsiteY8" fmla="*/ 1277 h 1919228"/>
              <a:gd name="connsiteX0" fmla="*/ 371475 w 1600200"/>
              <a:gd name="connsiteY0" fmla="*/ 1277 h 1919228"/>
              <a:gd name="connsiteX1" fmla="*/ 628650 w 1600200"/>
              <a:gd name="connsiteY1" fmla="*/ 585728 h 1919228"/>
              <a:gd name="connsiteX2" fmla="*/ 400050 w 1600200"/>
              <a:gd name="connsiteY2" fmla="*/ 623828 h 1919228"/>
              <a:gd name="connsiteX3" fmla="*/ 1019175 w 1600200"/>
              <a:gd name="connsiteY3" fmla="*/ 1500128 h 1919228"/>
              <a:gd name="connsiteX4" fmla="*/ 1219200 w 1600200"/>
              <a:gd name="connsiteY4" fmla="*/ 1300103 h 1919228"/>
              <a:gd name="connsiteX5" fmla="*/ 1600200 w 1600200"/>
              <a:gd name="connsiteY5" fmla="*/ 1728728 h 1919228"/>
              <a:gd name="connsiteX6" fmla="*/ 1038225 w 1600200"/>
              <a:gd name="connsiteY6" fmla="*/ 1919228 h 1919228"/>
              <a:gd name="connsiteX7" fmla="*/ 0 w 1600200"/>
              <a:gd name="connsiteY7" fmla="*/ 376178 h 1919228"/>
              <a:gd name="connsiteX8" fmla="*/ 371475 w 1600200"/>
              <a:gd name="connsiteY8" fmla="*/ 1277 h 1919228"/>
              <a:gd name="connsiteX0" fmla="*/ 371475 w 1600200"/>
              <a:gd name="connsiteY0" fmla="*/ 1544 h 1919495"/>
              <a:gd name="connsiteX1" fmla="*/ 628650 w 1600200"/>
              <a:gd name="connsiteY1" fmla="*/ 585995 h 1919495"/>
              <a:gd name="connsiteX2" fmla="*/ 400050 w 1600200"/>
              <a:gd name="connsiteY2" fmla="*/ 624095 h 1919495"/>
              <a:gd name="connsiteX3" fmla="*/ 1019175 w 1600200"/>
              <a:gd name="connsiteY3" fmla="*/ 1500395 h 1919495"/>
              <a:gd name="connsiteX4" fmla="*/ 1219200 w 1600200"/>
              <a:gd name="connsiteY4" fmla="*/ 1300370 h 1919495"/>
              <a:gd name="connsiteX5" fmla="*/ 1600200 w 1600200"/>
              <a:gd name="connsiteY5" fmla="*/ 1728995 h 1919495"/>
              <a:gd name="connsiteX6" fmla="*/ 1038225 w 1600200"/>
              <a:gd name="connsiteY6" fmla="*/ 1919495 h 1919495"/>
              <a:gd name="connsiteX7" fmla="*/ 0 w 1600200"/>
              <a:gd name="connsiteY7" fmla="*/ 376445 h 1919495"/>
              <a:gd name="connsiteX8" fmla="*/ 371475 w 1600200"/>
              <a:gd name="connsiteY8" fmla="*/ 1544 h 1919495"/>
              <a:gd name="connsiteX0" fmla="*/ 371475 w 1600200"/>
              <a:gd name="connsiteY0" fmla="*/ 1487 h 1919438"/>
              <a:gd name="connsiteX1" fmla="*/ 568075 w 1600200"/>
              <a:gd name="connsiteY1" fmla="*/ 603245 h 1919438"/>
              <a:gd name="connsiteX2" fmla="*/ 400050 w 1600200"/>
              <a:gd name="connsiteY2" fmla="*/ 624038 h 1919438"/>
              <a:gd name="connsiteX3" fmla="*/ 1019175 w 1600200"/>
              <a:gd name="connsiteY3" fmla="*/ 1500338 h 1919438"/>
              <a:gd name="connsiteX4" fmla="*/ 1219200 w 1600200"/>
              <a:gd name="connsiteY4" fmla="*/ 1300313 h 1919438"/>
              <a:gd name="connsiteX5" fmla="*/ 1600200 w 1600200"/>
              <a:gd name="connsiteY5" fmla="*/ 1728938 h 1919438"/>
              <a:gd name="connsiteX6" fmla="*/ 1038225 w 1600200"/>
              <a:gd name="connsiteY6" fmla="*/ 1919438 h 1919438"/>
              <a:gd name="connsiteX7" fmla="*/ 0 w 1600200"/>
              <a:gd name="connsiteY7" fmla="*/ 376388 h 1919438"/>
              <a:gd name="connsiteX8" fmla="*/ 371475 w 1600200"/>
              <a:gd name="connsiteY8" fmla="*/ 1487 h 1919438"/>
              <a:gd name="connsiteX0" fmla="*/ 371475 w 1600200"/>
              <a:gd name="connsiteY0" fmla="*/ 1032 h 1918983"/>
              <a:gd name="connsiteX1" fmla="*/ 568075 w 1600200"/>
              <a:gd name="connsiteY1" fmla="*/ 602790 h 1918983"/>
              <a:gd name="connsiteX2" fmla="*/ 400050 w 1600200"/>
              <a:gd name="connsiteY2" fmla="*/ 623583 h 1918983"/>
              <a:gd name="connsiteX3" fmla="*/ 1019175 w 1600200"/>
              <a:gd name="connsiteY3" fmla="*/ 1499883 h 1918983"/>
              <a:gd name="connsiteX4" fmla="*/ 1219200 w 1600200"/>
              <a:gd name="connsiteY4" fmla="*/ 1299858 h 1918983"/>
              <a:gd name="connsiteX5" fmla="*/ 1600200 w 1600200"/>
              <a:gd name="connsiteY5" fmla="*/ 1728483 h 1918983"/>
              <a:gd name="connsiteX6" fmla="*/ 1038225 w 1600200"/>
              <a:gd name="connsiteY6" fmla="*/ 1918983 h 1918983"/>
              <a:gd name="connsiteX7" fmla="*/ 0 w 1600200"/>
              <a:gd name="connsiteY7" fmla="*/ 375933 h 1918983"/>
              <a:gd name="connsiteX8" fmla="*/ 371475 w 1600200"/>
              <a:gd name="connsiteY8" fmla="*/ 1032 h 1918983"/>
              <a:gd name="connsiteX0" fmla="*/ 371475 w 1600200"/>
              <a:gd name="connsiteY0" fmla="*/ 1088 h 1919039"/>
              <a:gd name="connsiteX1" fmla="*/ 568075 w 1600200"/>
              <a:gd name="connsiteY1" fmla="*/ 602846 h 1919039"/>
              <a:gd name="connsiteX2" fmla="*/ 400050 w 1600200"/>
              <a:gd name="connsiteY2" fmla="*/ 623639 h 1919039"/>
              <a:gd name="connsiteX3" fmla="*/ 1019175 w 1600200"/>
              <a:gd name="connsiteY3" fmla="*/ 1499939 h 1919039"/>
              <a:gd name="connsiteX4" fmla="*/ 1219200 w 1600200"/>
              <a:gd name="connsiteY4" fmla="*/ 1299914 h 1919039"/>
              <a:gd name="connsiteX5" fmla="*/ 1600200 w 1600200"/>
              <a:gd name="connsiteY5" fmla="*/ 1728539 h 1919039"/>
              <a:gd name="connsiteX6" fmla="*/ 1038225 w 1600200"/>
              <a:gd name="connsiteY6" fmla="*/ 1919039 h 1919039"/>
              <a:gd name="connsiteX7" fmla="*/ 0 w 1600200"/>
              <a:gd name="connsiteY7" fmla="*/ 375989 h 1919039"/>
              <a:gd name="connsiteX8" fmla="*/ 371475 w 1600200"/>
              <a:gd name="connsiteY8" fmla="*/ 1088 h 1919039"/>
              <a:gd name="connsiteX0" fmla="*/ 371475 w 1600200"/>
              <a:gd name="connsiteY0" fmla="*/ 1088 h 1919039"/>
              <a:gd name="connsiteX1" fmla="*/ 568075 w 1600200"/>
              <a:gd name="connsiteY1" fmla="*/ 602846 h 1919039"/>
              <a:gd name="connsiteX2" fmla="*/ 400050 w 1600200"/>
              <a:gd name="connsiteY2" fmla="*/ 623639 h 1919039"/>
              <a:gd name="connsiteX3" fmla="*/ 1019175 w 1600200"/>
              <a:gd name="connsiteY3" fmla="*/ 1499939 h 1919039"/>
              <a:gd name="connsiteX4" fmla="*/ 1219200 w 1600200"/>
              <a:gd name="connsiteY4" fmla="*/ 1299914 h 1919039"/>
              <a:gd name="connsiteX5" fmla="*/ 1600200 w 1600200"/>
              <a:gd name="connsiteY5" fmla="*/ 1728539 h 1919039"/>
              <a:gd name="connsiteX6" fmla="*/ 1038225 w 1600200"/>
              <a:gd name="connsiteY6" fmla="*/ 1919039 h 1919039"/>
              <a:gd name="connsiteX7" fmla="*/ 0 w 1600200"/>
              <a:gd name="connsiteY7" fmla="*/ 375989 h 1919039"/>
              <a:gd name="connsiteX8" fmla="*/ 371475 w 1600200"/>
              <a:gd name="connsiteY8" fmla="*/ 1088 h 191903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400050 w 1600200"/>
              <a:gd name="connsiteY2" fmla="*/ 623669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408703 w 1600200"/>
              <a:gd name="connsiteY2" fmla="*/ 643860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59666 w 1600200"/>
              <a:gd name="connsiteY2" fmla="*/ 643860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1019175 w 1600200"/>
              <a:gd name="connsiteY3" fmla="*/ 1499969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70138 w 1600200"/>
              <a:gd name="connsiteY3" fmla="*/ 1517276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1010522 w 1600200"/>
              <a:gd name="connsiteY3" fmla="*/ 1534584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96099 w 1600200"/>
              <a:gd name="connsiteY3" fmla="*/ 1546122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87445 w 1600200"/>
              <a:gd name="connsiteY3" fmla="*/ 1528815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87445 w 1600200"/>
              <a:gd name="connsiteY3" fmla="*/ 1528815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87445 w 1600200"/>
              <a:gd name="connsiteY3" fmla="*/ 1528815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87445 w 1600200"/>
              <a:gd name="connsiteY3" fmla="*/ 1528815 h 1919069"/>
              <a:gd name="connsiteX4" fmla="*/ 1219200 w 1600200"/>
              <a:gd name="connsiteY4" fmla="*/ 1299944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87445 w 1600200"/>
              <a:gd name="connsiteY3" fmla="*/ 1528815 h 1919069"/>
              <a:gd name="connsiteX4" fmla="*/ 1173048 w 1600200"/>
              <a:gd name="connsiteY4" fmla="*/ 1311482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87445 w 1600200"/>
              <a:gd name="connsiteY3" fmla="*/ 1528815 h 1919069"/>
              <a:gd name="connsiteX4" fmla="*/ 1173048 w 1600200"/>
              <a:gd name="connsiteY4" fmla="*/ 1311482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87445 w 1600200"/>
              <a:gd name="connsiteY3" fmla="*/ 1528815 h 1919069"/>
              <a:gd name="connsiteX4" fmla="*/ 1173048 w 1600200"/>
              <a:gd name="connsiteY4" fmla="*/ 1311482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600200"/>
              <a:gd name="connsiteY0" fmla="*/ 1118 h 1919069"/>
              <a:gd name="connsiteX1" fmla="*/ 568075 w 1600200"/>
              <a:gd name="connsiteY1" fmla="*/ 602876 h 1919069"/>
              <a:gd name="connsiteX2" fmla="*/ 374089 w 1600200"/>
              <a:gd name="connsiteY2" fmla="*/ 646744 h 1919069"/>
              <a:gd name="connsiteX3" fmla="*/ 987445 w 1600200"/>
              <a:gd name="connsiteY3" fmla="*/ 1528815 h 1919069"/>
              <a:gd name="connsiteX4" fmla="*/ 1173048 w 1600200"/>
              <a:gd name="connsiteY4" fmla="*/ 1311482 h 1919069"/>
              <a:gd name="connsiteX5" fmla="*/ 1600200 w 1600200"/>
              <a:gd name="connsiteY5" fmla="*/ 1728569 h 1919069"/>
              <a:gd name="connsiteX6" fmla="*/ 1038225 w 1600200"/>
              <a:gd name="connsiteY6" fmla="*/ 1919069 h 1919069"/>
              <a:gd name="connsiteX7" fmla="*/ 0 w 1600200"/>
              <a:gd name="connsiteY7" fmla="*/ 376019 h 1919069"/>
              <a:gd name="connsiteX8" fmla="*/ 371475 w 1600200"/>
              <a:gd name="connsiteY8" fmla="*/ 1118 h 1919069"/>
              <a:gd name="connsiteX0" fmla="*/ 371475 w 1588662"/>
              <a:gd name="connsiteY0" fmla="*/ 1118 h 1919069"/>
              <a:gd name="connsiteX1" fmla="*/ 568075 w 1588662"/>
              <a:gd name="connsiteY1" fmla="*/ 602876 h 1919069"/>
              <a:gd name="connsiteX2" fmla="*/ 374089 w 1588662"/>
              <a:gd name="connsiteY2" fmla="*/ 646744 h 1919069"/>
              <a:gd name="connsiteX3" fmla="*/ 987445 w 1588662"/>
              <a:gd name="connsiteY3" fmla="*/ 1528815 h 1919069"/>
              <a:gd name="connsiteX4" fmla="*/ 1173048 w 1588662"/>
              <a:gd name="connsiteY4" fmla="*/ 1311482 h 1919069"/>
              <a:gd name="connsiteX5" fmla="*/ 1588662 w 1588662"/>
              <a:gd name="connsiteY5" fmla="*/ 1699723 h 1919069"/>
              <a:gd name="connsiteX6" fmla="*/ 1038225 w 1588662"/>
              <a:gd name="connsiteY6" fmla="*/ 1919069 h 1919069"/>
              <a:gd name="connsiteX7" fmla="*/ 0 w 1588662"/>
              <a:gd name="connsiteY7" fmla="*/ 376019 h 1919069"/>
              <a:gd name="connsiteX8" fmla="*/ 371475 w 1588662"/>
              <a:gd name="connsiteY8" fmla="*/ 1118 h 1919069"/>
              <a:gd name="connsiteX0" fmla="*/ 371475 w 1600166"/>
              <a:gd name="connsiteY0" fmla="*/ 1118 h 1919069"/>
              <a:gd name="connsiteX1" fmla="*/ 568075 w 1600166"/>
              <a:gd name="connsiteY1" fmla="*/ 602876 h 1919069"/>
              <a:gd name="connsiteX2" fmla="*/ 374089 w 1600166"/>
              <a:gd name="connsiteY2" fmla="*/ 646744 h 1919069"/>
              <a:gd name="connsiteX3" fmla="*/ 987445 w 1600166"/>
              <a:gd name="connsiteY3" fmla="*/ 1528815 h 1919069"/>
              <a:gd name="connsiteX4" fmla="*/ 1173048 w 1600166"/>
              <a:gd name="connsiteY4" fmla="*/ 1311482 h 1919069"/>
              <a:gd name="connsiteX5" fmla="*/ 1588662 w 1600166"/>
              <a:gd name="connsiteY5" fmla="*/ 1699723 h 1919069"/>
              <a:gd name="connsiteX6" fmla="*/ 1038225 w 1600166"/>
              <a:gd name="connsiteY6" fmla="*/ 1919069 h 1919069"/>
              <a:gd name="connsiteX7" fmla="*/ 0 w 1600166"/>
              <a:gd name="connsiteY7" fmla="*/ 376019 h 1919069"/>
              <a:gd name="connsiteX8" fmla="*/ 371475 w 1600166"/>
              <a:gd name="connsiteY8" fmla="*/ 1118 h 1919069"/>
              <a:gd name="connsiteX0" fmla="*/ 371475 w 1600166"/>
              <a:gd name="connsiteY0" fmla="*/ 1118 h 1919069"/>
              <a:gd name="connsiteX1" fmla="*/ 568075 w 1600166"/>
              <a:gd name="connsiteY1" fmla="*/ 602876 h 1919069"/>
              <a:gd name="connsiteX2" fmla="*/ 374089 w 1600166"/>
              <a:gd name="connsiteY2" fmla="*/ 646744 h 1919069"/>
              <a:gd name="connsiteX3" fmla="*/ 987445 w 1600166"/>
              <a:gd name="connsiteY3" fmla="*/ 1528815 h 1919069"/>
              <a:gd name="connsiteX4" fmla="*/ 1173048 w 1600166"/>
              <a:gd name="connsiteY4" fmla="*/ 1311482 h 1919069"/>
              <a:gd name="connsiteX5" fmla="*/ 1588662 w 1600166"/>
              <a:gd name="connsiteY5" fmla="*/ 1699723 h 1919069"/>
              <a:gd name="connsiteX6" fmla="*/ 1038225 w 1600166"/>
              <a:gd name="connsiteY6" fmla="*/ 1919069 h 1919069"/>
              <a:gd name="connsiteX7" fmla="*/ 0 w 1600166"/>
              <a:gd name="connsiteY7" fmla="*/ 376019 h 1919069"/>
              <a:gd name="connsiteX8" fmla="*/ 371475 w 1600166"/>
              <a:gd name="connsiteY8" fmla="*/ 1118 h 1919069"/>
              <a:gd name="connsiteX0" fmla="*/ 371475 w 1596260"/>
              <a:gd name="connsiteY0" fmla="*/ 1118 h 1919069"/>
              <a:gd name="connsiteX1" fmla="*/ 568075 w 1596260"/>
              <a:gd name="connsiteY1" fmla="*/ 602876 h 1919069"/>
              <a:gd name="connsiteX2" fmla="*/ 374089 w 1596260"/>
              <a:gd name="connsiteY2" fmla="*/ 646744 h 1919069"/>
              <a:gd name="connsiteX3" fmla="*/ 987445 w 1596260"/>
              <a:gd name="connsiteY3" fmla="*/ 1528815 h 1919069"/>
              <a:gd name="connsiteX4" fmla="*/ 1173048 w 1596260"/>
              <a:gd name="connsiteY4" fmla="*/ 1311482 h 1919069"/>
              <a:gd name="connsiteX5" fmla="*/ 1588662 w 1596260"/>
              <a:gd name="connsiteY5" fmla="*/ 1699723 h 1919069"/>
              <a:gd name="connsiteX6" fmla="*/ 1038225 w 1596260"/>
              <a:gd name="connsiteY6" fmla="*/ 1919069 h 1919069"/>
              <a:gd name="connsiteX7" fmla="*/ 0 w 1596260"/>
              <a:gd name="connsiteY7" fmla="*/ 376019 h 1919069"/>
              <a:gd name="connsiteX8" fmla="*/ 371475 w 1596260"/>
              <a:gd name="connsiteY8" fmla="*/ 1118 h 1919069"/>
              <a:gd name="connsiteX0" fmla="*/ 371475 w 1596260"/>
              <a:gd name="connsiteY0" fmla="*/ 1118 h 1919069"/>
              <a:gd name="connsiteX1" fmla="*/ 568075 w 1596260"/>
              <a:gd name="connsiteY1" fmla="*/ 602876 h 1919069"/>
              <a:gd name="connsiteX2" fmla="*/ 374089 w 1596260"/>
              <a:gd name="connsiteY2" fmla="*/ 646744 h 1919069"/>
              <a:gd name="connsiteX3" fmla="*/ 987445 w 1596260"/>
              <a:gd name="connsiteY3" fmla="*/ 1528815 h 1919069"/>
              <a:gd name="connsiteX4" fmla="*/ 1173048 w 1596260"/>
              <a:gd name="connsiteY4" fmla="*/ 1311482 h 1919069"/>
              <a:gd name="connsiteX5" fmla="*/ 1588662 w 1596260"/>
              <a:gd name="connsiteY5" fmla="*/ 1699723 h 1919069"/>
              <a:gd name="connsiteX6" fmla="*/ 1038225 w 1596260"/>
              <a:gd name="connsiteY6" fmla="*/ 1919069 h 1919069"/>
              <a:gd name="connsiteX7" fmla="*/ 0 w 1596260"/>
              <a:gd name="connsiteY7" fmla="*/ 376019 h 1919069"/>
              <a:gd name="connsiteX8" fmla="*/ 371475 w 1596260"/>
              <a:gd name="connsiteY8" fmla="*/ 1118 h 1919069"/>
              <a:gd name="connsiteX0" fmla="*/ 371475 w 1596260"/>
              <a:gd name="connsiteY0" fmla="*/ 1118 h 1946976"/>
              <a:gd name="connsiteX1" fmla="*/ 568075 w 1596260"/>
              <a:gd name="connsiteY1" fmla="*/ 602876 h 1946976"/>
              <a:gd name="connsiteX2" fmla="*/ 374089 w 1596260"/>
              <a:gd name="connsiteY2" fmla="*/ 646744 h 1946976"/>
              <a:gd name="connsiteX3" fmla="*/ 987445 w 1596260"/>
              <a:gd name="connsiteY3" fmla="*/ 1528815 h 1946976"/>
              <a:gd name="connsiteX4" fmla="*/ 1173048 w 1596260"/>
              <a:gd name="connsiteY4" fmla="*/ 1311482 h 1946976"/>
              <a:gd name="connsiteX5" fmla="*/ 1588662 w 1596260"/>
              <a:gd name="connsiteY5" fmla="*/ 1699723 h 1946976"/>
              <a:gd name="connsiteX6" fmla="*/ 1038225 w 1596260"/>
              <a:gd name="connsiteY6" fmla="*/ 1919069 h 1946976"/>
              <a:gd name="connsiteX7" fmla="*/ 0 w 1596260"/>
              <a:gd name="connsiteY7" fmla="*/ 376019 h 1946976"/>
              <a:gd name="connsiteX8" fmla="*/ 371475 w 1596260"/>
              <a:gd name="connsiteY8" fmla="*/ 1118 h 1946976"/>
              <a:gd name="connsiteX0" fmla="*/ 357053 w 1581838"/>
              <a:gd name="connsiteY0" fmla="*/ 1118 h 1946976"/>
              <a:gd name="connsiteX1" fmla="*/ 553653 w 1581838"/>
              <a:gd name="connsiteY1" fmla="*/ 602876 h 1946976"/>
              <a:gd name="connsiteX2" fmla="*/ 359667 w 1581838"/>
              <a:gd name="connsiteY2" fmla="*/ 646744 h 1946976"/>
              <a:gd name="connsiteX3" fmla="*/ 973023 w 1581838"/>
              <a:gd name="connsiteY3" fmla="*/ 1528815 h 1946976"/>
              <a:gd name="connsiteX4" fmla="*/ 1158626 w 1581838"/>
              <a:gd name="connsiteY4" fmla="*/ 1311482 h 1946976"/>
              <a:gd name="connsiteX5" fmla="*/ 1574240 w 1581838"/>
              <a:gd name="connsiteY5" fmla="*/ 1699723 h 1946976"/>
              <a:gd name="connsiteX6" fmla="*/ 1023803 w 1581838"/>
              <a:gd name="connsiteY6" fmla="*/ 1919069 h 1946976"/>
              <a:gd name="connsiteX7" fmla="*/ 0 w 1581838"/>
              <a:gd name="connsiteY7" fmla="*/ 378903 h 1946976"/>
              <a:gd name="connsiteX8" fmla="*/ 357053 w 1581838"/>
              <a:gd name="connsiteY8" fmla="*/ 1118 h 1946976"/>
              <a:gd name="connsiteX0" fmla="*/ 357053 w 1581838"/>
              <a:gd name="connsiteY0" fmla="*/ 1118 h 1946976"/>
              <a:gd name="connsiteX1" fmla="*/ 553653 w 1581838"/>
              <a:gd name="connsiteY1" fmla="*/ 602876 h 1946976"/>
              <a:gd name="connsiteX2" fmla="*/ 359667 w 1581838"/>
              <a:gd name="connsiteY2" fmla="*/ 646744 h 1946976"/>
              <a:gd name="connsiteX3" fmla="*/ 973023 w 1581838"/>
              <a:gd name="connsiteY3" fmla="*/ 1528815 h 1946976"/>
              <a:gd name="connsiteX4" fmla="*/ 1158626 w 1581838"/>
              <a:gd name="connsiteY4" fmla="*/ 1311482 h 1946976"/>
              <a:gd name="connsiteX5" fmla="*/ 1574240 w 1581838"/>
              <a:gd name="connsiteY5" fmla="*/ 1699723 h 1946976"/>
              <a:gd name="connsiteX6" fmla="*/ 1023803 w 1581838"/>
              <a:gd name="connsiteY6" fmla="*/ 1919069 h 1946976"/>
              <a:gd name="connsiteX7" fmla="*/ 0 w 1581838"/>
              <a:gd name="connsiteY7" fmla="*/ 378903 h 1946976"/>
              <a:gd name="connsiteX8" fmla="*/ 357053 w 1581838"/>
              <a:gd name="connsiteY8" fmla="*/ 1118 h 1946976"/>
              <a:gd name="connsiteX0" fmla="*/ 357053 w 1581838"/>
              <a:gd name="connsiteY0" fmla="*/ 1118 h 1946976"/>
              <a:gd name="connsiteX1" fmla="*/ 553653 w 1581838"/>
              <a:gd name="connsiteY1" fmla="*/ 602876 h 1946976"/>
              <a:gd name="connsiteX2" fmla="*/ 359667 w 1581838"/>
              <a:gd name="connsiteY2" fmla="*/ 646744 h 1946976"/>
              <a:gd name="connsiteX3" fmla="*/ 973023 w 1581838"/>
              <a:gd name="connsiteY3" fmla="*/ 1528815 h 1946976"/>
              <a:gd name="connsiteX4" fmla="*/ 1158626 w 1581838"/>
              <a:gd name="connsiteY4" fmla="*/ 1311482 h 1946976"/>
              <a:gd name="connsiteX5" fmla="*/ 1574240 w 1581838"/>
              <a:gd name="connsiteY5" fmla="*/ 1699723 h 1946976"/>
              <a:gd name="connsiteX6" fmla="*/ 1023803 w 1581838"/>
              <a:gd name="connsiteY6" fmla="*/ 1919069 h 1946976"/>
              <a:gd name="connsiteX7" fmla="*/ 0 w 1581838"/>
              <a:gd name="connsiteY7" fmla="*/ 378903 h 1946976"/>
              <a:gd name="connsiteX8" fmla="*/ 357053 w 1581838"/>
              <a:gd name="connsiteY8" fmla="*/ 1118 h 1946976"/>
              <a:gd name="connsiteX0" fmla="*/ 333976 w 1558761"/>
              <a:gd name="connsiteY0" fmla="*/ 1118 h 1946976"/>
              <a:gd name="connsiteX1" fmla="*/ 530576 w 1558761"/>
              <a:gd name="connsiteY1" fmla="*/ 602876 h 1946976"/>
              <a:gd name="connsiteX2" fmla="*/ 336590 w 1558761"/>
              <a:gd name="connsiteY2" fmla="*/ 646744 h 1946976"/>
              <a:gd name="connsiteX3" fmla="*/ 949946 w 1558761"/>
              <a:gd name="connsiteY3" fmla="*/ 1528815 h 1946976"/>
              <a:gd name="connsiteX4" fmla="*/ 1135549 w 1558761"/>
              <a:gd name="connsiteY4" fmla="*/ 1311482 h 1946976"/>
              <a:gd name="connsiteX5" fmla="*/ 1551163 w 1558761"/>
              <a:gd name="connsiteY5" fmla="*/ 1699723 h 1946976"/>
              <a:gd name="connsiteX6" fmla="*/ 1000726 w 1558761"/>
              <a:gd name="connsiteY6" fmla="*/ 1919069 h 1946976"/>
              <a:gd name="connsiteX7" fmla="*/ 0 w 1558761"/>
              <a:gd name="connsiteY7" fmla="*/ 390441 h 1946976"/>
              <a:gd name="connsiteX8" fmla="*/ 333976 w 1558761"/>
              <a:gd name="connsiteY8" fmla="*/ 1118 h 1946976"/>
              <a:gd name="connsiteX0" fmla="*/ 335877 w 1560662"/>
              <a:gd name="connsiteY0" fmla="*/ 1118 h 1946976"/>
              <a:gd name="connsiteX1" fmla="*/ 532477 w 1560662"/>
              <a:gd name="connsiteY1" fmla="*/ 602876 h 1946976"/>
              <a:gd name="connsiteX2" fmla="*/ 338491 w 1560662"/>
              <a:gd name="connsiteY2" fmla="*/ 646744 h 1946976"/>
              <a:gd name="connsiteX3" fmla="*/ 951847 w 1560662"/>
              <a:gd name="connsiteY3" fmla="*/ 1528815 h 1946976"/>
              <a:gd name="connsiteX4" fmla="*/ 1137450 w 1560662"/>
              <a:gd name="connsiteY4" fmla="*/ 1311482 h 1946976"/>
              <a:gd name="connsiteX5" fmla="*/ 1553064 w 1560662"/>
              <a:gd name="connsiteY5" fmla="*/ 1699723 h 1946976"/>
              <a:gd name="connsiteX6" fmla="*/ 1002627 w 1560662"/>
              <a:gd name="connsiteY6" fmla="*/ 1919069 h 1946976"/>
              <a:gd name="connsiteX7" fmla="*/ 1901 w 1560662"/>
              <a:gd name="connsiteY7" fmla="*/ 390441 h 1946976"/>
              <a:gd name="connsiteX8" fmla="*/ 335877 w 1560662"/>
              <a:gd name="connsiteY8" fmla="*/ 1118 h 1946976"/>
              <a:gd name="connsiteX0" fmla="*/ 335877 w 1560662"/>
              <a:gd name="connsiteY0" fmla="*/ 1118 h 1946976"/>
              <a:gd name="connsiteX1" fmla="*/ 532477 w 1560662"/>
              <a:gd name="connsiteY1" fmla="*/ 602876 h 1946976"/>
              <a:gd name="connsiteX2" fmla="*/ 338491 w 1560662"/>
              <a:gd name="connsiteY2" fmla="*/ 646744 h 1946976"/>
              <a:gd name="connsiteX3" fmla="*/ 951847 w 1560662"/>
              <a:gd name="connsiteY3" fmla="*/ 1528815 h 1946976"/>
              <a:gd name="connsiteX4" fmla="*/ 1137450 w 1560662"/>
              <a:gd name="connsiteY4" fmla="*/ 1311482 h 1946976"/>
              <a:gd name="connsiteX5" fmla="*/ 1553064 w 1560662"/>
              <a:gd name="connsiteY5" fmla="*/ 1699723 h 1946976"/>
              <a:gd name="connsiteX6" fmla="*/ 1002627 w 1560662"/>
              <a:gd name="connsiteY6" fmla="*/ 1919069 h 1946976"/>
              <a:gd name="connsiteX7" fmla="*/ 1901 w 1560662"/>
              <a:gd name="connsiteY7" fmla="*/ 390441 h 1946976"/>
              <a:gd name="connsiteX8" fmla="*/ 335877 w 1560662"/>
              <a:gd name="connsiteY8" fmla="*/ 1118 h 1946976"/>
              <a:gd name="connsiteX0" fmla="*/ 335877 w 1560662"/>
              <a:gd name="connsiteY0" fmla="*/ 1118 h 1946976"/>
              <a:gd name="connsiteX1" fmla="*/ 532477 w 1560662"/>
              <a:gd name="connsiteY1" fmla="*/ 602876 h 1946976"/>
              <a:gd name="connsiteX2" fmla="*/ 338491 w 1560662"/>
              <a:gd name="connsiteY2" fmla="*/ 646744 h 1946976"/>
              <a:gd name="connsiteX3" fmla="*/ 951847 w 1560662"/>
              <a:gd name="connsiteY3" fmla="*/ 1528815 h 1946976"/>
              <a:gd name="connsiteX4" fmla="*/ 1137450 w 1560662"/>
              <a:gd name="connsiteY4" fmla="*/ 1311482 h 1946976"/>
              <a:gd name="connsiteX5" fmla="*/ 1553064 w 1560662"/>
              <a:gd name="connsiteY5" fmla="*/ 1699723 h 1946976"/>
              <a:gd name="connsiteX6" fmla="*/ 1002627 w 1560662"/>
              <a:gd name="connsiteY6" fmla="*/ 1919069 h 1946976"/>
              <a:gd name="connsiteX7" fmla="*/ 1901 w 1560662"/>
              <a:gd name="connsiteY7" fmla="*/ 390441 h 1946976"/>
              <a:gd name="connsiteX8" fmla="*/ 335877 w 1560662"/>
              <a:gd name="connsiteY8" fmla="*/ 1118 h 1946976"/>
              <a:gd name="connsiteX0" fmla="*/ 335877 w 1560662"/>
              <a:gd name="connsiteY0" fmla="*/ 1118 h 1946976"/>
              <a:gd name="connsiteX1" fmla="*/ 532477 w 1560662"/>
              <a:gd name="connsiteY1" fmla="*/ 602876 h 1946976"/>
              <a:gd name="connsiteX2" fmla="*/ 344260 w 1560662"/>
              <a:gd name="connsiteY2" fmla="*/ 655398 h 1946976"/>
              <a:gd name="connsiteX3" fmla="*/ 951847 w 1560662"/>
              <a:gd name="connsiteY3" fmla="*/ 1528815 h 1946976"/>
              <a:gd name="connsiteX4" fmla="*/ 1137450 w 1560662"/>
              <a:gd name="connsiteY4" fmla="*/ 1311482 h 1946976"/>
              <a:gd name="connsiteX5" fmla="*/ 1553064 w 1560662"/>
              <a:gd name="connsiteY5" fmla="*/ 1699723 h 1946976"/>
              <a:gd name="connsiteX6" fmla="*/ 1002627 w 1560662"/>
              <a:gd name="connsiteY6" fmla="*/ 1919069 h 1946976"/>
              <a:gd name="connsiteX7" fmla="*/ 1901 w 1560662"/>
              <a:gd name="connsiteY7" fmla="*/ 390441 h 1946976"/>
              <a:gd name="connsiteX8" fmla="*/ 335877 w 1560662"/>
              <a:gd name="connsiteY8" fmla="*/ 1118 h 1946976"/>
              <a:gd name="connsiteX0" fmla="*/ 335877 w 1560662"/>
              <a:gd name="connsiteY0" fmla="*/ 196 h 1946054"/>
              <a:gd name="connsiteX1" fmla="*/ 532477 w 1560662"/>
              <a:gd name="connsiteY1" fmla="*/ 601954 h 1946054"/>
              <a:gd name="connsiteX2" fmla="*/ 344260 w 1560662"/>
              <a:gd name="connsiteY2" fmla="*/ 654476 h 1946054"/>
              <a:gd name="connsiteX3" fmla="*/ 951847 w 1560662"/>
              <a:gd name="connsiteY3" fmla="*/ 1527893 h 1946054"/>
              <a:gd name="connsiteX4" fmla="*/ 1137450 w 1560662"/>
              <a:gd name="connsiteY4" fmla="*/ 1310560 h 1946054"/>
              <a:gd name="connsiteX5" fmla="*/ 1553064 w 1560662"/>
              <a:gd name="connsiteY5" fmla="*/ 1698801 h 1946054"/>
              <a:gd name="connsiteX6" fmla="*/ 1002627 w 1560662"/>
              <a:gd name="connsiteY6" fmla="*/ 1918147 h 1946054"/>
              <a:gd name="connsiteX7" fmla="*/ 1901 w 1560662"/>
              <a:gd name="connsiteY7" fmla="*/ 389519 h 1946054"/>
              <a:gd name="connsiteX8" fmla="*/ 335877 w 1560662"/>
              <a:gd name="connsiteY8" fmla="*/ 196 h 1946054"/>
              <a:gd name="connsiteX0" fmla="*/ 332898 w 1560662"/>
              <a:gd name="connsiteY0" fmla="*/ 199 h 1937121"/>
              <a:gd name="connsiteX1" fmla="*/ 532477 w 1560662"/>
              <a:gd name="connsiteY1" fmla="*/ 593021 h 1937121"/>
              <a:gd name="connsiteX2" fmla="*/ 344260 w 1560662"/>
              <a:gd name="connsiteY2" fmla="*/ 645543 h 1937121"/>
              <a:gd name="connsiteX3" fmla="*/ 951847 w 1560662"/>
              <a:gd name="connsiteY3" fmla="*/ 1518960 h 1937121"/>
              <a:gd name="connsiteX4" fmla="*/ 1137450 w 1560662"/>
              <a:gd name="connsiteY4" fmla="*/ 1301627 h 1937121"/>
              <a:gd name="connsiteX5" fmla="*/ 1553064 w 1560662"/>
              <a:gd name="connsiteY5" fmla="*/ 1689868 h 1937121"/>
              <a:gd name="connsiteX6" fmla="*/ 1002627 w 1560662"/>
              <a:gd name="connsiteY6" fmla="*/ 1909214 h 1937121"/>
              <a:gd name="connsiteX7" fmla="*/ 1901 w 1560662"/>
              <a:gd name="connsiteY7" fmla="*/ 380586 h 1937121"/>
              <a:gd name="connsiteX8" fmla="*/ 332898 w 1560662"/>
              <a:gd name="connsiteY8" fmla="*/ 199 h 1937121"/>
              <a:gd name="connsiteX0" fmla="*/ 332898 w 1560662"/>
              <a:gd name="connsiteY0" fmla="*/ 199 h 1937121"/>
              <a:gd name="connsiteX1" fmla="*/ 532477 w 1560662"/>
              <a:gd name="connsiteY1" fmla="*/ 593021 h 1937121"/>
              <a:gd name="connsiteX2" fmla="*/ 344260 w 1560662"/>
              <a:gd name="connsiteY2" fmla="*/ 645543 h 1937121"/>
              <a:gd name="connsiteX3" fmla="*/ 951847 w 1560662"/>
              <a:gd name="connsiteY3" fmla="*/ 1518960 h 1937121"/>
              <a:gd name="connsiteX4" fmla="*/ 1137450 w 1560662"/>
              <a:gd name="connsiteY4" fmla="*/ 1301627 h 1937121"/>
              <a:gd name="connsiteX5" fmla="*/ 1553064 w 1560662"/>
              <a:gd name="connsiteY5" fmla="*/ 1689868 h 1937121"/>
              <a:gd name="connsiteX6" fmla="*/ 1002627 w 1560662"/>
              <a:gd name="connsiteY6" fmla="*/ 1909214 h 1937121"/>
              <a:gd name="connsiteX7" fmla="*/ 1901 w 1560662"/>
              <a:gd name="connsiteY7" fmla="*/ 380586 h 1937121"/>
              <a:gd name="connsiteX8" fmla="*/ 332898 w 1560662"/>
              <a:gd name="connsiteY8" fmla="*/ 199 h 1937121"/>
              <a:gd name="connsiteX0" fmla="*/ 332898 w 1560662"/>
              <a:gd name="connsiteY0" fmla="*/ 199 h 1937121"/>
              <a:gd name="connsiteX1" fmla="*/ 532477 w 1560662"/>
              <a:gd name="connsiteY1" fmla="*/ 593021 h 1937121"/>
              <a:gd name="connsiteX2" fmla="*/ 344260 w 1560662"/>
              <a:gd name="connsiteY2" fmla="*/ 645543 h 1937121"/>
              <a:gd name="connsiteX3" fmla="*/ 951847 w 1560662"/>
              <a:gd name="connsiteY3" fmla="*/ 1518960 h 1937121"/>
              <a:gd name="connsiteX4" fmla="*/ 1137450 w 1560662"/>
              <a:gd name="connsiteY4" fmla="*/ 1301627 h 1937121"/>
              <a:gd name="connsiteX5" fmla="*/ 1553064 w 1560662"/>
              <a:gd name="connsiteY5" fmla="*/ 1689868 h 1937121"/>
              <a:gd name="connsiteX6" fmla="*/ 1002627 w 1560662"/>
              <a:gd name="connsiteY6" fmla="*/ 1909214 h 1937121"/>
              <a:gd name="connsiteX7" fmla="*/ 1901 w 1560662"/>
              <a:gd name="connsiteY7" fmla="*/ 380586 h 1937121"/>
              <a:gd name="connsiteX8" fmla="*/ 332898 w 1560662"/>
              <a:gd name="connsiteY8" fmla="*/ 199 h 1937121"/>
              <a:gd name="connsiteX0" fmla="*/ 332898 w 1565431"/>
              <a:gd name="connsiteY0" fmla="*/ 199 h 1937121"/>
              <a:gd name="connsiteX1" fmla="*/ 532477 w 1565431"/>
              <a:gd name="connsiteY1" fmla="*/ 593021 h 1937121"/>
              <a:gd name="connsiteX2" fmla="*/ 344260 w 1565431"/>
              <a:gd name="connsiteY2" fmla="*/ 645543 h 1937121"/>
              <a:gd name="connsiteX3" fmla="*/ 951847 w 1565431"/>
              <a:gd name="connsiteY3" fmla="*/ 1518960 h 1937121"/>
              <a:gd name="connsiteX4" fmla="*/ 1137450 w 1565431"/>
              <a:gd name="connsiteY4" fmla="*/ 1301627 h 1937121"/>
              <a:gd name="connsiteX5" fmla="*/ 1553064 w 1565431"/>
              <a:gd name="connsiteY5" fmla="*/ 1689868 h 1937121"/>
              <a:gd name="connsiteX6" fmla="*/ 1002627 w 1565431"/>
              <a:gd name="connsiteY6" fmla="*/ 1909214 h 1937121"/>
              <a:gd name="connsiteX7" fmla="*/ 1901 w 1565431"/>
              <a:gd name="connsiteY7" fmla="*/ 380586 h 1937121"/>
              <a:gd name="connsiteX8" fmla="*/ 332898 w 1565431"/>
              <a:gd name="connsiteY8" fmla="*/ 199 h 1937121"/>
              <a:gd name="connsiteX0" fmla="*/ 332898 w 1565431"/>
              <a:gd name="connsiteY0" fmla="*/ 199 h 1937121"/>
              <a:gd name="connsiteX1" fmla="*/ 532477 w 1565431"/>
              <a:gd name="connsiteY1" fmla="*/ 593021 h 1937121"/>
              <a:gd name="connsiteX2" fmla="*/ 344260 w 1565431"/>
              <a:gd name="connsiteY2" fmla="*/ 645543 h 1937121"/>
              <a:gd name="connsiteX3" fmla="*/ 951847 w 1565431"/>
              <a:gd name="connsiteY3" fmla="*/ 1518960 h 1937121"/>
              <a:gd name="connsiteX4" fmla="*/ 1137450 w 1565431"/>
              <a:gd name="connsiteY4" fmla="*/ 1301627 h 1937121"/>
              <a:gd name="connsiteX5" fmla="*/ 1553064 w 1565431"/>
              <a:gd name="connsiteY5" fmla="*/ 1689868 h 1937121"/>
              <a:gd name="connsiteX6" fmla="*/ 1002627 w 1565431"/>
              <a:gd name="connsiteY6" fmla="*/ 1909214 h 1937121"/>
              <a:gd name="connsiteX7" fmla="*/ 1901 w 1565431"/>
              <a:gd name="connsiteY7" fmla="*/ 380586 h 1937121"/>
              <a:gd name="connsiteX8" fmla="*/ 332898 w 1565431"/>
              <a:gd name="connsiteY8" fmla="*/ 199 h 19371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1565431" h="1937121">
                <a:moveTo>
                  <a:pt x="332898" y="199"/>
                </a:moveTo>
                <a:cubicBezTo>
                  <a:pt x="480797" y="-12106"/>
                  <a:pt x="712130" y="551085"/>
                  <a:pt x="532477" y="593021"/>
                </a:cubicBezTo>
                <a:lnTo>
                  <a:pt x="344260" y="645543"/>
                </a:lnTo>
                <a:cubicBezTo>
                  <a:pt x="475639" y="1163599"/>
                  <a:pt x="690666" y="1300897"/>
                  <a:pt x="951847" y="1518960"/>
                </a:cubicBezTo>
                <a:cubicBezTo>
                  <a:pt x="1003138" y="1396518"/>
                  <a:pt x="1042046" y="1291100"/>
                  <a:pt x="1137450" y="1301627"/>
                </a:cubicBezTo>
                <a:cubicBezTo>
                  <a:pt x="1276950" y="1299313"/>
                  <a:pt x="1636332" y="1564228"/>
                  <a:pt x="1553064" y="1689868"/>
                </a:cubicBezTo>
                <a:cubicBezTo>
                  <a:pt x="1389777" y="1941825"/>
                  <a:pt x="1145722" y="1971673"/>
                  <a:pt x="1002627" y="1909214"/>
                </a:cubicBezTo>
                <a:cubicBezTo>
                  <a:pt x="545977" y="1690048"/>
                  <a:pt x="-37590" y="1110316"/>
                  <a:pt x="1901" y="380586"/>
                </a:cubicBezTo>
                <a:cubicBezTo>
                  <a:pt x="36305" y="148891"/>
                  <a:pt x="133416" y="23363"/>
                  <a:pt x="332898" y="199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6" name="Rectangle 36">
            <a:extLst>
              <a:ext uri="{FF2B5EF4-FFF2-40B4-BE49-F238E27FC236}">
                <a16:creationId xmlns:a16="http://schemas.microsoft.com/office/drawing/2014/main" id="{11A06711-0A15-47E5-AAA2-F0E6DC05BD1B}"/>
              </a:ext>
            </a:extLst>
          </p:cNvPr>
          <p:cNvSpPr/>
          <p:nvPr/>
        </p:nvSpPr>
        <p:spPr>
          <a:xfrm>
            <a:off x="5164740" y="4708915"/>
            <a:ext cx="586136" cy="489963"/>
          </a:xfrm>
          <a:custGeom>
            <a:avLst/>
            <a:gdLst/>
            <a:ahLst/>
            <a:cxnLst/>
            <a:rect l="l" t="t" r="r" b="b"/>
            <a:pathLst>
              <a:path w="3186824" h="2663936">
                <a:moveTo>
                  <a:pt x="2624444" y="2376100"/>
                </a:moveTo>
                <a:lnTo>
                  <a:pt x="2624444" y="2520100"/>
                </a:lnTo>
                <a:lnTo>
                  <a:pt x="2952463" y="2520100"/>
                </a:lnTo>
                <a:lnTo>
                  <a:pt x="2952463" y="2376100"/>
                </a:lnTo>
                <a:close/>
                <a:moveTo>
                  <a:pt x="210911" y="2376100"/>
                </a:moveTo>
                <a:lnTo>
                  <a:pt x="210911" y="2520100"/>
                </a:lnTo>
                <a:lnTo>
                  <a:pt x="538930" y="2520100"/>
                </a:lnTo>
                <a:lnTo>
                  <a:pt x="538930" y="2376100"/>
                </a:lnTo>
                <a:close/>
                <a:moveTo>
                  <a:pt x="2624444" y="2095269"/>
                </a:moveTo>
                <a:lnTo>
                  <a:pt x="2624444" y="2239269"/>
                </a:lnTo>
                <a:lnTo>
                  <a:pt x="2952463" y="2239269"/>
                </a:lnTo>
                <a:lnTo>
                  <a:pt x="2952463" y="2095269"/>
                </a:lnTo>
                <a:close/>
                <a:moveTo>
                  <a:pt x="210911" y="2095269"/>
                </a:moveTo>
                <a:lnTo>
                  <a:pt x="210911" y="2239269"/>
                </a:lnTo>
                <a:lnTo>
                  <a:pt x="538930" y="2239269"/>
                </a:lnTo>
                <a:lnTo>
                  <a:pt x="538930" y="2095269"/>
                </a:lnTo>
                <a:close/>
                <a:moveTo>
                  <a:pt x="2624444" y="1814436"/>
                </a:moveTo>
                <a:lnTo>
                  <a:pt x="2624444" y="1958436"/>
                </a:lnTo>
                <a:lnTo>
                  <a:pt x="2952463" y="1958436"/>
                </a:lnTo>
                <a:lnTo>
                  <a:pt x="2952463" y="1814436"/>
                </a:lnTo>
                <a:close/>
                <a:moveTo>
                  <a:pt x="210911" y="1814436"/>
                </a:moveTo>
                <a:lnTo>
                  <a:pt x="210911" y="1958436"/>
                </a:lnTo>
                <a:lnTo>
                  <a:pt x="538930" y="1958436"/>
                </a:lnTo>
                <a:lnTo>
                  <a:pt x="538930" y="1814436"/>
                </a:lnTo>
                <a:close/>
                <a:moveTo>
                  <a:pt x="2624444" y="1533603"/>
                </a:moveTo>
                <a:lnTo>
                  <a:pt x="2624444" y="1677603"/>
                </a:lnTo>
                <a:lnTo>
                  <a:pt x="2952463" y="1677603"/>
                </a:lnTo>
                <a:lnTo>
                  <a:pt x="2952463" y="1533603"/>
                </a:lnTo>
                <a:close/>
                <a:moveTo>
                  <a:pt x="210911" y="1533603"/>
                </a:moveTo>
                <a:lnTo>
                  <a:pt x="210911" y="1677603"/>
                </a:lnTo>
                <a:lnTo>
                  <a:pt x="538930" y="1677603"/>
                </a:lnTo>
                <a:lnTo>
                  <a:pt x="538930" y="1533603"/>
                </a:lnTo>
                <a:close/>
                <a:moveTo>
                  <a:pt x="2624444" y="1252770"/>
                </a:moveTo>
                <a:lnTo>
                  <a:pt x="2624444" y="1396770"/>
                </a:lnTo>
                <a:lnTo>
                  <a:pt x="2952463" y="1396770"/>
                </a:lnTo>
                <a:lnTo>
                  <a:pt x="2952463" y="1252770"/>
                </a:lnTo>
                <a:close/>
                <a:moveTo>
                  <a:pt x="210911" y="1252770"/>
                </a:moveTo>
                <a:lnTo>
                  <a:pt x="210911" y="1396770"/>
                </a:lnTo>
                <a:lnTo>
                  <a:pt x="538930" y="1396770"/>
                </a:lnTo>
                <a:lnTo>
                  <a:pt x="538930" y="1252770"/>
                </a:lnTo>
                <a:close/>
                <a:moveTo>
                  <a:pt x="2624444" y="971937"/>
                </a:moveTo>
                <a:lnTo>
                  <a:pt x="2624444" y="1115937"/>
                </a:lnTo>
                <a:lnTo>
                  <a:pt x="2952463" y="1115937"/>
                </a:lnTo>
                <a:lnTo>
                  <a:pt x="2952463" y="971937"/>
                </a:lnTo>
                <a:close/>
                <a:moveTo>
                  <a:pt x="210911" y="971937"/>
                </a:moveTo>
                <a:lnTo>
                  <a:pt x="210911" y="1115937"/>
                </a:lnTo>
                <a:lnTo>
                  <a:pt x="538930" y="1115937"/>
                </a:lnTo>
                <a:lnTo>
                  <a:pt x="538930" y="971937"/>
                </a:lnTo>
                <a:close/>
                <a:moveTo>
                  <a:pt x="2624444" y="691104"/>
                </a:moveTo>
                <a:lnTo>
                  <a:pt x="2624444" y="835104"/>
                </a:lnTo>
                <a:lnTo>
                  <a:pt x="2952463" y="835104"/>
                </a:lnTo>
                <a:lnTo>
                  <a:pt x="2952463" y="691104"/>
                </a:lnTo>
                <a:close/>
                <a:moveTo>
                  <a:pt x="210911" y="691104"/>
                </a:moveTo>
                <a:lnTo>
                  <a:pt x="210911" y="835104"/>
                </a:lnTo>
                <a:lnTo>
                  <a:pt x="538930" y="835104"/>
                </a:lnTo>
                <a:lnTo>
                  <a:pt x="538930" y="691104"/>
                </a:lnTo>
                <a:close/>
                <a:moveTo>
                  <a:pt x="988006" y="552354"/>
                </a:moveTo>
                <a:lnTo>
                  <a:pt x="988006" y="2111583"/>
                </a:lnTo>
                <a:lnTo>
                  <a:pt x="2332169" y="1331969"/>
                </a:lnTo>
                <a:close/>
                <a:moveTo>
                  <a:pt x="2624444" y="410271"/>
                </a:moveTo>
                <a:lnTo>
                  <a:pt x="2624444" y="554271"/>
                </a:lnTo>
                <a:lnTo>
                  <a:pt x="2952463" y="554271"/>
                </a:lnTo>
                <a:lnTo>
                  <a:pt x="2952463" y="410271"/>
                </a:lnTo>
                <a:close/>
                <a:moveTo>
                  <a:pt x="210911" y="410271"/>
                </a:moveTo>
                <a:lnTo>
                  <a:pt x="210911" y="554271"/>
                </a:lnTo>
                <a:lnTo>
                  <a:pt x="538930" y="554271"/>
                </a:lnTo>
                <a:lnTo>
                  <a:pt x="538930" y="410271"/>
                </a:lnTo>
                <a:close/>
                <a:moveTo>
                  <a:pt x="2624444" y="129438"/>
                </a:moveTo>
                <a:lnTo>
                  <a:pt x="2624444" y="273438"/>
                </a:lnTo>
                <a:lnTo>
                  <a:pt x="2952463" y="273438"/>
                </a:lnTo>
                <a:lnTo>
                  <a:pt x="2952463" y="129438"/>
                </a:lnTo>
                <a:close/>
                <a:moveTo>
                  <a:pt x="210911" y="129438"/>
                </a:moveTo>
                <a:lnTo>
                  <a:pt x="210911" y="273438"/>
                </a:lnTo>
                <a:lnTo>
                  <a:pt x="538930" y="273438"/>
                </a:lnTo>
                <a:lnTo>
                  <a:pt x="538930" y="129438"/>
                </a:lnTo>
                <a:close/>
                <a:moveTo>
                  <a:pt x="0" y="0"/>
                </a:moveTo>
                <a:lnTo>
                  <a:pt x="3186824" y="0"/>
                </a:lnTo>
                <a:lnTo>
                  <a:pt x="3186824" y="2663936"/>
                </a:lnTo>
                <a:lnTo>
                  <a:pt x="0" y="2663936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7" name="Rounded Rectangle 27">
            <a:extLst>
              <a:ext uri="{FF2B5EF4-FFF2-40B4-BE49-F238E27FC236}">
                <a16:creationId xmlns:a16="http://schemas.microsoft.com/office/drawing/2014/main" id="{7A5ED58F-9964-4886-8BFC-E301F23293AB}"/>
              </a:ext>
            </a:extLst>
          </p:cNvPr>
          <p:cNvSpPr/>
          <p:nvPr/>
        </p:nvSpPr>
        <p:spPr>
          <a:xfrm>
            <a:off x="8316455" y="1548746"/>
            <a:ext cx="605315" cy="464964"/>
          </a:xfrm>
          <a:custGeom>
            <a:avLst/>
            <a:gdLst/>
            <a:ahLst/>
            <a:cxnLst/>
            <a:rect l="l" t="t" r="r" b="b"/>
            <a:pathLst>
              <a:path w="3186824" h="2447912">
                <a:moveTo>
                  <a:pt x="1917737" y="1021643"/>
                </a:moveTo>
                <a:cubicBezTo>
                  <a:pt x="2188548" y="1021643"/>
                  <a:pt x="2408083" y="1241178"/>
                  <a:pt x="2408083" y="1511989"/>
                </a:cubicBezTo>
                <a:cubicBezTo>
                  <a:pt x="2408083" y="1782800"/>
                  <a:pt x="2188548" y="2002335"/>
                  <a:pt x="1917737" y="2002335"/>
                </a:cubicBezTo>
                <a:cubicBezTo>
                  <a:pt x="1646926" y="2002335"/>
                  <a:pt x="1427391" y="1782800"/>
                  <a:pt x="1427391" y="1511989"/>
                </a:cubicBezTo>
                <a:cubicBezTo>
                  <a:pt x="1427391" y="1241178"/>
                  <a:pt x="1646926" y="1021643"/>
                  <a:pt x="1917737" y="1021643"/>
                </a:cubicBezTo>
                <a:close/>
                <a:moveTo>
                  <a:pt x="1917737" y="827913"/>
                </a:moveTo>
                <a:cubicBezTo>
                  <a:pt x="1539932" y="827913"/>
                  <a:pt x="1233661" y="1134184"/>
                  <a:pt x="1233661" y="1511989"/>
                </a:cubicBezTo>
                <a:cubicBezTo>
                  <a:pt x="1233661" y="1889794"/>
                  <a:pt x="1539932" y="2196065"/>
                  <a:pt x="1917737" y="2196065"/>
                </a:cubicBezTo>
                <a:cubicBezTo>
                  <a:pt x="2295542" y="2196065"/>
                  <a:pt x="2601813" y="1889794"/>
                  <a:pt x="2601813" y="1511989"/>
                </a:cubicBezTo>
                <a:cubicBezTo>
                  <a:pt x="2601813" y="1134184"/>
                  <a:pt x="2295542" y="827913"/>
                  <a:pt x="1917737" y="827913"/>
                </a:cubicBezTo>
                <a:close/>
                <a:moveTo>
                  <a:pt x="1112286" y="675885"/>
                </a:moveTo>
                <a:lnTo>
                  <a:pt x="1112286" y="830188"/>
                </a:lnTo>
                <a:lnTo>
                  <a:pt x="1328310" y="830188"/>
                </a:lnTo>
                <a:lnTo>
                  <a:pt x="1328310" y="675885"/>
                </a:lnTo>
                <a:close/>
                <a:moveTo>
                  <a:pt x="2586084" y="626422"/>
                </a:moveTo>
                <a:lnTo>
                  <a:pt x="2586084" y="830188"/>
                </a:lnTo>
                <a:lnTo>
                  <a:pt x="3001340" y="830188"/>
                </a:lnTo>
                <a:lnTo>
                  <a:pt x="3001340" y="626422"/>
                </a:lnTo>
                <a:close/>
                <a:moveTo>
                  <a:pt x="1593701" y="108218"/>
                </a:moveTo>
                <a:lnTo>
                  <a:pt x="1593701" y="432905"/>
                </a:lnTo>
                <a:lnTo>
                  <a:pt x="2241773" y="432905"/>
                </a:lnTo>
                <a:lnTo>
                  <a:pt x="2241773" y="108218"/>
                </a:lnTo>
                <a:close/>
                <a:moveTo>
                  <a:pt x="1452512" y="0"/>
                </a:moveTo>
                <a:lnTo>
                  <a:pt x="2382963" y="0"/>
                </a:lnTo>
                <a:cubicBezTo>
                  <a:pt x="2433311" y="0"/>
                  <a:pt x="2474127" y="40816"/>
                  <a:pt x="2474127" y="91164"/>
                </a:cubicBezTo>
                <a:lnTo>
                  <a:pt x="2474127" y="432905"/>
                </a:lnTo>
                <a:lnTo>
                  <a:pt x="2933014" y="432905"/>
                </a:lnTo>
                <a:cubicBezTo>
                  <a:pt x="3073189" y="432905"/>
                  <a:pt x="3186824" y="546540"/>
                  <a:pt x="3186824" y="686715"/>
                </a:cubicBezTo>
                <a:lnTo>
                  <a:pt x="3186824" y="2194102"/>
                </a:lnTo>
                <a:cubicBezTo>
                  <a:pt x="3186824" y="2334277"/>
                  <a:pt x="3073189" y="2447912"/>
                  <a:pt x="2933014" y="2447912"/>
                </a:cubicBezTo>
                <a:lnTo>
                  <a:pt x="253810" y="2447912"/>
                </a:lnTo>
                <a:cubicBezTo>
                  <a:pt x="113635" y="2447912"/>
                  <a:pt x="0" y="2334277"/>
                  <a:pt x="0" y="2194102"/>
                </a:cubicBezTo>
                <a:lnTo>
                  <a:pt x="0" y="686715"/>
                </a:lnTo>
                <a:cubicBezTo>
                  <a:pt x="0" y="546540"/>
                  <a:pt x="113635" y="432905"/>
                  <a:pt x="253810" y="432905"/>
                </a:cubicBezTo>
                <a:lnTo>
                  <a:pt x="307082" y="432905"/>
                </a:lnTo>
                <a:lnTo>
                  <a:pt x="307082" y="313169"/>
                </a:lnTo>
                <a:cubicBezTo>
                  <a:pt x="307082" y="287995"/>
                  <a:pt x="327490" y="267587"/>
                  <a:pt x="352664" y="267587"/>
                </a:cubicBezTo>
                <a:lnTo>
                  <a:pt x="817888" y="267587"/>
                </a:lnTo>
                <a:cubicBezTo>
                  <a:pt x="843062" y="267587"/>
                  <a:pt x="863470" y="287995"/>
                  <a:pt x="863470" y="313169"/>
                </a:cubicBezTo>
                <a:lnTo>
                  <a:pt x="863470" y="432905"/>
                </a:lnTo>
                <a:lnTo>
                  <a:pt x="1361348" y="432905"/>
                </a:lnTo>
                <a:lnTo>
                  <a:pt x="1361348" y="91164"/>
                </a:lnTo>
                <a:cubicBezTo>
                  <a:pt x="1361348" y="40816"/>
                  <a:pt x="1402164" y="0"/>
                  <a:pt x="1452512" y="0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8" name="Rounded Rectangle 7">
            <a:extLst>
              <a:ext uri="{FF2B5EF4-FFF2-40B4-BE49-F238E27FC236}">
                <a16:creationId xmlns:a16="http://schemas.microsoft.com/office/drawing/2014/main" id="{7D6C3C70-FD86-419A-8B89-365FC328FB88}"/>
              </a:ext>
            </a:extLst>
          </p:cNvPr>
          <p:cNvSpPr/>
          <p:nvPr/>
        </p:nvSpPr>
        <p:spPr>
          <a:xfrm>
            <a:off x="9257631" y="1515680"/>
            <a:ext cx="615416" cy="531098"/>
          </a:xfrm>
          <a:custGeom>
            <a:avLst/>
            <a:gdLst/>
            <a:ahLst/>
            <a:cxnLst/>
            <a:rect l="l" t="t" r="r" b="b"/>
            <a:pathLst>
              <a:path w="3240006" h="2796091">
                <a:moveTo>
                  <a:pt x="686867" y="612319"/>
                </a:moveTo>
                <a:cubicBezTo>
                  <a:pt x="611281" y="612319"/>
                  <a:pt x="550007" y="673593"/>
                  <a:pt x="550007" y="749179"/>
                </a:cubicBezTo>
                <a:cubicBezTo>
                  <a:pt x="550007" y="824765"/>
                  <a:pt x="611281" y="886039"/>
                  <a:pt x="686867" y="886039"/>
                </a:cubicBezTo>
                <a:cubicBezTo>
                  <a:pt x="762453" y="886039"/>
                  <a:pt x="823727" y="824765"/>
                  <a:pt x="823727" y="749179"/>
                </a:cubicBezTo>
                <a:cubicBezTo>
                  <a:pt x="823727" y="673593"/>
                  <a:pt x="762453" y="612319"/>
                  <a:pt x="686867" y="612319"/>
                </a:cubicBezTo>
                <a:close/>
                <a:moveTo>
                  <a:pt x="1587500" y="281447"/>
                </a:moveTo>
                <a:cubicBezTo>
                  <a:pt x="1432061" y="281447"/>
                  <a:pt x="1306053" y="407455"/>
                  <a:pt x="1306053" y="562894"/>
                </a:cubicBezTo>
                <a:cubicBezTo>
                  <a:pt x="1306053" y="718333"/>
                  <a:pt x="1432061" y="844341"/>
                  <a:pt x="1587500" y="844341"/>
                </a:cubicBezTo>
                <a:cubicBezTo>
                  <a:pt x="1742939" y="844341"/>
                  <a:pt x="1868947" y="718333"/>
                  <a:pt x="1868947" y="562894"/>
                </a:cubicBezTo>
                <a:cubicBezTo>
                  <a:pt x="1868947" y="407455"/>
                  <a:pt x="1742939" y="281447"/>
                  <a:pt x="1587500" y="281447"/>
                </a:cubicBezTo>
                <a:close/>
                <a:moveTo>
                  <a:pt x="1587500" y="0"/>
                </a:moveTo>
                <a:cubicBezTo>
                  <a:pt x="1898378" y="0"/>
                  <a:pt x="2150394" y="252016"/>
                  <a:pt x="2150394" y="562894"/>
                </a:cubicBezTo>
                <a:cubicBezTo>
                  <a:pt x="2150394" y="786167"/>
                  <a:pt x="2020401" y="979078"/>
                  <a:pt x="1831095" y="1068260"/>
                </a:cubicBezTo>
                <a:lnTo>
                  <a:pt x="2215710" y="1068260"/>
                </a:lnTo>
                <a:cubicBezTo>
                  <a:pt x="2374756" y="1068260"/>
                  <a:pt x="2503688" y="1197192"/>
                  <a:pt x="2503688" y="1356238"/>
                </a:cubicBezTo>
                <a:lnTo>
                  <a:pt x="2503688" y="1474975"/>
                </a:lnTo>
                <a:lnTo>
                  <a:pt x="2656086" y="1474975"/>
                </a:lnTo>
                <a:cubicBezTo>
                  <a:pt x="2692420" y="1474975"/>
                  <a:pt x="2722815" y="1500405"/>
                  <a:pt x="2728975" y="1534767"/>
                </a:cubicBezTo>
                <a:lnTo>
                  <a:pt x="3240006" y="1109804"/>
                </a:lnTo>
                <a:lnTo>
                  <a:pt x="3240006" y="2754548"/>
                </a:lnTo>
                <a:lnTo>
                  <a:pt x="2728975" y="2329585"/>
                </a:lnTo>
                <a:cubicBezTo>
                  <a:pt x="2722815" y="2363946"/>
                  <a:pt x="2692420" y="2389375"/>
                  <a:pt x="2656086" y="2389375"/>
                </a:cubicBezTo>
                <a:lnTo>
                  <a:pt x="2503688" y="2389375"/>
                </a:lnTo>
                <a:lnTo>
                  <a:pt x="2503688" y="2508113"/>
                </a:lnTo>
                <a:cubicBezTo>
                  <a:pt x="2503688" y="2667159"/>
                  <a:pt x="2374756" y="2796091"/>
                  <a:pt x="2215710" y="2796091"/>
                </a:cubicBezTo>
                <a:lnTo>
                  <a:pt x="287978" y="2796091"/>
                </a:lnTo>
                <a:cubicBezTo>
                  <a:pt x="128932" y="2796091"/>
                  <a:pt x="0" y="2667159"/>
                  <a:pt x="0" y="2508113"/>
                </a:cubicBezTo>
                <a:lnTo>
                  <a:pt x="0" y="1356238"/>
                </a:lnTo>
                <a:cubicBezTo>
                  <a:pt x="0" y="1197192"/>
                  <a:pt x="128932" y="1068260"/>
                  <a:pt x="287978" y="1068260"/>
                </a:cubicBezTo>
                <a:lnTo>
                  <a:pt x="544513" y="1068260"/>
                </a:lnTo>
                <a:cubicBezTo>
                  <a:pt x="422089" y="1014226"/>
                  <a:pt x="336949" y="891645"/>
                  <a:pt x="336949" y="749179"/>
                </a:cubicBezTo>
                <a:cubicBezTo>
                  <a:pt x="336949" y="555925"/>
                  <a:pt x="493613" y="399261"/>
                  <a:pt x="686867" y="399261"/>
                </a:cubicBezTo>
                <a:cubicBezTo>
                  <a:pt x="880121" y="399261"/>
                  <a:pt x="1036785" y="555925"/>
                  <a:pt x="1036785" y="749179"/>
                </a:cubicBezTo>
                <a:cubicBezTo>
                  <a:pt x="1036785" y="891645"/>
                  <a:pt x="951645" y="1014226"/>
                  <a:pt x="829222" y="1068260"/>
                </a:cubicBezTo>
                <a:lnTo>
                  <a:pt x="1343906" y="1068260"/>
                </a:lnTo>
                <a:cubicBezTo>
                  <a:pt x="1154600" y="979078"/>
                  <a:pt x="1024606" y="786167"/>
                  <a:pt x="1024606" y="562894"/>
                </a:cubicBezTo>
                <a:cubicBezTo>
                  <a:pt x="1024606" y="252016"/>
                  <a:pt x="1276622" y="0"/>
                  <a:pt x="1587500" y="0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69" name="Chord 15">
            <a:extLst>
              <a:ext uri="{FF2B5EF4-FFF2-40B4-BE49-F238E27FC236}">
                <a16:creationId xmlns:a16="http://schemas.microsoft.com/office/drawing/2014/main" id="{42E9D490-3DD3-4F66-B124-FE910E0FACBF}"/>
              </a:ext>
            </a:extLst>
          </p:cNvPr>
          <p:cNvSpPr/>
          <p:nvPr/>
        </p:nvSpPr>
        <p:spPr>
          <a:xfrm>
            <a:off x="11124640" y="1472088"/>
            <a:ext cx="283580" cy="618280"/>
          </a:xfrm>
          <a:custGeom>
            <a:avLst/>
            <a:gdLst/>
            <a:ahLst/>
            <a:cxnLst/>
            <a:rect l="l" t="t" r="r" b="b"/>
            <a:pathLst>
              <a:path w="1492970" h="3255081">
                <a:moveTo>
                  <a:pt x="1492970" y="1569688"/>
                </a:moveTo>
                <a:cubicBezTo>
                  <a:pt x="1492970" y="1957118"/>
                  <a:pt x="1197680" y="2277765"/>
                  <a:pt x="816277" y="2310957"/>
                </a:cubicBezTo>
                <a:lnTo>
                  <a:pt x="816277" y="2787043"/>
                </a:lnTo>
                <a:cubicBezTo>
                  <a:pt x="873982" y="2789209"/>
                  <a:pt x="931009" y="2798017"/>
                  <a:pt x="986081" y="2811674"/>
                </a:cubicBezTo>
                <a:cubicBezTo>
                  <a:pt x="1252919" y="2877847"/>
                  <a:pt x="1430830" y="3046369"/>
                  <a:pt x="1433593" y="3235566"/>
                </a:cubicBezTo>
                <a:lnTo>
                  <a:pt x="57488" y="3255081"/>
                </a:lnTo>
                <a:cubicBezTo>
                  <a:pt x="47920" y="3062506"/>
                  <a:pt x="221127" y="2886615"/>
                  <a:pt x="490574" y="2815284"/>
                </a:cubicBezTo>
                <a:cubicBezTo>
                  <a:pt x="549928" y="2799571"/>
                  <a:pt x="611777" y="2789553"/>
                  <a:pt x="674460" y="2787163"/>
                </a:cubicBezTo>
                <a:lnTo>
                  <a:pt x="674460" y="2310809"/>
                </a:lnTo>
                <a:cubicBezTo>
                  <a:pt x="317470" y="2280245"/>
                  <a:pt x="28405" y="1994114"/>
                  <a:pt x="0" y="1627428"/>
                </a:cubicBezTo>
                <a:lnTo>
                  <a:pt x="142201" y="1616413"/>
                </a:lnTo>
                <a:cubicBezTo>
                  <a:pt x="167304" y="1940464"/>
                  <a:pt x="443969" y="2186771"/>
                  <a:pt x="768748" y="2174211"/>
                </a:cubicBezTo>
                <a:cubicBezTo>
                  <a:pt x="1093527" y="2161650"/>
                  <a:pt x="1350342" y="1894710"/>
                  <a:pt x="1350342" y="1569689"/>
                </a:cubicBezTo>
                <a:close/>
                <a:moveTo>
                  <a:pt x="745368" y="0"/>
                </a:moveTo>
                <a:cubicBezTo>
                  <a:pt x="989132" y="0"/>
                  <a:pt x="1186742" y="197610"/>
                  <a:pt x="1186742" y="441374"/>
                </a:cubicBezTo>
                <a:lnTo>
                  <a:pt x="1186742" y="1575353"/>
                </a:lnTo>
                <a:cubicBezTo>
                  <a:pt x="1186742" y="1819117"/>
                  <a:pt x="989132" y="2016727"/>
                  <a:pt x="745368" y="2016727"/>
                </a:cubicBezTo>
                <a:cubicBezTo>
                  <a:pt x="501604" y="2016727"/>
                  <a:pt x="303994" y="1819117"/>
                  <a:pt x="303994" y="1575353"/>
                </a:cubicBezTo>
                <a:lnTo>
                  <a:pt x="303994" y="441374"/>
                </a:lnTo>
                <a:cubicBezTo>
                  <a:pt x="303994" y="197610"/>
                  <a:pt x="501604" y="0"/>
                  <a:pt x="745368" y="0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0" name="Rectangle 16">
            <a:extLst>
              <a:ext uri="{FF2B5EF4-FFF2-40B4-BE49-F238E27FC236}">
                <a16:creationId xmlns:a16="http://schemas.microsoft.com/office/drawing/2014/main" id="{F1978DC7-2159-40E0-A5D4-88F414868797}"/>
              </a:ext>
            </a:extLst>
          </p:cNvPr>
          <p:cNvSpPr/>
          <p:nvPr/>
        </p:nvSpPr>
        <p:spPr>
          <a:xfrm>
            <a:off x="6093780" y="4751666"/>
            <a:ext cx="615416" cy="404460"/>
          </a:xfrm>
          <a:custGeom>
            <a:avLst/>
            <a:gdLst/>
            <a:ahLst/>
            <a:cxnLst/>
            <a:rect l="l" t="t" r="r" b="b"/>
            <a:pathLst>
              <a:path w="3240006" h="2129375">
                <a:moveTo>
                  <a:pt x="1916836" y="454558"/>
                </a:moveTo>
                <a:cubicBezTo>
                  <a:pt x="2018418" y="454558"/>
                  <a:pt x="2100766" y="536906"/>
                  <a:pt x="2100766" y="638488"/>
                </a:cubicBezTo>
                <a:cubicBezTo>
                  <a:pt x="2100766" y="740070"/>
                  <a:pt x="2018418" y="822418"/>
                  <a:pt x="1916836" y="822418"/>
                </a:cubicBezTo>
                <a:cubicBezTo>
                  <a:pt x="1815254" y="822418"/>
                  <a:pt x="1732906" y="740070"/>
                  <a:pt x="1732906" y="638488"/>
                </a:cubicBezTo>
                <a:cubicBezTo>
                  <a:pt x="1732906" y="536906"/>
                  <a:pt x="1815254" y="454558"/>
                  <a:pt x="1916836" y="454558"/>
                </a:cubicBezTo>
                <a:close/>
                <a:moveTo>
                  <a:pt x="1197545" y="272737"/>
                </a:moveTo>
                <a:lnTo>
                  <a:pt x="1861974" y="1458536"/>
                </a:lnTo>
                <a:lnTo>
                  <a:pt x="2263096" y="848801"/>
                </a:lnTo>
                <a:lnTo>
                  <a:pt x="2919562" y="1846679"/>
                </a:lnTo>
                <a:lnTo>
                  <a:pt x="2079459" y="1846679"/>
                </a:lnTo>
                <a:lnTo>
                  <a:pt x="1606629" y="1846679"/>
                </a:lnTo>
                <a:lnTo>
                  <a:pt x="315630" y="1846679"/>
                </a:lnTo>
                <a:close/>
                <a:moveTo>
                  <a:pt x="180003" y="164687"/>
                </a:moveTo>
                <a:lnTo>
                  <a:pt x="180003" y="1964687"/>
                </a:lnTo>
                <a:lnTo>
                  <a:pt x="3060003" y="1964687"/>
                </a:lnTo>
                <a:lnTo>
                  <a:pt x="3060003" y="164687"/>
                </a:lnTo>
                <a:close/>
                <a:moveTo>
                  <a:pt x="0" y="0"/>
                </a:moveTo>
                <a:lnTo>
                  <a:pt x="3240006" y="0"/>
                </a:lnTo>
                <a:lnTo>
                  <a:pt x="3240006" y="2129375"/>
                </a:lnTo>
                <a:lnTo>
                  <a:pt x="0" y="2129375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1" name="Rounded Rectangle 6">
            <a:extLst>
              <a:ext uri="{FF2B5EF4-FFF2-40B4-BE49-F238E27FC236}">
                <a16:creationId xmlns:a16="http://schemas.microsoft.com/office/drawing/2014/main" id="{48E90455-C4C4-4792-86FF-218C5EFE04F0}"/>
              </a:ext>
            </a:extLst>
          </p:cNvPr>
          <p:cNvSpPr/>
          <p:nvPr/>
        </p:nvSpPr>
        <p:spPr>
          <a:xfrm>
            <a:off x="5137072" y="3750690"/>
            <a:ext cx="616402" cy="296900"/>
          </a:xfrm>
          <a:custGeom>
            <a:avLst/>
            <a:gdLst/>
            <a:ahLst/>
            <a:cxnLst/>
            <a:rect l="l" t="t" r="r" b="b"/>
            <a:pathLst>
              <a:path w="3215400" h="1548752">
                <a:moveTo>
                  <a:pt x="3026619" y="414336"/>
                </a:moveTo>
                <a:lnTo>
                  <a:pt x="3121009" y="414336"/>
                </a:lnTo>
                <a:cubicBezTo>
                  <a:pt x="3173140" y="414336"/>
                  <a:pt x="3215400" y="456596"/>
                  <a:pt x="3215400" y="508727"/>
                </a:cubicBezTo>
                <a:lnTo>
                  <a:pt x="3215400" y="1040026"/>
                </a:lnTo>
                <a:cubicBezTo>
                  <a:pt x="3215400" y="1092157"/>
                  <a:pt x="3173140" y="1134417"/>
                  <a:pt x="3121009" y="1134417"/>
                </a:cubicBezTo>
                <a:cubicBezTo>
                  <a:pt x="3089546" y="1134417"/>
                  <a:pt x="3058082" y="1134416"/>
                  <a:pt x="3026619" y="1134416"/>
                </a:cubicBezTo>
                <a:close/>
                <a:moveTo>
                  <a:pt x="273174" y="234376"/>
                </a:moveTo>
                <a:lnTo>
                  <a:pt x="777230" y="234376"/>
                </a:lnTo>
                <a:lnTo>
                  <a:pt x="777230" y="1314376"/>
                </a:lnTo>
                <a:lnTo>
                  <a:pt x="273174" y="1314376"/>
                </a:lnTo>
                <a:close/>
                <a:moveTo>
                  <a:pt x="258244" y="126376"/>
                </a:moveTo>
                <a:cubicBezTo>
                  <a:pt x="182968" y="126376"/>
                  <a:pt x="121944" y="187400"/>
                  <a:pt x="121944" y="262676"/>
                </a:cubicBezTo>
                <a:lnTo>
                  <a:pt x="121944" y="1286076"/>
                </a:lnTo>
                <a:cubicBezTo>
                  <a:pt x="121944" y="1361352"/>
                  <a:pt x="182968" y="1422376"/>
                  <a:pt x="258244" y="1422376"/>
                </a:cubicBezTo>
                <a:lnTo>
                  <a:pt x="2768375" y="1422376"/>
                </a:lnTo>
                <a:cubicBezTo>
                  <a:pt x="2843651" y="1422376"/>
                  <a:pt x="2904675" y="1361352"/>
                  <a:pt x="2904675" y="1286076"/>
                </a:cubicBezTo>
                <a:lnTo>
                  <a:pt x="2904675" y="262676"/>
                </a:lnTo>
                <a:cubicBezTo>
                  <a:pt x="2904675" y="187400"/>
                  <a:pt x="2843651" y="126376"/>
                  <a:pt x="2768375" y="126376"/>
                </a:cubicBezTo>
                <a:close/>
                <a:moveTo>
                  <a:pt x="162882" y="0"/>
                </a:moveTo>
                <a:lnTo>
                  <a:pt x="2863736" y="0"/>
                </a:lnTo>
                <a:cubicBezTo>
                  <a:pt x="2953693" y="0"/>
                  <a:pt x="3026618" y="72925"/>
                  <a:pt x="3026618" y="162882"/>
                </a:cubicBezTo>
                <a:lnTo>
                  <a:pt x="3026618" y="1385870"/>
                </a:lnTo>
                <a:cubicBezTo>
                  <a:pt x="3026618" y="1475827"/>
                  <a:pt x="2953693" y="1548752"/>
                  <a:pt x="2863736" y="1548752"/>
                </a:cubicBezTo>
                <a:lnTo>
                  <a:pt x="162882" y="1548752"/>
                </a:lnTo>
                <a:cubicBezTo>
                  <a:pt x="72925" y="1548752"/>
                  <a:pt x="0" y="1475827"/>
                  <a:pt x="0" y="1385870"/>
                </a:cubicBezTo>
                <a:lnTo>
                  <a:pt x="0" y="162882"/>
                </a:lnTo>
                <a:cubicBezTo>
                  <a:pt x="0" y="72925"/>
                  <a:pt x="72925" y="0"/>
                  <a:pt x="162882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2" name="Rounded Rectangle 6">
            <a:extLst>
              <a:ext uri="{FF2B5EF4-FFF2-40B4-BE49-F238E27FC236}">
                <a16:creationId xmlns:a16="http://schemas.microsoft.com/office/drawing/2014/main" id="{8329069E-6F6C-4466-BEA3-223D7C56FECC}"/>
              </a:ext>
            </a:extLst>
          </p:cNvPr>
          <p:cNvSpPr/>
          <p:nvPr/>
        </p:nvSpPr>
        <p:spPr>
          <a:xfrm>
            <a:off x="6044394" y="3750690"/>
            <a:ext cx="616402" cy="296900"/>
          </a:xfrm>
          <a:custGeom>
            <a:avLst/>
            <a:gdLst/>
            <a:ahLst/>
            <a:cxnLst/>
            <a:rect l="l" t="t" r="r" b="b"/>
            <a:pathLst>
              <a:path w="3215400" h="1548752">
                <a:moveTo>
                  <a:pt x="3026619" y="414336"/>
                </a:moveTo>
                <a:lnTo>
                  <a:pt x="3121009" y="414336"/>
                </a:lnTo>
                <a:cubicBezTo>
                  <a:pt x="3173140" y="414336"/>
                  <a:pt x="3215400" y="456596"/>
                  <a:pt x="3215400" y="508727"/>
                </a:cubicBezTo>
                <a:lnTo>
                  <a:pt x="3215400" y="1040026"/>
                </a:lnTo>
                <a:cubicBezTo>
                  <a:pt x="3215400" y="1092157"/>
                  <a:pt x="3173140" y="1134417"/>
                  <a:pt x="3121009" y="1134417"/>
                </a:cubicBezTo>
                <a:cubicBezTo>
                  <a:pt x="3089546" y="1134417"/>
                  <a:pt x="3058082" y="1134416"/>
                  <a:pt x="3026619" y="1134416"/>
                </a:cubicBezTo>
                <a:close/>
                <a:moveTo>
                  <a:pt x="928911" y="234376"/>
                </a:moveTo>
                <a:lnTo>
                  <a:pt x="1432967" y="234376"/>
                </a:lnTo>
                <a:lnTo>
                  <a:pt x="1432967" y="1314376"/>
                </a:lnTo>
                <a:lnTo>
                  <a:pt x="928911" y="1314376"/>
                </a:lnTo>
                <a:close/>
                <a:moveTo>
                  <a:pt x="273174" y="234376"/>
                </a:moveTo>
                <a:lnTo>
                  <a:pt x="777230" y="234376"/>
                </a:lnTo>
                <a:lnTo>
                  <a:pt x="777230" y="1314376"/>
                </a:lnTo>
                <a:lnTo>
                  <a:pt x="273174" y="1314376"/>
                </a:lnTo>
                <a:close/>
                <a:moveTo>
                  <a:pt x="258244" y="126376"/>
                </a:moveTo>
                <a:cubicBezTo>
                  <a:pt x="182968" y="126376"/>
                  <a:pt x="121944" y="187400"/>
                  <a:pt x="121944" y="262676"/>
                </a:cubicBezTo>
                <a:lnTo>
                  <a:pt x="121944" y="1286076"/>
                </a:lnTo>
                <a:cubicBezTo>
                  <a:pt x="121944" y="1361352"/>
                  <a:pt x="182968" y="1422376"/>
                  <a:pt x="258244" y="1422376"/>
                </a:cubicBezTo>
                <a:lnTo>
                  <a:pt x="2768375" y="1422376"/>
                </a:lnTo>
                <a:cubicBezTo>
                  <a:pt x="2843651" y="1422376"/>
                  <a:pt x="2904675" y="1361352"/>
                  <a:pt x="2904675" y="1286076"/>
                </a:cubicBezTo>
                <a:lnTo>
                  <a:pt x="2904675" y="262676"/>
                </a:lnTo>
                <a:cubicBezTo>
                  <a:pt x="2904675" y="187400"/>
                  <a:pt x="2843651" y="126376"/>
                  <a:pt x="2768375" y="126376"/>
                </a:cubicBezTo>
                <a:close/>
                <a:moveTo>
                  <a:pt x="162882" y="0"/>
                </a:moveTo>
                <a:lnTo>
                  <a:pt x="2863736" y="0"/>
                </a:lnTo>
                <a:cubicBezTo>
                  <a:pt x="2953693" y="0"/>
                  <a:pt x="3026618" y="72925"/>
                  <a:pt x="3026618" y="162882"/>
                </a:cubicBezTo>
                <a:lnTo>
                  <a:pt x="3026618" y="1385870"/>
                </a:lnTo>
                <a:cubicBezTo>
                  <a:pt x="3026618" y="1475827"/>
                  <a:pt x="2953693" y="1548752"/>
                  <a:pt x="2863736" y="1548752"/>
                </a:cubicBezTo>
                <a:lnTo>
                  <a:pt x="162882" y="1548752"/>
                </a:lnTo>
                <a:cubicBezTo>
                  <a:pt x="72925" y="1548752"/>
                  <a:pt x="0" y="1475827"/>
                  <a:pt x="0" y="1385870"/>
                </a:cubicBezTo>
                <a:lnTo>
                  <a:pt x="0" y="162882"/>
                </a:lnTo>
                <a:cubicBezTo>
                  <a:pt x="0" y="72925"/>
                  <a:pt x="72925" y="0"/>
                  <a:pt x="162882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3" name="Rounded Rectangle 6">
            <a:extLst>
              <a:ext uri="{FF2B5EF4-FFF2-40B4-BE49-F238E27FC236}">
                <a16:creationId xmlns:a16="http://schemas.microsoft.com/office/drawing/2014/main" id="{740CC869-4793-4E41-A92A-FDB14A2B194C}"/>
              </a:ext>
            </a:extLst>
          </p:cNvPr>
          <p:cNvSpPr/>
          <p:nvPr/>
        </p:nvSpPr>
        <p:spPr>
          <a:xfrm>
            <a:off x="6951716" y="3750690"/>
            <a:ext cx="616402" cy="296900"/>
          </a:xfrm>
          <a:custGeom>
            <a:avLst/>
            <a:gdLst/>
            <a:ahLst/>
            <a:cxnLst/>
            <a:rect l="l" t="t" r="r" b="b"/>
            <a:pathLst>
              <a:path w="3215400" h="1548752">
                <a:moveTo>
                  <a:pt x="3026619" y="414336"/>
                </a:moveTo>
                <a:lnTo>
                  <a:pt x="3121009" y="414336"/>
                </a:lnTo>
                <a:cubicBezTo>
                  <a:pt x="3173140" y="414336"/>
                  <a:pt x="3215400" y="456596"/>
                  <a:pt x="3215400" y="508727"/>
                </a:cubicBezTo>
                <a:lnTo>
                  <a:pt x="3215400" y="1040026"/>
                </a:lnTo>
                <a:cubicBezTo>
                  <a:pt x="3215400" y="1092157"/>
                  <a:pt x="3173140" y="1134417"/>
                  <a:pt x="3121009" y="1134417"/>
                </a:cubicBezTo>
                <a:cubicBezTo>
                  <a:pt x="3089546" y="1134417"/>
                  <a:pt x="3058082" y="1134416"/>
                  <a:pt x="3026619" y="1134416"/>
                </a:cubicBezTo>
                <a:close/>
                <a:moveTo>
                  <a:pt x="1584648" y="234376"/>
                </a:moveTo>
                <a:lnTo>
                  <a:pt x="2088704" y="234376"/>
                </a:lnTo>
                <a:lnTo>
                  <a:pt x="2088704" y="1314376"/>
                </a:lnTo>
                <a:lnTo>
                  <a:pt x="1584648" y="1314376"/>
                </a:lnTo>
                <a:close/>
                <a:moveTo>
                  <a:pt x="928911" y="234376"/>
                </a:moveTo>
                <a:lnTo>
                  <a:pt x="1432967" y="234376"/>
                </a:lnTo>
                <a:lnTo>
                  <a:pt x="1432967" y="1314376"/>
                </a:lnTo>
                <a:lnTo>
                  <a:pt x="928911" y="1314376"/>
                </a:lnTo>
                <a:close/>
                <a:moveTo>
                  <a:pt x="273174" y="234376"/>
                </a:moveTo>
                <a:lnTo>
                  <a:pt x="777230" y="234376"/>
                </a:lnTo>
                <a:lnTo>
                  <a:pt x="777230" y="1314376"/>
                </a:lnTo>
                <a:lnTo>
                  <a:pt x="273174" y="1314376"/>
                </a:lnTo>
                <a:close/>
                <a:moveTo>
                  <a:pt x="258244" y="126376"/>
                </a:moveTo>
                <a:cubicBezTo>
                  <a:pt x="182968" y="126376"/>
                  <a:pt x="121944" y="187400"/>
                  <a:pt x="121944" y="262676"/>
                </a:cubicBezTo>
                <a:lnTo>
                  <a:pt x="121944" y="1286076"/>
                </a:lnTo>
                <a:cubicBezTo>
                  <a:pt x="121944" y="1361352"/>
                  <a:pt x="182968" y="1422376"/>
                  <a:pt x="258244" y="1422376"/>
                </a:cubicBezTo>
                <a:lnTo>
                  <a:pt x="2768375" y="1422376"/>
                </a:lnTo>
                <a:cubicBezTo>
                  <a:pt x="2843651" y="1422376"/>
                  <a:pt x="2904675" y="1361352"/>
                  <a:pt x="2904675" y="1286076"/>
                </a:cubicBezTo>
                <a:lnTo>
                  <a:pt x="2904675" y="262676"/>
                </a:lnTo>
                <a:cubicBezTo>
                  <a:pt x="2904675" y="187400"/>
                  <a:pt x="2843651" y="126376"/>
                  <a:pt x="2768375" y="126376"/>
                </a:cubicBezTo>
                <a:close/>
                <a:moveTo>
                  <a:pt x="162882" y="0"/>
                </a:moveTo>
                <a:lnTo>
                  <a:pt x="2863736" y="0"/>
                </a:lnTo>
                <a:cubicBezTo>
                  <a:pt x="2953693" y="0"/>
                  <a:pt x="3026618" y="72925"/>
                  <a:pt x="3026618" y="162882"/>
                </a:cubicBezTo>
                <a:lnTo>
                  <a:pt x="3026618" y="1385870"/>
                </a:lnTo>
                <a:cubicBezTo>
                  <a:pt x="3026618" y="1475827"/>
                  <a:pt x="2953693" y="1548752"/>
                  <a:pt x="2863736" y="1548752"/>
                </a:cubicBezTo>
                <a:lnTo>
                  <a:pt x="162882" y="1548752"/>
                </a:lnTo>
                <a:cubicBezTo>
                  <a:pt x="72925" y="1548752"/>
                  <a:pt x="0" y="1475827"/>
                  <a:pt x="0" y="1385870"/>
                </a:cubicBezTo>
                <a:lnTo>
                  <a:pt x="0" y="162882"/>
                </a:lnTo>
                <a:cubicBezTo>
                  <a:pt x="0" y="72925"/>
                  <a:pt x="72925" y="0"/>
                  <a:pt x="162882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4" name="Rounded Rectangle 6">
            <a:extLst>
              <a:ext uri="{FF2B5EF4-FFF2-40B4-BE49-F238E27FC236}">
                <a16:creationId xmlns:a16="http://schemas.microsoft.com/office/drawing/2014/main" id="{17C1EAE2-459E-491D-81FC-F8924F353B13}"/>
              </a:ext>
            </a:extLst>
          </p:cNvPr>
          <p:cNvSpPr/>
          <p:nvPr/>
        </p:nvSpPr>
        <p:spPr>
          <a:xfrm>
            <a:off x="7859036" y="3750690"/>
            <a:ext cx="616402" cy="296900"/>
          </a:xfrm>
          <a:custGeom>
            <a:avLst/>
            <a:gdLst/>
            <a:ahLst/>
            <a:cxnLst/>
            <a:rect l="l" t="t" r="r" b="b"/>
            <a:pathLst>
              <a:path w="3215400" h="1548752">
                <a:moveTo>
                  <a:pt x="3026619" y="414336"/>
                </a:moveTo>
                <a:lnTo>
                  <a:pt x="3121009" y="414336"/>
                </a:lnTo>
                <a:cubicBezTo>
                  <a:pt x="3173140" y="414336"/>
                  <a:pt x="3215400" y="456596"/>
                  <a:pt x="3215400" y="508727"/>
                </a:cubicBezTo>
                <a:lnTo>
                  <a:pt x="3215400" y="1040026"/>
                </a:lnTo>
                <a:cubicBezTo>
                  <a:pt x="3215400" y="1092157"/>
                  <a:pt x="3173140" y="1134417"/>
                  <a:pt x="3121009" y="1134417"/>
                </a:cubicBezTo>
                <a:cubicBezTo>
                  <a:pt x="3089546" y="1134417"/>
                  <a:pt x="3058082" y="1134416"/>
                  <a:pt x="3026619" y="1134416"/>
                </a:cubicBezTo>
                <a:close/>
                <a:moveTo>
                  <a:pt x="2240385" y="234376"/>
                </a:moveTo>
                <a:lnTo>
                  <a:pt x="2744441" y="234376"/>
                </a:lnTo>
                <a:lnTo>
                  <a:pt x="2744441" y="1314376"/>
                </a:lnTo>
                <a:lnTo>
                  <a:pt x="2240385" y="1314376"/>
                </a:lnTo>
                <a:close/>
                <a:moveTo>
                  <a:pt x="1584648" y="234376"/>
                </a:moveTo>
                <a:lnTo>
                  <a:pt x="2088704" y="234376"/>
                </a:lnTo>
                <a:lnTo>
                  <a:pt x="2088704" y="1314376"/>
                </a:lnTo>
                <a:lnTo>
                  <a:pt x="1584648" y="1314376"/>
                </a:lnTo>
                <a:close/>
                <a:moveTo>
                  <a:pt x="928911" y="234376"/>
                </a:moveTo>
                <a:lnTo>
                  <a:pt x="1432967" y="234376"/>
                </a:lnTo>
                <a:lnTo>
                  <a:pt x="1432967" y="1314376"/>
                </a:lnTo>
                <a:lnTo>
                  <a:pt x="928911" y="1314376"/>
                </a:lnTo>
                <a:close/>
                <a:moveTo>
                  <a:pt x="273174" y="234376"/>
                </a:moveTo>
                <a:lnTo>
                  <a:pt x="777230" y="234376"/>
                </a:lnTo>
                <a:lnTo>
                  <a:pt x="777230" y="1314376"/>
                </a:lnTo>
                <a:lnTo>
                  <a:pt x="273174" y="1314376"/>
                </a:lnTo>
                <a:close/>
                <a:moveTo>
                  <a:pt x="258244" y="126376"/>
                </a:moveTo>
                <a:cubicBezTo>
                  <a:pt x="182968" y="126376"/>
                  <a:pt x="121944" y="187400"/>
                  <a:pt x="121944" y="262676"/>
                </a:cubicBezTo>
                <a:lnTo>
                  <a:pt x="121944" y="1286076"/>
                </a:lnTo>
                <a:cubicBezTo>
                  <a:pt x="121944" y="1361352"/>
                  <a:pt x="182968" y="1422376"/>
                  <a:pt x="258244" y="1422376"/>
                </a:cubicBezTo>
                <a:lnTo>
                  <a:pt x="2768375" y="1422376"/>
                </a:lnTo>
                <a:cubicBezTo>
                  <a:pt x="2843651" y="1422376"/>
                  <a:pt x="2904675" y="1361352"/>
                  <a:pt x="2904675" y="1286076"/>
                </a:cubicBezTo>
                <a:lnTo>
                  <a:pt x="2904675" y="262676"/>
                </a:lnTo>
                <a:cubicBezTo>
                  <a:pt x="2904675" y="187400"/>
                  <a:pt x="2843651" y="126376"/>
                  <a:pt x="2768375" y="126376"/>
                </a:cubicBezTo>
                <a:close/>
                <a:moveTo>
                  <a:pt x="162882" y="0"/>
                </a:moveTo>
                <a:lnTo>
                  <a:pt x="2863736" y="0"/>
                </a:lnTo>
                <a:cubicBezTo>
                  <a:pt x="2953693" y="0"/>
                  <a:pt x="3026618" y="72925"/>
                  <a:pt x="3026618" y="162882"/>
                </a:cubicBezTo>
                <a:lnTo>
                  <a:pt x="3026618" y="1385870"/>
                </a:lnTo>
                <a:cubicBezTo>
                  <a:pt x="3026618" y="1475827"/>
                  <a:pt x="2953693" y="1548752"/>
                  <a:pt x="2863736" y="1548752"/>
                </a:cubicBezTo>
                <a:lnTo>
                  <a:pt x="162882" y="1548752"/>
                </a:lnTo>
                <a:cubicBezTo>
                  <a:pt x="72925" y="1548752"/>
                  <a:pt x="0" y="1475827"/>
                  <a:pt x="0" y="1385870"/>
                </a:cubicBezTo>
                <a:lnTo>
                  <a:pt x="0" y="162882"/>
                </a:lnTo>
                <a:cubicBezTo>
                  <a:pt x="0" y="72925"/>
                  <a:pt x="72925" y="0"/>
                  <a:pt x="162882" y="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5" name="Teardrop 6">
            <a:extLst>
              <a:ext uri="{FF2B5EF4-FFF2-40B4-BE49-F238E27FC236}">
                <a16:creationId xmlns:a16="http://schemas.microsoft.com/office/drawing/2014/main" id="{3FF8E6D1-A5CA-4857-BFE4-E947E4F2F934}"/>
              </a:ext>
            </a:extLst>
          </p:cNvPr>
          <p:cNvSpPr/>
          <p:nvPr/>
        </p:nvSpPr>
        <p:spPr>
          <a:xfrm rot="8100000">
            <a:off x="11057693" y="3690402"/>
            <a:ext cx="417475" cy="417476"/>
          </a:xfrm>
          <a:custGeom>
            <a:avLst/>
            <a:gdLst/>
            <a:ahLst/>
            <a:cxnLst/>
            <a:rect l="l" t="t" r="r" b="b"/>
            <a:pathLst>
              <a:path w="2483832" h="2483835">
                <a:moveTo>
                  <a:pt x="657616" y="1826218"/>
                </a:moveTo>
                <a:cubicBezTo>
                  <a:pt x="806520" y="1975122"/>
                  <a:pt x="1047940" y="1975122"/>
                  <a:pt x="1196844" y="1826218"/>
                </a:cubicBezTo>
                <a:cubicBezTo>
                  <a:pt x="1345748" y="1677314"/>
                  <a:pt x="1345748" y="1435894"/>
                  <a:pt x="1196844" y="1286990"/>
                </a:cubicBezTo>
                <a:cubicBezTo>
                  <a:pt x="1047940" y="1138086"/>
                  <a:pt x="806520" y="1138086"/>
                  <a:pt x="657616" y="1286990"/>
                </a:cubicBezTo>
                <a:cubicBezTo>
                  <a:pt x="508712" y="1435894"/>
                  <a:pt x="508712" y="1677314"/>
                  <a:pt x="657616" y="1826218"/>
                </a:cubicBezTo>
                <a:close/>
                <a:moveTo>
                  <a:pt x="293335" y="2190500"/>
                </a:moveTo>
                <a:cubicBezTo>
                  <a:pt x="112098" y="2009262"/>
                  <a:pt x="0" y="1758885"/>
                  <a:pt x="0" y="1482325"/>
                </a:cubicBezTo>
                <a:cubicBezTo>
                  <a:pt x="0" y="929206"/>
                  <a:pt x="459290" y="590078"/>
                  <a:pt x="1001509" y="480815"/>
                </a:cubicBezTo>
                <a:cubicBezTo>
                  <a:pt x="1569704" y="366317"/>
                  <a:pt x="1861757" y="259925"/>
                  <a:pt x="2483832" y="0"/>
                </a:cubicBezTo>
                <a:cubicBezTo>
                  <a:pt x="2230640" y="682694"/>
                  <a:pt x="2130986" y="873716"/>
                  <a:pt x="2003018" y="1482325"/>
                </a:cubicBezTo>
                <a:cubicBezTo>
                  <a:pt x="1901990" y="2042180"/>
                  <a:pt x="1554627" y="2483835"/>
                  <a:pt x="1001509" y="2483835"/>
                </a:cubicBezTo>
                <a:cubicBezTo>
                  <a:pt x="724950" y="2483835"/>
                  <a:pt x="474573" y="2371737"/>
                  <a:pt x="293335" y="2190500"/>
                </a:cubicBez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76" name="Donut 24">
            <a:extLst>
              <a:ext uri="{FF2B5EF4-FFF2-40B4-BE49-F238E27FC236}">
                <a16:creationId xmlns:a16="http://schemas.microsoft.com/office/drawing/2014/main" id="{2358F6B7-5407-478C-BBCE-24DB33354B70}"/>
              </a:ext>
            </a:extLst>
          </p:cNvPr>
          <p:cNvSpPr/>
          <p:nvPr/>
        </p:nvSpPr>
        <p:spPr>
          <a:xfrm>
            <a:off x="5773604" y="2544635"/>
            <a:ext cx="617508" cy="622535"/>
          </a:xfrm>
          <a:custGeom>
            <a:avLst/>
            <a:gdLst/>
            <a:ahLst/>
            <a:cxnLst/>
            <a:rect l="l" t="t" r="r" b="b"/>
            <a:pathLst>
              <a:path w="3208412" h="3234532">
                <a:moveTo>
                  <a:pt x="1561445" y="1065858"/>
                </a:moveTo>
                <a:cubicBezTo>
                  <a:pt x="1654998" y="1065858"/>
                  <a:pt x="1743610" y="1087015"/>
                  <a:pt x="1821879" y="1126644"/>
                </a:cubicBezTo>
                <a:lnTo>
                  <a:pt x="1611352" y="1337172"/>
                </a:lnTo>
                <a:cubicBezTo>
                  <a:pt x="1595200" y="1333388"/>
                  <a:pt x="1578468" y="1332141"/>
                  <a:pt x="1561445" y="1332141"/>
                </a:cubicBezTo>
                <a:cubicBezTo>
                  <a:pt x="1373145" y="1332141"/>
                  <a:pt x="1220499" y="1484787"/>
                  <a:pt x="1220499" y="1673087"/>
                </a:cubicBezTo>
                <a:cubicBezTo>
                  <a:pt x="1220499" y="1861387"/>
                  <a:pt x="1373145" y="2014033"/>
                  <a:pt x="1561445" y="2014033"/>
                </a:cubicBezTo>
                <a:cubicBezTo>
                  <a:pt x="1749745" y="2014033"/>
                  <a:pt x="1902391" y="1861387"/>
                  <a:pt x="1902391" y="1673087"/>
                </a:cubicBezTo>
                <a:cubicBezTo>
                  <a:pt x="1902391" y="1643675"/>
                  <a:pt x="1898667" y="1615133"/>
                  <a:pt x="1890450" y="1588219"/>
                </a:cubicBezTo>
                <a:lnTo>
                  <a:pt x="2093156" y="1385512"/>
                </a:lnTo>
                <a:cubicBezTo>
                  <a:pt x="2142229" y="1470075"/>
                  <a:pt x="2168674" y="1568493"/>
                  <a:pt x="2168674" y="1673087"/>
                </a:cubicBezTo>
                <a:cubicBezTo>
                  <a:pt x="2168674" y="2008450"/>
                  <a:pt x="1896808" y="2280316"/>
                  <a:pt x="1561445" y="2280316"/>
                </a:cubicBezTo>
                <a:cubicBezTo>
                  <a:pt x="1226082" y="2280316"/>
                  <a:pt x="954217" y="2008450"/>
                  <a:pt x="954217" y="1673087"/>
                </a:cubicBezTo>
                <a:cubicBezTo>
                  <a:pt x="954217" y="1337724"/>
                  <a:pt x="1226082" y="1065858"/>
                  <a:pt x="1561445" y="1065858"/>
                </a:cubicBezTo>
                <a:close/>
                <a:moveTo>
                  <a:pt x="1561445" y="580076"/>
                </a:moveTo>
                <a:cubicBezTo>
                  <a:pt x="1790175" y="580076"/>
                  <a:pt x="2002494" y="650333"/>
                  <a:pt x="2177834" y="770690"/>
                </a:cubicBezTo>
                <a:lnTo>
                  <a:pt x="1968030" y="980494"/>
                </a:lnTo>
                <a:cubicBezTo>
                  <a:pt x="1849962" y="907198"/>
                  <a:pt x="1710422" y="866794"/>
                  <a:pt x="1561445" y="866794"/>
                </a:cubicBezTo>
                <a:cubicBezTo>
                  <a:pt x="1116142" y="866794"/>
                  <a:pt x="755153" y="1227784"/>
                  <a:pt x="755153" y="1673087"/>
                </a:cubicBezTo>
                <a:cubicBezTo>
                  <a:pt x="755153" y="2118390"/>
                  <a:pt x="1116142" y="2479380"/>
                  <a:pt x="1561445" y="2479380"/>
                </a:cubicBezTo>
                <a:cubicBezTo>
                  <a:pt x="2006748" y="2479380"/>
                  <a:pt x="2367738" y="2118390"/>
                  <a:pt x="2367738" y="1673087"/>
                </a:cubicBezTo>
                <a:cubicBezTo>
                  <a:pt x="2367738" y="1513043"/>
                  <a:pt x="2321108" y="1363890"/>
                  <a:pt x="2239307" y="1239362"/>
                </a:cubicBezTo>
                <a:lnTo>
                  <a:pt x="2445928" y="1032741"/>
                </a:lnTo>
                <a:cubicBezTo>
                  <a:pt x="2577451" y="1212149"/>
                  <a:pt x="2654457" y="1433625"/>
                  <a:pt x="2654457" y="1673087"/>
                </a:cubicBezTo>
                <a:cubicBezTo>
                  <a:pt x="2654457" y="2276741"/>
                  <a:pt x="2165099" y="2766099"/>
                  <a:pt x="1561445" y="2766099"/>
                </a:cubicBezTo>
                <a:cubicBezTo>
                  <a:pt x="957792" y="2766099"/>
                  <a:pt x="468434" y="2276741"/>
                  <a:pt x="468434" y="1673087"/>
                </a:cubicBezTo>
                <a:cubicBezTo>
                  <a:pt x="468434" y="1069433"/>
                  <a:pt x="957792" y="580076"/>
                  <a:pt x="1561445" y="580076"/>
                </a:cubicBezTo>
                <a:close/>
                <a:moveTo>
                  <a:pt x="1561445" y="111642"/>
                </a:moveTo>
                <a:cubicBezTo>
                  <a:pt x="1890473" y="111642"/>
                  <a:pt x="2195731" y="213411"/>
                  <a:pt x="2447076" y="387744"/>
                </a:cubicBezTo>
                <a:lnTo>
                  <a:pt x="2453780" y="494744"/>
                </a:lnTo>
                <a:lnTo>
                  <a:pt x="2309436" y="639088"/>
                </a:lnTo>
                <a:cubicBezTo>
                  <a:pt x="2099826" y="485554"/>
                  <a:pt x="1841132" y="395669"/>
                  <a:pt x="1561445" y="395669"/>
                </a:cubicBezTo>
                <a:cubicBezTo>
                  <a:pt x="855947" y="395669"/>
                  <a:pt x="284027" y="967589"/>
                  <a:pt x="284027" y="1673087"/>
                </a:cubicBezTo>
                <a:cubicBezTo>
                  <a:pt x="284027" y="2378585"/>
                  <a:pt x="855947" y="2950505"/>
                  <a:pt x="1561445" y="2950505"/>
                </a:cubicBezTo>
                <a:cubicBezTo>
                  <a:pt x="2266943" y="2950505"/>
                  <a:pt x="2838863" y="2378585"/>
                  <a:pt x="2838863" y="1673087"/>
                </a:cubicBezTo>
                <a:cubicBezTo>
                  <a:pt x="2838863" y="1382650"/>
                  <a:pt x="2741936" y="1114852"/>
                  <a:pt x="2577529" y="901139"/>
                </a:cubicBezTo>
                <a:lnTo>
                  <a:pt x="2706681" y="771988"/>
                </a:lnTo>
                <a:lnTo>
                  <a:pt x="2841540" y="780437"/>
                </a:lnTo>
                <a:cubicBezTo>
                  <a:pt x="3019168" y="1032973"/>
                  <a:pt x="3122890" y="1340917"/>
                  <a:pt x="3122890" y="1673087"/>
                </a:cubicBezTo>
                <a:cubicBezTo>
                  <a:pt x="3122890" y="2535449"/>
                  <a:pt x="2423807" y="3234532"/>
                  <a:pt x="1561445" y="3234532"/>
                </a:cubicBezTo>
                <a:cubicBezTo>
                  <a:pt x="699083" y="3234532"/>
                  <a:pt x="0" y="2535449"/>
                  <a:pt x="0" y="1673087"/>
                </a:cubicBezTo>
                <a:cubicBezTo>
                  <a:pt x="0" y="810725"/>
                  <a:pt x="699083" y="111642"/>
                  <a:pt x="1561445" y="111642"/>
                </a:cubicBezTo>
                <a:close/>
                <a:moveTo>
                  <a:pt x="2909110" y="0"/>
                </a:moveTo>
                <a:lnTo>
                  <a:pt x="2926757" y="281655"/>
                </a:lnTo>
                <a:lnTo>
                  <a:pt x="3208412" y="299301"/>
                </a:lnTo>
                <a:lnTo>
                  <a:pt x="2863230" y="644483"/>
                </a:lnTo>
                <a:lnTo>
                  <a:pt x="2685547" y="633351"/>
                </a:lnTo>
                <a:lnTo>
                  <a:pt x="1718098" y="1600799"/>
                </a:lnTo>
                <a:cubicBezTo>
                  <a:pt x="1729236" y="1622491"/>
                  <a:pt x="1734939" y="1647123"/>
                  <a:pt x="1734939" y="1673087"/>
                </a:cubicBezTo>
                <a:cubicBezTo>
                  <a:pt x="1734939" y="1768905"/>
                  <a:pt x="1657263" y="1846581"/>
                  <a:pt x="1561445" y="1846581"/>
                </a:cubicBezTo>
                <a:cubicBezTo>
                  <a:pt x="1465627" y="1846581"/>
                  <a:pt x="1387951" y="1768905"/>
                  <a:pt x="1387951" y="1673087"/>
                </a:cubicBezTo>
                <a:cubicBezTo>
                  <a:pt x="1387951" y="1577269"/>
                  <a:pt x="1465627" y="1499593"/>
                  <a:pt x="1561445" y="1499593"/>
                </a:cubicBezTo>
                <a:lnTo>
                  <a:pt x="1591006" y="1505561"/>
                </a:lnTo>
                <a:lnTo>
                  <a:pt x="2574981" y="521587"/>
                </a:lnTo>
                <a:lnTo>
                  <a:pt x="2563928" y="345182"/>
                </a:ln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77" name="Chord 38">
            <a:extLst>
              <a:ext uri="{FF2B5EF4-FFF2-40B4-BE49-F238E27FC236}">
                <a16:creationId xmlns:a16="http://schemas.microsoft.com/office/drawing/2014/main" id="{284AD387-FD7A-4FAE-86E7-99768FD2F34F}"/>
              </a:ext>
            </a:extLst>
          </p:cNvPr>
          <p:cNvSpPr/>
          <p:nvPr/>
        </p:nvSpPr>
        <p:spPr>
          <a:xfrm>
            <a:off x="6733448" y="2544108"/>
            <a:ext cx="484927" cy="623588"/>
          </a:xfrm>
          <a:custGeom>
            <a:avLst/>
            <a:gdLst/>
            <a:ahLst/>
            <a:cxnLst/>
            <a:rect l="l" t="t" r="r" b="b"/>
            <a:pathLst>
              <a:path w="2519554" h="3240000">
                <a:moveTo>
                  <a:pt x="1259778" y="0"/>
                </a:moveTo>
                <a:cubicBezTo>
                  <a:pt x="1299543" y="0"/>
                  <a:pt x="1331778" y="32235"/>
                  <a:pt x="1331778" y="72000"/>
                </a:cubicBezTo>
                <a:lnTo>
                  <a:pt x="1331778" y="292696"/>
                </a:lnTo>
                <a:cubicBezTo>
                  <a:pt x="1526887" y="301316"/>
                  <a:pt x="1719796" y="357828"/>
                  <a:pt x="1894309" y="459601"/>
                </a:cubicBezTo>
                <a:cubicBezTo>
                  <a:pt x="2284331" y="687055"/>
                  <a:pt x="2522839" y="1105809"/>
                  <a:pt x="2519520" y="1557297"/>
                </a:cubicBezTo>
                <a:lnTo>
                  <a:pt x="2509882" y="1557270"/>
                </a:lnTo>
                <a:cubicBezTo>
                  <a:pt x="2413806" y="1435449"/>
                  <a:pt x="2264527" y="1358626"/>
                  <a:pt x="2097304" y="1358626"/>
                </a:cubicBezTo>
                <a:cubicBezTo>
                  <a:pt x="1931567" y="1358626"/>
                  <a:pt x="1783455" y="1434091"/>
                  <a:pt x="1688484" y="1554913"/>
                </a:cubicBezTo>
                <a:lnTo>
                  <a:pt x="1657888" y="1554825"/>
                </a:lnTo>
                <a:cubicBezTo>
                  <a:pt x="1579123" y="1454657"/>
                  <a:pt x="1463823" y="1385682"/>
                  <a:pt x="1331778" y="1368008"/>
                </a:cubicBezTo>
                <a:lnTo>
                  <a:pt x="1331778" y="2507895"/>
                </a:lnTo>
                <a:lnTo>
                  <a:pt x="1356113" y="2507895"/>
                </a:lnTo>
                <a:lnTo>
                  <a:pt x="1356113" y="2868215"/>
                </a:lnTo>
                <a:lnTo>
                  <a:pt x="1353558" y="2868215"/>
                </a:lnTo>
                <a:cubicBezTo>
                  <a:pt x="1347515" y="3074779"/>
                  <a:pt x="1177830" y="3240000"/>
                  <a:pt x="969556" y="3240000"/>
                </a:cubicBezTo>
                <a:cubicBezTo>
                  <a:pt x="759529" y="3240000"/>
                  <a:pt x="588743" y="3071985"/>
                  <a:pt x="585029" y="2863014"/>
                </a:cubicBezTo>
                <a:cubicBezTo>
                  <a:pt x="584214" y="2861474"/>
                  <a:pt x="584183" y="2859896"/>
                  <a:pt x="584183" y="2858310"/>
                </a:cubicBezTo>
                <a:lnTo>
                  <a:pt x="584422" y="2856985"/>
                </a:lnTo>
                <a:cubicBezTo>
                  <a:pt x="584186" y="2856201"/>
                  <a:pt x="584184" y="2855415"/>
                  <a:pt x="584184" y="2854628"/>
                </a:cubicBezTo>
                <a:lnTo>
                  <a:pt x="584846" y="2854628"/>
                </a:lnTo>
                <a:cubicBezTo>
                  <a:pt x="585977" y="2797047"/>
                  <a:pt x="628115" y="2750982"/>
                  <a:pt x="679843" y="2750982"/>
                </a:cubicBezTo>
                <a:cubicBezTo>
                  <a:pt x="731571" y="2750982"/>
                  <a:pt x="773709" y="2797047"/>
                  <a:pt x="774841" y="2854628"/>
                </a:cubicBezTo>
                <a:lnTo>
                  <a:pt x="776870" y="2854628"/>
                </a:lnTo>
                <a:cubicBezTo>
                  <a:pt x="776870" y="2961046"/>
                  <a:pt x="863138" y="3047314"/>
                  <a:pt x="969556" y="3047314"/>
                </a:cubicBezTo>
                <a:cubicBezTo>
                  <a:pt x="1075974" y="3047314"/>
                  <a:pt x="1162242" y="2961046"/>
                  <a:pt x="1162242" y="2854628"/>
                </a:cubicBezTo>
                <a:lnTo>
                  <a:pt x="1163439" y="2854628"/>
                </a:lnTo>
                <a:lnTo>
                  <a:pt x="1163439" y="2507895"/>
                </a:lnTo>
                <a:lnTo>
                  <a:pt x="1187778" y="2507895"/>
                </a:lnTo>
                <a:lnTo>
                  <a:pt x="1187778" y="1365548"/>
                </a:lnTo>
                <a:cubicBezTo>
                  <a:pt x="1048083" y="1378241"/>
                  <a:pt x="925400" y="1448176"/>
                  <a:pt x="842602" y="1552487"/>
                </a:cubicBezTo>
                <a:lnTo>
                  <a:pt x="807450" y="1552386"/>
                </a:lnTo>
                <a:cubicBezTo>
                  <a:pt x="712615" y="1432960"/>
                  <a:pt x="565486" y="1358626"/>
                  <a:pt x="400996" y="1358626"/>
                </a:cubicBezTo>
                <a:cubicBezTo>
                  <a:pt x="240343" y="1358626"/>
                  <a:pt x="96251" y="1429532"/>
                  <a:pt x="0" y="1543232"/>
                </a:cubicBezTo>
                <a:cubicBezTo>
                  <a:pt x="1264" y="1094357"/>
                  <a:pt x="241710" y="680052"/>
                  <a:pt x="631054" y="455977"/>
                </a:cubicBezTo>
                <a:cubicBezTo>
                  <a:pt x="804121" y="356374"/>
                  <a:pt x="994908" y="301092"/>
                  <a:pt x="1187778" y="292721"/>
                </a:cubicBezTo>
                <a:lnTo>
                  <a:pt x="1187778" y="72000"/>
                </a:lnTo>
                <a:cubicBezTo>
                  <a:pt x="1187778" y="32235"/>
                  <a:pt x="1220013" y="0"/>
                  <a:pt x="1259778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78" name="Heart 38">
            <a:extLst>
              <a:ext uri="{FF2B5EF4-FFF2-40B4-BE49-F238E27FC236}">
                <a16:creationId xmlns:a16="http://schemas.microsoft.com/office/drawing/2014/main" id="{07191768-391A-445C-9738-68FC969D5D3B}"/>
              </a:ext>
            </a:extLst>
          </p:cNvPr>
          <p:cNvSpPr/>
          <p:nvPr/>
        </p:nvSpPr>
        <p:spPr>
          <a:xfrm>
            <a:off x="7436317" y="1509092"/>
            <a:ext cx="544275" cy="544275"/>
          </a:xfrm>
          <a:prstGeom prst="hear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79" name="Round Same Side Corner Rectangle 19">
            <a:extLst>
              <a:ext uri="{FF2B5EF4-FFF2-40B4-BE49-F238E27FC236}">
                <a16:creationId xmlns:a16="http://schemas.microsoft.com/office/drawing/2014/main" id="{4F6F0E8F-9F3A-4C37-B8FA-77940D946D49}"/>
              </a:ext>
            </a:extLst>
          </p:cNvPr>
          <p:cNvSpPr/>
          <p:nvPr/>
        </p:nvSpPr>
        <p:spPr>
          <a:xfrm>
            <a:off x="10301960" y="5685084"/>
            <a:ext cx="411706" cy="508675"/>
          </a:xfrm>
          <a:custGeom>
            <a:avLst/>
            <a:gdLst/>
            <a:ahLst/>
            <a:cxnLst/>
            <a:rect l="l" t="t" r="r" b="b"/>
            <a:pathLst>
              <a:path w="2600931" h="3213524">
                <a:moveTo>
                  <a:pt x="1304260" y="0"/>
                </a:moveTo>
                <a:cubicBezTo>
                  <a:pt x="1403671" y="0"/>
                  <a:pt x="1484260" y="80589"/>
                  <a:pt x="1484260" y="180000"/>
                </a:cubicBezTo>
                <a:lnTo>
                  <a:pt x="1484260" y="412061"/>
                </a:lnTo>
                <a:lnTo>
                  <a:pt x="2330931" y="412061"/>
                </a:lnTo>
                <a:lnTo>
                  <a:pt x="2600931" y="682061"/>
                </a:lnTo>
                <a:lnTo>
                  <a:pt x="2330931" y="952061"/>
                </a:lnTo>
                <a:lnTo>
                  <a:pt x="1484260" y="952061"/>
                </a:lnTo>
                <a:lnTo>
                  <a:pt x="1484260" y="1110244"/>
                </a:lnTo>
                <a:lnTo>
                  <a:pt x="2375646" y="1110244"/>
                </a:lnTo>
                <a:lnTo>
                  <a:pt x="2375646" y="1650244"/>
                </a:lnTo>
                <a:lnTo>
                  <a:pt x="1484260" y="1650244"/>
                </a:lnTo>
                <a:lnTo>
                  <a:pt x="1484260" y="3213524"/>
                </a:lnTo>
                <a:lnTo>
                  <a:pt x="1124260" y="3213524"/>
                </a:lnTo>
                <a:lnTo>
                  <a:pt x="1124260" y="1650244"/>
                </a:lnTo>
                <a:lnTo>
                  <a:pt x="270000" y="1650244"/>
                </a:lnTo>
                <a:lnTo>
                  <a:pt x="0" y="1380244"/>
                </a:lnTo>
                <a:lnTo>
                  <a:pt x="270000" y="1110244"/>
                </a:lnTo>
                <a:lnTo>
                  <a:pt x="1124260" y="1110244"/>
                </a:lnTo>
                <a:lnTo>
                  <a:pt x="1124260" y="952061"/>
                </a:lnTo>
                <a:lnTo>
                  <a:pt x="224931" y="952061"/>
                </a:lnTo>
                <a:lnTo>
                  <a:pt x="224931" y="412061"/>
                </a:lnTo>
                <a:lnTo>
                  <a:pt x="1124260" y="412061"/>
                </a:lnTo>
                <a:lnTo>
                  <a:pt x="1124260" y="180000"/>
                </a:lnTo>
                <a:cubicBezTo>
                  <a:pt x="1124260" y="80589"/>
                  <a:pt x="1204849" y="0"/>
                  <a:pt x="1304260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0" name="Rectangle 23">
            <a:extLst>
              <a:ext uri="{FF2B5EF4-FFF2-40B4-BE49-F238E27FC236}">
                <a16:creationId xmlns:a16="http://schemas.microsoft.com/office/drawing/2014/main" id="{411254AD-C704-4DA8-B5ED-2CB7E0E42884}"/>
              </a:ext>
            </a:extLst>
          </p:cNvPr>
          <p:cNvSpPr/>
          <p:nvPr/>
        </p:nvSpPr>
        <p:spPr>
          <a:xfrm>
            <a:off x="4242330" y="5739982"/>
            <a:ext cx="678102" cy="398876"/>
          </a:xfrm>
          <a:custGeom>
            <a:avLst/>
            <a:gdLst/>
            <a:ahLst/>
            <a:cxnLst/>
            <a:rect l="l" t="t" r="r" b="b"/>
            <a:pathLst>
              <a:path w="4529836" h="2664566">
                <a:moveTo>
                  <a:pt x="1861969" y="0"/>
                </a:moveTo>
                <a:cubicBezTo>
                  <a:pt x="2177122" y="0"/>
                  <a:pt x="2455874" y="155855"/>
                  <a:pt x="2611443" y="404565"/>
                </a:cubicBezTo>
                <a:cubicBezTo>
                  <a:pt x="2709453" y="315054"/>
                  <a:pt x="2840684" y="266178"/>
                  <a:pt x="2983336" y="266178"/>
                </a:cubicBezTo>
                <a:cubicBezTo>
                  <a:pt x="3293144" y="266178"/>
                  <a:pt x="3549108" y="496718"/>
                  <a:pt x="3578241" y="797044"/>
                </a:cubicBezTo>
                <a:cubicBezTo>
                  <a:pt x="3583592" y="793823"/>
                  <a:pt x="3589010" y="793774"/>
                  <a:pt x="3594440" y="793774"/>
                </a:cubicBezTo>
                <a:cubicBezTo>
                  <a:pt x="4111042" y="793774"/>
                  <a:pt x="4529836" y="1212568"/>
                  <a:pt x="4529836" y="1729170"/>
                </a:cubicBezTo>
                <a:cubicBezTo>
                  <a:pt x="4529836" y="2216938"/>
                  <a:pt x="4156487" y="2617512"/>
                  <a:pt x="3679930" y="2660249"/>
                </a:cubicBezTo>
                <a:lnTo>
                  <a:pt x="3679930" y="2664566"/>
                </a:lnTo>
                <a:lnTo>
                  <a:pt x="3594440" y="2664566"/>
                </a:lnTo>
                <a:lnTo>
                  <a:pt x="1043912" y="2664566"/>
                </a:lnTo>
                <a:lnTo>
                  <a:pt x="1043912" y="2657589"/>
                </a:lnTo>
                <a:cubicBezTo>
                  <a:pt x="1008374" y="2662448"/>
                  <a:pt x="972132" y="2664566"/>
                  <a:pt x="935396" y="2664566"/>
                </a:cubicBezTo>
                <a:cubicBezTo>
                  <a:pt x="418794" y="2664566"/>
                  <a:pt x="0" y="2245772"/>
                  <a:pt x="0" y="1729170"/>
                </a:cubicBezTo>
                <a:cubicBezTo>
                  <a:pt x="0" y="1212568"/>
                  <a:pt x="418794" y="793774"/>
                  <a:pt x="935396" y="793774"/>
                </a:cubicBezTo>
                <a:lnTo>
                  <a:pt x="954395" y="797612"/>
                </a:lnTo>
                <a:cubicBezTo>
                  <a:pt x="1004779" y="344999"/>
                  <a:pt x="1393085" y="0"/>
                  <a:pt x="1861969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1" name="Oval 31">
            <a:extLst>
              <a:ext uri="{FF2B5EF4-FFF2-40B4-BE49-F238E27FC236}">
                <a16:creationId xmlns:a16="http://schemas.microsoft.com/office/drawing/2014/main" id="{9CEA4298-5C72-495F-935E-04B7A42F93E1}"/>
              </a:ext>
            </a:extLst>
          </p:cNvPr>
          <p:cNvSpPr/>
          <p:nvPr/>
        </p:nvSpPr>
        <p:spPr>
          <a:xfrm>
            <a:off x="8665030" y="5684794"/>
            <a:ext cx="504505" cy="509254"/>
          </a:xfrm>
          <a:custGeom>
            <a:avLst/>
            <a:gdLst/>
            <a:ahLst/>
            <a:cxnLst/>
            <a:rect l="l" t="t" r="r" b="b"/>
            <a:pathLst>
              <a:path w="3187187" h="3217189">
                <a:moveTo>
                  <a:pt x="2136560" y="2669280"/>
                </a:moveTo>
                <a:cubicBezTo>
                  <a:pt x="2154235" y="2662847"/>
                  <a:pt x="2173778" y="2671961"/>
                  <a:pt x="2180211" y="2689635"/>
                </a:cubicBezTo>
                <a:lnTo>
                  <a:pt x="2338628" y="3124881"/>
                </a:lnTo>
                <a:cubicBezTo>
                  <a:pt x="2345061" y="3142556"/>
                  <a:pt x="2335948" y="3162099"/>
                  <a:pt x="2318273" y="3168533"/>
                </a:cubicBezTo>
                <a:lnTo>
                  <a:pt x="2190259" y="3215126"/>
                </a:lnTo>
                <a:cubicBezTo>
                  <a:pt x="2172585" y="3221559"/>
                  <a:pt x="2153041" y="3212445"/>
                  <a:pt x="2146608" y="3194771"/>
                </a:cubicBezTo>
                <a:lnTo>
                  <a:pt x="1988192" y="2759525"/>
                </a:lnTo>
                <a:cubicBezTo>
                  <a:pt x="1981759" y="2741850"/>
                  <a:pt x="1990872" y="2722307"/>
                  <a:pt x="2008547" y="2715873"/>
                </a:cubicBezTo>
                <a:close/>
                <a:moveTo>
                  <a:pt x="1050626" y="2669280"/>
                </a:moveTo>
                <a:lnTo>
                  <a:pt x="1178640" y="2715873"/>
                </a:lnTo>
                <a:cubicBezTo>
                  <a:pt x="1196314" y="2722307"/>
                  <a:pt x="1205428" y="2741850"/>
                  <a:pt x="1198995" y="2759525"/>
                </a:cubicBezTo>
                <a:lnTo>
                  <a:pt x="1040578" y="3194771"/>
                </a:lnTo>
                <a:cubicBezTo>
                  <a:pt x="1034145" y="3212445"/>
                  <a:pt x="1014601" y="3221559"/>
                  <a:pt x="996927" y="3215126"/>
                </a:cubicBezTo>
                <a:lnTo>
                  <a:pt x="868913" y="3168533"/>
                </a:lnTo>
                <a:cubicBezTo>
                  <a:pt x="851239" y="3162099"/>
                  <a:pt x="842125" y="3142556"/>
                  <a:pt x="848558" y="3124881"/>
                </a:cubicBezTo>
                <a:lnTo>
                  <a:pt x="1006975" y="2689635"/>
                </a:lnTo>
                <a:cubicBezTo>
                  <a:pt x="1013408" y="2671961"/>
                  <a:pt x="1032952" y="2662847"/>
                  <a:pt x="1050626" y="2669280"/>
                </a:cubicBezTo>
                <a:close/>
                <a:moveTo>
                  <a:pt x="2647909" y="2029882"/>
                </a:moveTo>
                <a:cubicBezTo>
                  <a:pt x="2656328" y="2027626"/>
                  <a:pt x="2665608" y="2028582"/>
                  <a:pt x="2673752" y="2033284"/>
                </a:cubicBezTo>
                <a:lnTo>
                  <a:pt x="3074877" y="2264874"/>
                </a:lnTo>
                <a:cubicBezTo>
                  <a:pt x="3091166" y="2274278"/>
                  <a:pt x="3096747" y="2295107"/>
                  <a:pt x="3087343" y="2311396"/>
                </a:cubicBezTo>
                <a:lnTo>
                  <a:pt x="3019228" y="2429374"/>
                </a:lnTo>
                <a:cubicBezTo>
                  <a:pt x="3009824" y="2445663"/>
                  <a:pt x="2988995" y="2451244"/>
                  <a:pt x="2972706" y="2441840"/>
                </a:cubicBezTo>
                <a:lnTo>
                  <a:pt x="2571581" y="2210250"/>
                </a:lnTo>
                <a:cubicBezTo>
                  <a:pt x="2555292" y="2200846"/>
                  <a:pt x="2549710" y="2180017"/>
                  <a:pt x="2559115" y="2163728"/>
                </a:cubicBezTo>
                <a:lnTo>
                  <a:pt x="2627229" y="2045750"/>
                </a:lnTo>
                <a:cubicBezTo>
                  <a:pt x="2631932" y="2037605"/>
                  <a:pt x="2639490" y="2032138"/>
                  <a:pt x="2647909" y="2029882"/>
                </a:cubicBezTo>
                <a:close/>
                <a:moveTo>
                  <a:pt x="539277" y="2029882"/>
                </a:moveTo>
                <a:cubicBezTo>
                  <a:pt x="547696" y="2032138"/>
                  <a:pt x="555255" y="2037605"/>
                  <a:pt x="559957" y="2045750"/>
                </a:cubicBezTo>
                <a:lnTo>
                  <a:pt x="628071" y="2163728"/>
                </a:lnTo>
                <a:cubicBezTo>
                  <a:pt x="637476" y="2180017"/>
                  <a:pt x="631895" y="2200846"/>
                  <a:pt x="615606" y="2210250"/>
                </a:cubicBezTo>
                <a:lnTo>
                  <a:pt x="214481" y="2441840"/>
                </a:lnTo>
                <a:cubicBezTo>
                  <a:pt x="198192" y="2451244"/>
                  <a:pt x="177363" y="2445663"/>
                  <a:pt x="167958" y="2429374"/>
                </a:cubicBezTo>
                <a:lnTo>
                  <a:pt x="99844" y="2311396"/>
                </a:lnTo>
                <a:cubicBezTo>
                  <a:pt x="90439" y="2295107"/>
                  <a:pt x="96020" y="2274278"/>
                  <a:pt x="112309" y="2264874"/>
                </a:cubicBezTo>
                <a:lnTo>
                  <a:pt x="513434" y="2033284"/>
                </a:lnTo>
                <a:cubicBezTo>
                  <a:pt x="521579" y="2028582"/>
                  <a:pt x="530858" y="2027626"/>
                  <a:pt x="539277" y="2029882"/>
                </a:cubicBezTo>
                <a:close/>
                <a:moveTo>
                  <a:pt x="3094879" y="918289"/>
                </a:moveTo>
                <a:cubicBezTo>
                  <a:pt x="3112554" y="911856"/>
                  <a:pt x="3132097" y="920969"/>
                  <a:pt x="3138531" y="938644"/>
                </a:cubicBezTo>
                <a:lnTo>
                  <a:pt x="3185124" y="1066657"/>
                </a:lnTo>
                <a:cubicBezTo>
                  <a:pt x="3191557" y="1084332"/>
                  <a:pt x="3182443" y="1103875"/>
                  <a:pt x="3164769" y="1110308"/>
                </a:cubicBezTo>
                <a:lnTo>
                  <a:pt x="2729523" y="1268725"/>
                </a:lnTo>
                <a:cubicBezTo>
                  <a:pt x="2711848" y="1275158"/>
                  <a:pt x="2692304" y="1266045"/>
                  <a:pt x="2685871" y="1248370"/>
                </a:cubicBezTo>
                <a:lnTo>
                  <a:pt x="2639278" y="1120357"/>
                </a:lnTo>
                <a:cubicBezTo>
                  <a:pt x="2632845" y="1102682"/>
                  <a:pt x="2641959" y="1083138"/>
                  <a:pt x="2659633" y="1076705"/>
                </a:cubicBezTo>
                <a:close/>
                <a:moveTo>
                  <a:pt x="92307" y="918289"/>
                </a:moveTo>
                <a:lnTo>
                  <a:pt x="527553" y="1076705"/>
                </a:lnTo>
                <a:cubicBezTo>
                  <a:pt x="545228" y="1083138"/>
                  <a:pt x="554341" y="1102682"/>
                  <a:pt x="547908" y="1120357"/>
                </a:cubicBezTo>
                <a:lnTo>
                  <a:pt x="501315" y="1248370"/>
                </a:lnTo>
                <a:cubicBezTo>
                  <a:pt x="494882" y="1266045"/>
                  <a:pt x="475338" y="1275158"/>
                  <a:pt x="457664" y="1268725"/>
                </a:cubicBezTo>
                <a:lnTo>
                  <a:pt x="22418" y="1110308"/>
                </a:lnTo>
                <a:cubicBezTo>
                  <a:pt x="4743" y="1103875"/>
                  <a:pt x="-4370" y="1084332"/>
                  <a:pt x="2063" y="1066657"/>
                </a:cubicBezTo>
                <a:lnTo>
                  <a:pt x="48656" y="938644"/>
                </a:lnTo>
                <a:cubicBezTo>
                  <a:pt x="55089" y="920969"/>
                  <a:pt x="74633" y="911856"/>
                  <a:pt x="92307" y="918289"/>
                </a:cubicBezTo>
                <a:close/>
                <a:moveTo>
                  <a:pt x="1593593" y="658644"/>
                </a:moveTo>
                <a:cubicBezTo>
                  <a:pt x="2116495" y="658644"/>
                  <a:pt x="2540391" y="1082540"/>
                  <a:pt x="2540391" y="1605442"/>
                </a:cubicBezTo>
                <a:cubicBezTo>
                  <a:pt x="2540391" y="2128344"/>
                  <a:pt x="2116495" y="2552240"/>
                  <a:pt x="1593593" y="2552240"/>
                </a:cubicBezTo>
                <a:cubicBezTo>
                  <a:pt x="1070691" y="2552240"/>
                  <a:pt x="646795" y="2128344"/>
                  <a:pt x="646795" y="1605442"/>
                </a:cubicBezTo>
                <a:cubicBezTo>
                  <a:pt x="646795" y="1082540"/>
                  <a:pt x="1070691" y="658644"/>
                  <a:pt x="1593593" y="658644"/>
                </a:cubicBezTo>
                <a:close/>
                <a:moveTo>
                  <a:pt x="2246117" y="1165"/>
                </a:moveTo>
                <a:cubicBezTo>
                  <a:pt x="2254536" y="-1090"/>
                  <a:pt x="2263815" y="-135"/>
                  <a:pt x="2271960" y="4568"/>
                </a:cubicBezTo>
                <a:lnTo>
                  <a:pt x="2389938" y="72682"/>
                </a:lnTo>
                <a:cubicBezTo>
                  <a:pt x="2406227" y="82087"/>
                  <a:pt x="2411808" y="102916"/>
                  <a:pt x="2402403" y="119205"/>
                </a:cubicBezTo>
                <a:lnTo>
                  <a:pt x="2170814" y="520330"/>
                </a:lnTo>
                <a:cubicBezTo>
                  <a:pt x="2161409" y="536619"/>
                  <a:pt x="2140580" y="542200"/>
                  <a:pt x="2124291" y="532795"/>
                </a:cubicBezTo>
                <a:lnTo>
                  <a:pt x="2006313" y="464681"/>
                </a:lnTo>
                <a:cubicBezTo>
                  <a:pt x="1990024" y="455276"/>
                  <a:pt x="1984443" y="434447"/>
                  <a:pt x="1993848" y="418158"/>
                </a:cubicBezTo>
                <a:lnTo>
                  <a:pt x="2225437" y="17033"/>
                </a:lnTo>
                <a:cubicBezTo>
                  <a:pt x="2230139" y="8889"/>
                  <a:pt x="2237698" y="3421"/>
                  <a:pt x="2246117" y="1165"/>
                </a:cubicBezTo>
                <a:close/>
                <a:moveTo>
                  <a:pt x="941069" y="1165"/>
                </a:moveTo>
                <a:cubicBezTo>
                  <a:pt x="949488" y="3421"/>
                  <a:pt x="957047" y="8889"/>
                  <a:pt x="961749" y="17033"/>
                </a:cubicBezTo>
                <a:lnTo>
                  <a:pt x="1193338" y="418158"/>
                </a:lnTo>
                <a:cubicBezTo>
                  <a:pt x="1202743" y="434447"/>
                  <a:pt x="1197162" y="455276"/>
                  <a:pt x="1180873" y="464681"/>
                </a:cubicBezTo>
                <a:lnTo>
                  <a:pt x="1062895" y="532795"/>
                </a:lnTo>
                <a:cubicBezTo>
                  <a:pt x="1046606" y="542200"/>
                  <a:pt x="1025777" y="536619"/>
                  <a:pt x="1016372" y="520330"/>
                </a:cubicBezTo>
                <a:lnTo>
                  <a:pt x="784783" y="119205"/>
                </a:lnTo>
                <a:cubicBezTo>
                  <a:pt x="775378" y="102916"/>
                  <a:pt x="780959" y="82087"/>
                  <a:pt x="797248" y="72682"/>
                </a:cubicBezTo>
                <a:lnTo>
                  <a:pt x="915226" y="4568"/>
                </a:lnTo>
                <a:cubicBezTo>
                  <a:pt x="923371" y="-135"/>
                  <a:pt x="932650" y="-1090"/>
                  <a:pt x="941069" y="1165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2" name="Rectangle 23">
            <a:extLst>
              <a:ext uri="{FF2B5EF4-FFF2-40B4-BE49-F238E27FC236}">
                <a16:creationId xmlns:a16="http://schemas.microsoft.com/office/drawing/2014/main" id="{D1D013BE-5839-41BC-BC72-D7D6A426C477}"/>
              </a:ext>
            </a:extLst>
          </p:cNvPr>
          <p:cNvSpPr/>
          <p:nvPr/>
        </p:nvSpPr>
        <p:spPr>
          <a:xfrm>
            <a:off x="5963174" y="5716474"/>
            <a:ext cx="691882" cy="445892"/>
          </a:xfrm>
          <a:custGeom>
            <a:avLst/>
            <a:gdLst/>
            <a:ahLst/>
            <a:cxnLst/>
            <a:rect l="l" t="t" r="r" b="b"/>
            <a:pathLst>
              <a:path w="3224845" h="2078296">
                <a:moveTo>
                  <a:pt x="1153236" y="427959"/>
                </a:moveTo>
                <a:cubicBezTo>
                  <a:pt x="1348431" y="427959"/>
                  <a:pt x="1521080" y="524490"/>
                  <a:pt x="1617434" y="678532"/>
                </a:cubicBezTo>
                <a:cubicBezTo>
                  <a:pt x="1678138" y="623092"/>
                  <a:pt x="1759417" y="592820"/>
                  <a:pt x="1847771" y="592820"/>
                </a:cubicBezTo>
                <a:cubicBezTo>
                  <a:pt x="2039655" y="592820"/>
                  <a:pt x="2198190" y="735609"/>
                  <a:pt x="2216233" y="921620"/>
                </a:cubicBezTo>
                <a:cubicBezTo>
                  <a:pt x="2219548" y="919625"/>
                  <a:pt x="2222903" y="919594"/>
                  <a:pt x="2226267" y="919594"/>
                </a:cubicBezTo>
                <a:cubicBezTo>
                  <a:pt x="2546231" y="919594"/>
                  <a:pt x="2805617" y="1178981"/>
                  <a:pt x="2805617" y="1498945"/>
                </a:cubicBezTo>
                <a:cubicBezTo>
                  <a:pt x="2805617" y="1801051"/>
                  <a:pt x="2574378" y="2049153"/>
                  <a:pt x="2279216" y="2075622"/>
                </a:cubicBezTo>
                <a:lnTo>
                  <a:pt x="2279216" y="2078296"/>
                </a:lnTo>
                <a:lnTo>
                  <a:pt x="2226267" y="2078296"/>
                </a:lnTo>
                <a:lnTo>
                  <a:pt x="646561" y="2078296"/>
                </a:lnTo>
                <a:lnTo>
                  <a:pt x="646561" y="2073975"/>
                </a:lnTo>
                <a:cubicBezTo>
                  <a:pt x="624550" y="2076984"/>
                  <a:pt x="602103" y="2078296"/>
                  <a:pt x="579350" y="2078296"/>
                </a:cubicBezTo>
                <a:cubicBezTo>
                  <a:pt x="259386" y="2078296"/>
                  <a:pt x="0" y="1818910"/>
                  <a:pt x="0" y="1498945"/>
                </a:cubicBezTo>
                <a:cubicBezTo>
                  <a:pt x="0" y="1178981"/>
                  <a:pt x="259386" y="919594"/>
                  <a:pt x="579350" y="919594"/>
                </a:cubicBezTo>
                <a:lnTo>
                  <a:pt x="591118" y="921972"/>
                </a:lnTo>
                <a:cubicBezTo>
                  <a:pt x="622324" y="641639"/>
                  <a:pt x="862826" y="427959"/>
                  <a:pt x="1153236" y="427959"/>
                </a:cubicBezTo>
                <a:close/>
                <a:moveTo>
                  <a:pt x="1844671" y="0"/>
                </a:moveTo>
                <a:cubicBezTo>
                  <a:pt x="2007709" y="0"/>
                  <a:pt x="2151917" y="80629"/>
                  <a:pt x="2232398" y="209295"/>
                </a:cubicBezTo>
                <a:cubicBezTo>
                  <a:pt x="2283102" y="162988"/>
                  <a:pt x="2350992" y="137703"/>
                  <a:pt x="2424790" y="137703"/>
                </a:cubicBezTo>
                <a:cubicBezTo>
                  <a:pt x="2585064" y="137703"/>
                  <a:pt x="2717483" y="256969"/>
                  <a:pt x="2732554" y="412337"/>
                </a:cubicBezTo>
                <a:cubicBezTo>
                  <a:pt x="2735322" y="410671"/>
                  <a:pt x="2738125" y="410646"/>
                  <a:pt x="2740934" y="410646"/>
                </a:cubicBezTo>
                <a:cubicBezTo>
                  <a:pt x="3008189" y="410646"/>
                  <a:pt x="3224845" y="627302"/>
                  <a:pt x="3224845" y="894557"/>
                </a:cubicBezTo>
                <a:cubicBezTo>
                  <a:pt x="3224845" y="1096996"/>
                  <a:pt x="3100535" y="1270403"/>
                  <a:pt x="2923312" y="1340619"/>
                </a:cubicBezTo>
                <a:cubicBezTo>
                  <a:pt x="2866347" y="1049229"/>
                  <a:pt x="2609521" y="829523"/>
                  <a:pt x="2301383" y="829523"/>
                </a:cubicBezTo>
                <a:cubicBezTo>
                  <a:pt x="2297701" y="829523"/>
                  <a:pt x="2294026" y="829557"/>
                  <a:pt x="2290397" y="831741"/>
                </a:cubicBezTo>
                <a:cubicBezTo>
                  <a:pt x="2270640" y="628070"/>
                  <a:pt x="2097054" y="471725"/>
                  <a:pt x="1886953" y="471725"/>
                </a:cubicBezTo>
                <a:cubicBezTo>
                  <a:pt x="1790211" y="471725"/>
                  <a:pt x="1701214" y="504871"/>
                  <a:pt x="1634747" y="565575"/>
                </a:cubicBezTo>
                <a:cubicBezTo>
                  <a:pt x="1575570" y="470966"/>
                  <a:pt x="1490108" y="396171"/>
                  <a:pt x="1388252" y="349790"/>
                </a:cubicBezTo>
                <a:cubicBezTo>
                  <a:pt x="1438607" y="147092"/>
                  <a:pt x="1624461" y="0"/>
                  <a:pt x="1844671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3" name="Oval 31">
            <a:extLst>
              <a:ext uri="{FF2B5EF4-FFF2-40B4-BE49-F238E27FC236}">
                <a16:creationId xmlns:a16="http://schemas.microsoft.com/office/drawing/2014/main" id="{F2B4C20E-6F83-4700-819A-B889CC4F8028}"/>
              </a:ext>
            </a:extLst>
          </p:cNvPr>
          <p:cNvSpPr/>
          <p:nvPr/>
        </p:nvSpPr>
        <p:spPr>
          <a:xfrm>
            <a:off x="6939606" y="5653380"/>
            <a:ext cx="579873" cy="572083"/>
          </a:xfrm>
          <a:custGeom>
            <a:avLst/>
            <a:gdLst/>
            <a:ahLst/>
            <a:cxnLst/>
            <a:rect l="l" t="t" r="r" b="b"/>
            <a:pathLst>
              <a:path w="3240076" h="3196551">
                <a:moveTo>
                  <a:pt x="2810300" y="1617710"/>
                </a:moveTo>
                <a:cubicBezTo>
                  <a:pt x="2817009" y="1615912"/>
                  <a:pt x="2824405" y="1616674"/>
                  <a:pt x="2830895" y="1620421"/>
                </a:cubicBezTo>
                <a:lnTo>
                  <a:pt x="3150571" y="1804986"/>
                </a:lnTo>
                <a:cubicBezTo>
                  <a:pt x="3163552" y="1812480"/>
                  <a:pt x="3168000" y="1829080"/>
                  <a:pt x="3160506" y="1842062"/>
                </a:cubicBezTo>
                <a:lnTo>
                  <a:pt x="3106222" y="1936084"/>
                </a:lnTo>
                <a:cubicBezTo>
                  <a:pt x="3098727" y="1949065"/>
                  <a:pt x="3082128" y="1953513"/>
                  <a:pt x="3069146" y="1946019"/>
                </a:cubicBezTo>
                <a:lnTo>
                  <a:pt x="2749470" y="1761453"/>
                </a:lnTo>
                <a:cubicBezTo>
                  <a:pt x="2736489" y="1753959"/>
                  <a:pt x="2732040" y="1737359"/>
                  <a:pt x="2739536" y="1724378"/>
                </a:cubicBezTo>
                <a:lnTo>
                  <a:pt x="2793819" y="1630356"/>
                </a:lnTo>
                <a:cubicBezTo>
                  <a:pt x="2797567" y="1623864"/>
                  <a:pt x="2803590" y="1619508"/>
                  <a:pt x="2810300" y="1617710"/>
                </a:cubicBezTo>
                <a:close/>
                <a:moveTo>
                  <a:pt x="1308278" y="1324343"/>
                </a:moveTo>
                <a:cubicBezTo>
                  <a:pt x="1529714" y="1324343"/>
                  <a:pt x="1725574" y="1433852"/>
                  <a:pt x="1834882" y="1608603"/>
                </a:cubicBezTo>
                <a:cubicBezTo>
                  <a:pt x="1903747" y="1545710"/>
                  <a:pt x="1995954" y="1511368"/>
                  <a:pt x="2096186" y="1511368"/>
                </a:cubicBezTo>
                <a:cubicBezTo>
                  <a:pt x="2313867" y="1511368"/>
                  <a:pt x="2493715" y="1673353"/>
                  <a:pt x="2514185" y="1884371"/>
                </a:cubicBezTo>
                <a:cubicBezTo>
                  <a:pt x="2517944" y="1882108"/>
                  <a:pt x="2521751" y="1882074"/>
                  <a:pt x="2525567" y="1882074"/>
                </a:cubicBezTo>
                <a:cubicBezTo>
                  <a:pt x="2888547" y="1882074"/>
                  <a:pt x="3182805" y="2176332"/>
                  <a:pt x="3182805" y="2539312"/>
                </a:cubicBezTo>
                <a:cubicBezTo>
                  <a:pt x="3182805" y="2882034"/>
                  <a:pt x="2920478" y="3163490"/>
                  <a:pt x="2585635" y="3193518"/>
                </a:cubicBezTo>
                <a:lnTo>
                  <a:pt x="2585635" y="3196551"/>
                </a:lnTo>
                <a:lnTo>
                  <a:pt x="2525567" y="3196551"/>
                </a:lnTo>
                <a:lnTo>
                  <a:pt x="733485" y="3196551"/>
                </a:lnTo>
                <a:lnTo>
                  <a:pt x="733485" y="3191649"/>
                </a:lnTo>
                <a:cubicBezTo>
                  <a:pt x="708515" y="3195063"/>
                  <a:pt x="683050" y="3196551"/>
                  <a:pt x="657239" y="3196551"/>
                </a:cubicBezTo>
                <a:cubicBezTo>
                  <a:pt x="294258" y="3196551"/>
                  <a:pt x="0" y="2902293"/>
                  <a:pt x="0" y="2539312"/>
                </a:cubicBezTo>
                <a:cubicBezTo>
                  <a:pt x="0" y="2176332"/>
                  <a:pt x="294258" y="1882074"/>
                  <a:pt x="657239" y="1882074"/>
                </a:cubicBezTo>
                <a:lnTo>
                  <a:pt x="670588" y="1884770"/>
                </a:lnTo>
                <a:cubicBezTo>
                  <a:pt x="705989" y="1566750"/>
                  <a:pt x="978825" y="1324343"/>
                  <a:pt x="1308278" y="1324343"/>
                </a:cubicBezTo>
                <a:close/>
                <a:moveTo>
                  <a:pt x="3166512" y="731828"/>
                </a:moveTo>
                <a:cubicBezTo>
                  <a:pt x="3180598" y="726701"/>
                  <a:pt x="3196172" y="733964"/>
                  <a:pt x="3201300" y="748050"/>
                </a:cubicBezTo>
                <a:lnTo>
                  <a:pt x="3238432" y="850070"/>
                </a:lnTo>
                <a:cubicBezTo>
                  <a:pt x="3243559" y="864156"/>
                  <a:pt x="3236295" y="879731"/>
                  <a:pt x="3222210" y="884857"/>
                </a:cubicBezTo>
                <a:lnTo>
                  <a:pt x="2875342" y="1011107"/>
                </a:lnTo>
                <a:cubicBezTo>
                  <a:pt x="2861256" y="1016234"/>
                  <a:pt x="2845680" y="1008972"/>
                  <a:pt x="2840554" y="994886"/>
                </a:cubicBezTo>
                <a:lnTo>
                  <a:pt x="2803421" y="892866"/>
                </a:lnTo>
                <a:cubicBezTo>
                  <a:pt x="2798295" y="878780"/>
                  <a:pt x="2805558" y="863204"/>
                  <a:pt x="2819643" y="858077"/>
                </a:cubicBezTo>
                <a:close/>
                <a:moveTo>
                  <a:pt x="773619" y="731828"/>
                </a:moveTo>
                <a:lnTo>
                  <a:pt x="1120487" y="858077"/>
                </a:lnTo>
                <a:cubicBezTo>
                  <a:pt x="1134573" y="863204"/>
                  <a:pt x="1141836" y="878780"/>
                  <a:pt x="1136709" y="892866"/>
                </a:cubicBezTo>
                <a:lnTo>
                  <a:pt x="1099577" y="994886"/>
                </a:lnTo>
                <a:cubicBezTo>
                  <a:pt x="1094450" y="1008972"/>
                  <a:pt x="1078875" y="1016234"/>
                  <a:pt x="1064789" y="1011107"/>
                </a:cubicBezTo>
                <a:lnTo>
                  <a:pt x="717921" y="884857"/>
                </a:lnTo>
                <a:cubicBezTo>
                  <a:pt x="703835" y="879731"/>
                  <a:pt x="696572" y="864156"/>
                  <a:pt x="701699" y="850070"/>
                </a:cubicBezTo>
                <a:lnTo>
                  <a:pt x="738831" y="748050"/>
                </a:lnTo>
                <a:cubicBezTo>
                  <a:pt x="743958" y="733964"/>
                  <a:pt x="759534" y="726701"/>
                  <a:pt x="773619" y="731828"/>
                </a:cubicBezTo>
                <a:close/>
                <a:moveTo>
                  <a:pt x="1970065" y="524905"/>
                </a:moveTo>
                <a:cubicBezTo>
                  <a:pt x="2386791" y="524905"/>
                  <a:pt x="2724614" y="862728"/>
                  <a:pt x="2724614" y="1279453"/>
                </a:cubicBezTo>
                <a:cubicBezTo>
                  <a:pt x="2724614" y="1453368"/>
                  <a:pt x="2665775" y="1613540"/>
                  <a:pt x="2564463" y="1739247"/>
                </a:cubicBezTo>
                <a:cubicBezTo>
                  <a:pt x="2529951" y="1545877"/>
                  <a:pt x="2358485" y="1402176"/>
                  <a:pt x="2153457" y="1402176"/>
                </a:cubicBezTo>
                <a:cubicBezTo>
                  <a:pt x="2053225" y="1402176"/>
                  <a:pt x="1961018" y="1436518"/>
                  <a:pt x="1892153" y="1499411"/>
                </a:cubicBezTo>
                <a:cubicBezTo>
                  <a:pt x="1782845" y="1324660"/>
                  <a:pt x="1586985" y="1215151"/>
                  <a:pt x="1365549" y="1215151"/>
                </a:cubicBezTo>
                <a:cubicBezTo>
                  <a:pt x="1314582" y="1215151"/>
                  <a:pt x="1264970" y="1220953"/>
                  <a:pt x="1217820" y="1233835"/>
                </a:cubicBezTo>
                <a:cubicBezTo>
                  <a:pt x="1240489" y="838320"/>
                  <a:pt x="1568676" y="524905"/>
                  <a:pt x="1970065" y="524905"/>
                </a:cubicBezTo>
                <a:close/>
                <a:moveTo>
                  <a:pt x="2490093" y="928"/>
                </a:moveTo>
                <a:cubicBezTo>
                  <a:pt x="2496802" y="-869"/>
                  <a:pt x="2504197" y="-108"/>
                  <a:pt x="2510688" y="3640"/>
                </a:cubicBezTo>
                <a:lnTo>
                  <a:pt x="2604711" y="57924"/>
                </a:lnTo>
                <a:cubicBezTo>
                  <a:pt x="2617692" y="65419"/>
                  <a:pt x="2622140" y="82019"/>
                  <a:pt x="2614644" y="95000"/>
                </a:cubicBezTo>
                <a:lnTo>
                  <a:pt x="2430080" y="414676"/>
                </a:lnTo>
                <a:cubicBezTo>
                  <a:pt x="2422585" y="427657"/>
                  <a:pt x="2405985" y="432105"/>
                  <a:pt x="2393004" y="424610"/>
                </a:cubicBezTo>
                <a:lnTo>
                  <a:pt x="2298982" y="370326"/>
                </a:lnTo>
                <a:cubicBezTo>
                  <a:pt x="2286000" y="362831"/>
                  <a:pt x="2281552" y="346232"/>
                  <a:pt x="2289048" y="333250"/>
                </a:cubicBezTo>
                <a:lnTo>
                  <a:pt x="2473612" y="13574"/>
                </a:lnTo>
                <a:cubicBezTo>
                  <a:pt x="2477359" y="7084"/>
                  <a:pt x="2483383" y="2726"/>
                  <a:pt x="2490093" y="928"/>
                </a:cubicBezTo>
                <a:close/>
                <a:moveTo>
                  <a:pt x="1450038" y="928"/>
                </a:moveTo>
                <a:cubicBezTo>
                  <a:pt x="1456747" y="2726"/>
                  <a:pt x="1462771" y="7084"/>
                  <a:pt x="1466519" y="13574"/>
                </a:cubicBezTo>
                <a:lnTo>
                  <a:pt x="1651083" y="333250"/>
                </a:lnTo>
                <a:cubicBezTo>
                  <a:pt x="1658578" y="346232"/>
                  <a:pt x="1654131" y="362831"/>
                  <a:pt x="1641149" y="370326"/>
                </a:cubicBezTo>
                <a:lnTo>
                  <a:pt x="1547127" y="424610"/>
                </a:lnTo>
                <a:cubicBezTo>
                  <a:pt x="1534145" y="432105"/>
                  <a:pt x="1517546" y="427657"/>
                  <a:pt x="1510050" y="414676"/>
                </a:cubicBezTo>
                <a:lnTo>
                  <a:pt x="1325486" y="95000"/>
                </a:lnTo>
                <a:cubicBezTo>
                  <a:pt x="1317991" y="82019"/>
                  <a:pt x="1322439" y="65419"/>
                  <a:pt x="1335420" y="57924"/>
                </a:cubicBezTo>
                <a:lnTo>
                  <a:pt x="1429442" y="3640"/>
                </a:lnTo>
                <a:cubicBezTo>
                  <a:pt x="1435933" y="-108"/>
                  <a:pt x="1443328" y="-869"/>
                  <a:pt x="1450038" y="928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4" name="Teardrop 17">
            <a:extLst>
              <a:ext uri="{FF2B5EF4-FFF2-40B4-BE49-F238E27FC236}">
                <a16:creationId xmlns:a16="http://schemas.microsoft.com/office/drawing/2014/main" id="{04CFE412-7B77-4FD8-A796-DE7E55B89403}"/>
              </a:ext>
            </a:extLst>
          </p:cNvPr>
          <p:cNvSpPr/>
          <p:nvPr/>
        </p:nvSpPr>
        <p:spPr>
          <a:xfrm rot="18900000">
            <a:off x="5204982" y="5698880"/>
            <a:ext cx="473640" cy="481082"/>
          </a:xfrm>
          <a:custGeom>
            <a:avLst/>
            <a:gdLst/>
            <a:ahLst/>
            <a:cxnLst/>
            <a:rect l="l" t="t" r="r" b="b"/>
            <a:pathLst>
              <a:path w="2646489" h="2688071">
                <a:moveTo>
                  <a:pt x="306023" y="2382048"/>
                </a:moveTo>
                <a:cubicBezTo>
                  <a:pt x="271732" y="2441625"/>
                  <a:pt x="254586" y="2501201"/>
                  <a:pt x="254586" y="2560778"/>
                </a:cubicBezTo>
                <a:cubicBezTo>
                  <a:pt x="254586" y="2631080"/>
                  <a:pt x="197595" y="2688071"/>
                  <a:pt x="127293" y="2688071"/>
                </a:cubicBezTo>
                <a:cubicBezTo>
                  <a:pt x="56991" y="2688071"/>
                  <a:pt x="0" y="2631081"/>
                  <a:pt x="0" y="2560778"/>
                </a:cubicBezTo>
                <a:cubicBezTo>
                  <a:pt x="0" y="2490477"/>
                  <a:pt x="56991" y="2433485"/>
                  <a:pt x="127293" y="2433485"/>
                </a:cubicBezTo>
                <a:cubicBezTo>
                  <a:pt x="186870" y="2433486"/>
                  <a:pt x="246446" y="2416340"/>
                  <a:pt x="306023" y="2382048"/>
                </a:cubicBezTo>
                <a:close/>
                <a:moveTo>
                  <a:pt x="812224" y="2334103"/>
                </a:moveTo>
                <a:cubicBezTo>
                  <a:pt x="777933" y="2393681"/>
                  <a:pt x="760787" y="2453256"/>
                  <a:pt x="760787" y="2512834"/>
                </a:cubicBezTo>
                <a:cubicBezTo>
                  <a:pt x="760787" y="2583136"/>
                  <a:pt x="703796" y="2640127"/>
                  <a:pt x="633494" y="2640127"/>
                </a:cubicBezTo>
                <a:cubicBezTo>
                  <a:pt x="563192" y="2640127"/>
                  <a:pt x="506201" y="2583136"/>
                  <a:pt x="506201" y="2512834"/>
                </a:cubicBezTo>
                <a:cubicBezTo>
                  <a:pt x="506201" y="2442532"/>
                  <a:pt x="563192" y="2385541"/>
                  <a:pt x="633494" y="2385541"/>
                </a:cubicBezTo>
                <a:cubicBezTo>
                  <a:pt x="693071" y="2385540"/>
                  <a:pt x="752647" y="2368395"/>
                  <a:pt x="812224" y="2334103"/>
                </a:cubicBezTo>
                <a:close/>
                <a:moveTo>
                  <a:pt x="353968" y="1875848"/>
                </a:moveTo>
                <a:cubicBezTo>
                  <a:pt x="319677" y="1935424"/>
                  <a:pt x="302531" y="1995001"/>
                  <a:pt x="302530" y="2054578"/>
                </a:cubicBezTo>
                <a:cubicBezTo>
                  <a:pt x="302530" y="2124880"/>
                  <a:pt x="245539" y="2181871"/>
                  <a:pt x="175237" y="2181871"/>
                </a:cubicBezTo>
                <a:cubicBezTo>
                  <a:pt x="104935" y="2181871"/>
                  <a:pt x="47945" y="2124880"/>
                  <a:pt x="47944" y="2054578"/>
                </a:cubicBezTo>
                <a:cubicBezTo>
                  <a:pt x="47944" y="1984276"/>
                  <a:pt x="104935" y="1927285"/>
                  <a:pt x="175237" y="1927285"/>
                </a:cubicBezTo>
                <a:cubicBezTo>
                  <a:pt x="234815" y="1927285"/>
                  <a:pt x="294391" y="1910139"/>
                  <a:pt x="353968" y="1875848"/>
                </a:cubicBezTo>
                <a:close/>
                <a:moveTo>
                  <a:pt x="401912" y="1369646"/>
                </a:moveTo>
                <a:cubicBezTo>
                  <a:pt x="367621" y="1429223"/>
                  <a:pt x="350475" y="1488799"/>
                  <a:pt x="350475" y="1548377"/>
                </a:cubicBezTo>
                <a:cubicBezTo>
                  <a:pt x="350475" y="1618679"/>
                  <a:pt x="293484" y="1675670"/>
                  <a:pt x="223182" y="1675670"/>
                </a:cubicBezTo>
                <a:cubicBezTo>
                  <a:pt x="152880" y="1675670"/>
                  <a:pt x="95889" y="1618679"/>
                  <a:pt x="95889" y="1548377"/>
                </a:cubicBezTo>
                <a:cubicBezTo>
                  <a:pt x="95889" y="1478075"/>
                  <a:pt x="152880" y="1421084"/>
                  <a:pt x="223182" y="1421084"/>
                </a:cubicBezTo>
                <a:cubicBezTo>
                  <a:pt x="282759" y="1421084"/>
                  <a:pt x="342335" y="1403938"/>
                  <a:pt x="401912" y="1369646"/>
                </a:cubicBezTo>
                <a:close/>
                <a:moveTo>
                  <a:pt x="1318425" y="2286158"/>
                </a:moveTo>
                <a:cubicBezTo>
                  <a:pt x="1284134" y="2345735"/>
                  <a:pt x="1266988" y="2405312"/>
                  <a:pt x="1266987" y="2464888"/>
                </a:cubicBezTo>
                <a:cubicBezTo>
                  <a:pt x="1266987" y="2535190"/>
                  <a:pt x="1209996" y="2592182"/>
                  <a:pt x="1139694" y="2592182"/>
                </a:cubicBezTo>
                <a:cubicBezTo>
                  <a:pt x="1069392" y="2592182"/>
                  <a:pt x="1012402" y="2535191"/>
                  <a:pt x="1012401" y="2464888"/>
                </a:cubicBezTo>
                <a:cubicBezTo>
                  <a:pt x="1012401" y="2394586"/>
                  <a:pt x="1069392" y="2337595"/>
                  <a:pt x="1139694" y="2337595"/>
                </a:cubicBezTo>
                <a:cubicBezTo>
                  <a:pt x="1199271" y="2337596"/>
                  <a:pt x="1258848" y="2320449"/>
                  <a:pt x="1318425" y="2286158"/>
                </a:cubicBezTo>
                <a:close/>
                <a:moveTo>
                  <a:pt x="860169" y="1827902"/>
                </a:moveTo>
                <a:cubicBezTo>
                  <a:pt x="825878" y="1887479"/>
                  <a:pt x="808731" y="1947056"/>
                  <a:pt x="808731" y="2006633"/>
                </a:cubicBezTo>
                <a:cubicBezTo>
                  <a:pt x="808731" y="2076935"/>
                  <a:pt x="751740" y="2133926"/>
                  <a:pt x="681438" y="2133926"/>
                </a:cubicBezTo>
                <a:cubicBezTo>
                  <a:pt x="611136" y="2133926"/>
                  <a:pt x="554146" y="2076935"/>
                  <a:pt x="554145" y="2006633"/>
                </a:cubicBezTo>
                <a:cubicBezTo>
                  <a:pt x="554145" y="1936331"/>
                  <a:pt x="611136" y="1879340"/>
                  <a:pt x="681438" y="1879340"/>
                </a:cubicBezTo>
                <a:cubicBezTo>
                  <a:pt x="741015" y="1879340"/>
                  <a:pt x="800591" y="1862193"/>
                  <a:pt x="860169" y="1827902"/>
                </a:cubicBezTo>
                <a:close/>
                <a:moveTo>
                  <a:pt x="2096803" y="190871"/>
                </a:moveTo>
                <a:cubicBezTo>
                  <a:pt x="2253382" y="347450"/>
                  <a:pt x="2314442" y="563378"/>
                  <a:pt x="2268166" y="764238"/>
                </a:cubicBezTo>
                <a:cubicBezTo>
                  <a:pt x="2361334" y="768461"/>
                  <a:pt x="2450817" y="809378"/>
                  <a:pt x="2521691" y="880252"/>
                </a:cubicBezTo>
                <a:cubicBezTo>
                  <a:pt x="2675615" y="1034176"/>
                  <a:pt x="2688247" y="1275888"/>
                  <a:pt x="2553508" y="1439575"/>
                </a:cubicBezTo>
                <a:cubicBezTo>
                  <a:pt x="2557767" y="1440633"/>
                  <a:pt x="2560483" y="1443301"/>
                  <a:pt x="2563181" y="1445999"/>
                </a:cubicBezTo>
                <a:cubicBezTo>
                  <a:pt x="2819847" y="1702665"/>
                  <a:pt x="2819847" y="2118808"/>
                  <a:pt x="2563181" y="2375474"/>
                </a:cubicBezTo>
                <a:cubicBezTo>
                  <a:pt x="2320841" y="2617815"/>
                  <a:pt x="1936328" y="2631341"/>
                  <a:pt x="1678325" y="2415804"/>
                </a:cubicBezTo>
                <a:lnTo>
                  <a:pt x="1676180" y="2417949"/>
                </a:lnTo>
                <a:lnTo>
                  <a:pt x="1633705" y="2375475"/>
                </a:lnTo>
                <a:lnTo>
                  <a:pt x="366513" y="1108282"/>
                </a:lnTo>
                <a:lnTo>
                  <a:pt x="369979" y="1104815"/>
                </a:lnTo>
                <a:cubicBezTo>
                  <a:pt x="349908" y="1089573"/>
                  <a:pt x="330850" y="1072619"/>
                  <a:pt x="312598" y="1054367"/>
                </a:cubicBezTo>
                <a:cubicBezTo>
                  <a:pt x="55932" y="797701"/>
                  <a:pt x="55932" y="381558"/>
                  <a:pt x="312598" y="124891"/>
                </a:cubicBezTo>
                <a:cubicBezTo>
                  <a:pt x="569264" y="-131775"/>
                  <a:pt x="985408" y="-131775"/>
                  <a:pt x="1242074" y="124891"/>
                </a:cubicBezTo>
                <a:lnTo>
                  <a:pt x="1249606" y="136238"/>
                </a:lnTo>
                <a:cubicBezTo>
                  <a:pt x="1499513" y="-63604"/>
                  <a:pt x="1863845" y="-42087"/>
                  <a:pt x="2096803" y="190871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5" name="Rectangle 23">
            <a:extLst>
              <a:ext uri="{FF2B5EF4-FFF2-40B4-BE49-F238E27FC236}">
                <a16:creationId xmlns:a16="http://schemas.microsoft.com/office/drawing/2014/main" id="{2246F171-72B7-42E7-B6C0-D78C12504E9B}"/>
              </a:ext>
            </a:extLst>
          </p:cNvPr>
          <p:cNvSpPr/>
          <p:nvPr/>
        </p:nvSpPr>
        <p:spPr>
          <a:xfrm>
            <a:off x="7804030" y="5649492"/>
            <a:ext cx="576449" cy="579858"/>
          </a:xfrm>
          <a:custGeom>
            <a:avLst/>
            <a:gdLst/>
            <a:ahLst/>
            <a:cxnLst/>
            <a:rect l="l" t="t" r="r" b="b"/>
            <a:pathLst>
              <a:path w="3220951" h="3240001">
                <a:moveTo>
                  <a:pt x="1308278" y="1367793"/>
                </a:moveTo>
                <a:cubicBezTo>
                  <a:pt x="1529714" y="1367793"/>
                  <a:pt x="1725574" y="1477302"/>
                  <a:pt x="1834882" y="1652053"/>
                </a:cubicBezTo>
                <a:cubicBezTo>
                  <a:pt x="1903747" y="1589160"/>
                  <a:pt x="1995954" y="1554818"/>
                  <a:pt x="2096186" y="1554818"/>
                </a:cubicBezTo>
                <a:cubicBezTo>
                  <a:pt x="2313867" y="1554818"/>
                  <a:pt x="2493715" y="1716803"/>
                  <a:pt x="2514185" y="1927821"/>
                </a:cubicBezTo>
                <a:cubicBezTo>
                  <a:pt x="2517944" y="1925558"/>
                  <a:pt x="2521751" y="1925524"/>
                  <a:pt x="2525567" y="1925524"/>
                </a:cubicBezTo>
                <a:cubicBezTo>
                  <a:pt x="2888547" y="1925524"/>
                  <a:pt x="3182805" y="2219782"/>
                  <a:pt x="3182805" y="2582762"/>
                </a:cubicBezTo>
                <a:cubicBezTo>
                  <a:pt x="3182805" y="2925484"/>
                  <a:pt x="2920478" y="3206940"/>
                  <a:pt x="2585635" y="3236968"/>
                </a:cubicBezTo>
                <a:lnTo>
                  <a:pt x="2585635" y="3240001"/>
                </a:lnTo>
                <a:lnTo>
                  <a:pt x="2525567" y="3240001"/>
                </a:lnTo>
                <a:lnTo>
                  <a:pt x="733485" y="3240001"/>
                </a:lnTo>
                <a:lnTo>
                  <a:pt x="733485" y="3235099"/>
                </a:lnTo>
                <a:cubicBezTo>
                  <a:pt x="708515" y="3238513"/>
                  <a:pt x="683051" y="3240001"/>
                  <a:pt x="657239" y="3240001"/>
                </a:cubicBezTo>
                <a:cubicBezTo>
                  <a:pt x="294258" y="3240001"/>
                  <a:pt x="0" y="2945743"/>
                  <a:pt x="0" y="2582762"/>
                </a:cubicBezTo>
                <a:cubicBezTo>
                  <a:pt x="0" y="2219782"/>
                  <a:pt x="294258" y="1925524"/>
                  <a:pt x="657239" y="1925524"/>
                </a:cubicBezTo>
                <a:lnTo>
                  <a:pt x="670588" y="1928221"/>
                </a:lnTo>
                <a:cubicBezTo>
                  <a:pt x="705989" y="1610200"/>
                  <a:pt x="978825" y="1367793"/>
                  <a:pt x="1308278" y="1367793"/>
                </a:cubicBezTo>
                <a:close/>
                <a:moveTo>
                  <a:pt x="1589786" y="0"/>
                </a:moveTo>
                <a:cubicBezTo>
                  <a:pt x="1520182" y="453314"/>
                  <a:pt x="1668069" y="912942"/>
                  <a:pt x="1988957" y="1240613"/>
                </a:cubicBezTo>
                <a:cubicBezTo>
                  <a:pt x="2309845" y="1568285"/>
                  <a:pt x="2766281" y="1725754"/>
                  <a:pt x="3220951" y="1665645"/>
                </a:cubicBezTo>
                <a:cubicBezTo>
                  <a:pt x="3108976" y="1775302"/>
                  <a:pt x="2980523" y="1857805"/>
                  <a:pt x="2843553" y="1912752"/>
                </a:cubicBezTo>
                <a:cubicBezTo>
                  <a:pt x="2756367" y="1866073"/>
                  <a:pt x="2656598" y="1841175"/>
                  <a:pt x="2551012" y="1841175"/>
                </a:cubicBezTo>
                <a:cubicBezTo>
                  <a:pt x="2547197" y="1841176"/>
                  <a:pt x="2543390" y="1841210"/>
                  <a:pt x="2539631" y="1843473"/>
                </a:cubicBezTo>
                <a:cubicBezTo>
                  <a:pt x="2519161" y="1632454"/>
                  <a:pt x="2339312" y="1470470"/>
                  <a:pt x="2121631" y="1470470"/>
                </a:cubicBezTo>
                <a:cubicBezTo>
                  <a:pt x="2021400" y="1470470"/>
                  <a:pt x="1929192" y="1504812"/>
                  <a:pt x="1860327" y="1567705"/>
                </a:cubicBezTo>
                <a:cubicBezTo>
                  <a:pt x="1751020" y="1392954"/>
                  <a:pt x="1555160" y="1283445"/>
                  <a:pt x="1333723" y="1283445"/>
                </a:cubicBezTo>
                <a:lnTo>
                  <a:pt x="1331160" y="1283679"/>
                </a:lnTo>
                <a:cubicBezTo>
                  <a:pt x="1150898" y="856385"/>
                  <a:pt x="1238290" y="344219"/>
                  <a:pt x="1589786" y="0"/>
                </a:cubicBez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6" name="Round Same Side Corner Rectangle 8">
            <a:extLst>
              <a:ext uri="{FF2B5EF4-FFF2-40B4-BE49-F238E27FC236}">
                <a16:creationId xmlns:a16="http://schemas.microsoft.com/office/drawing/2014/main" id="{DB67113F-D303-42DA-95BD-610BBED8BE92}"/>
              </a:ext>
            </a:extLst>
          </p:cNvPr>
          <p:cNvSpPr/>
          <p:nvPr/>
        </p:nvSpPr>
        <p:spPr>
          <a:xfrm>
            <a:off x="4455730" y="1450295"/>
            <a:ext cx="251302" cy="661867"/>
          </a:xfrm>
          <a:custGeom>
            <a:avLst/>
            <a:gdLst>
              <a:gd name="connsiteX0" fmla="*/ 280204 w 1489775"/>
              <a:gd name="connsiteY0" fmla="*/ 750754 h 3923699"/>
              <a:gd name="connsiteX1" fmla="*/ 1209570 w 1489775"/>
              <a:gd name="connsiteY1" fmla="*/ 750754 h 3923699"/>
              <a:gd name="connsiteX2" fmla="*/ 1489774 w 1489775"/>
              <a:gd name="connsiteY2" fmla="*/ 1030958 h 3923699"/>
              <a:gd name="connsiteX3" fmla="*/ 1489774 w 1489775"/>
              <a:gd name="connsiteY3" fmla="*/ 1293518 h 3923699"/>
              <a:gd name="connsiteX4" fmla="*/ 1489775 w 1489775"/>
              <a:gd name="connsiteY4" fmla="*/ 1293518 h 3923699"/>
              <a:gd name="connsiteX5" fmla="*/ 1489775 w 1489775"/>
              <a:gd name="connsiteY5" fmla="*/ 2063902 h 3923699"/>
              <a:gd name="connsiteX6" fmla="*/ 1345759 w 1489775"/>
              <a:gd name="connsiteY6" fmla="*/ 2207918 h 3923699"/>
              <a:gd name="connsiteX7" fmla="*/ 1201743 w 1489775"/>
              <a:gd name="connsiteY7" fmla="*/ 2063902 h 3923699"/>
              <a:gd name="connsiteX8" fmla="*/ 1201743 w 1489775"/>
              <a:gd name="connsiteY8" fmla="*/ 1390678 h 3923699"/>
              <a:gd name="connsiteX9" fmla="*/ 1158887 w 1489775"/>
              <a:gd name="connsiteY9" fmla="*/ 1390678 h 3923699"/>
              <a:gd name="connsiteX10" fmla="*/ 1158887 w 1489775"/>
              <a:gd name="connsiteY10" fmla="*/ 2305078 h 3923699"/>
              <a:gd name="connsiteX11" fmla="*/ 1151853 w 1489775"/>
              <a:gd name="connsiteY11" fmla="*/ 3743699 h 3923699"/>
              <a:gd name="connsiteX12" fmla="*/ 971853 w 1489775"/>
              <a:gd name="connsiteY12" fmla="*/ 3923699 h 3923699"/>
              <a:gd name="connsiteX13" fmla="*/ 791853 w 1489775"/>
              <a:gd name="connsiteY13" fmla="*/ 3743699 h 3923699"/>
              <a:gd name="connsiteX14" fmla="*/ 791853 w 1489775"/>
              <a:gd name="connsiteY14" fmla="*/ 2305078 h 3923699"/>
              <a:gd name="connsiteX15" fmla="*/ 683854 w 1489775"/>
              <a:gd name="connsiteY15" fmla="*/ 2305078 h 3923699"/>
              <a:gd name="connsiteX16" fmla="*/ 683854 w 1489775"/>
              <a:gd name="connsiteY16" fmla="*/ 3743698 h 3923699"/>
              <a:gd name="connsiteX17" fmla="*/ 503854 w 1489775"/>
              <a:gd name="connsiteY17" fmla="*/ 3923698 h 3923699"/>
              <a:gd name="connsiteX18" fmla="*/ 323854 w 1489775"/>
              <a:gd name="connsiteY18" fmla="*/ 3743698 h 3923699"/>
              <a:gd name="connsiteX19" fmla="*/ 323854 w 1489775"/>
              <a:gd name="connsiteY19" fmla="*/ 2238914 h 3923699"/>
              <a:gd name="connsiteX20" fmla="*/ 330887 w 1489775"/>
              <a:gd name="connsiteY20" fmla="*/ 2238914 h 3923699"/>
              <a:gd name="connsiteX21" fmla="*/ 330887 w 1489775"/>
              <a:gd name="connsiteY21" fmla="*/ 1390678 h 3923699"/>
              <a:gd name="connsiteX22" fmla="*/ 288033 w 1489775"/>
              <a:gd name="connsiteY22" fmla="*/ 1390678 h 3923699"/>
              <a:gd name="connsiteX23" fmla="*/ 288033 w 1489775"/>
              <a:gd name="connsiteY23" fmla="*/ 2063902 h 3923699"/>
              <a:gd name="connsiteX24" fmla="*/ 144017 w 1489775"/>
              <a:gd name="connsiteY24" fmla="*/ 2207918 h 3923699"/>
              <a:gd name="connsiteX25" fmla="*/ 1 w 1489775"/>
              <a:gd name="connsiteY25" fmla="*/ 2063902 h 3923699"/>
              <a:gd name="connsiteX26" fmla="*/ 1 w 1489775"/>
              <a:gd name="connsiteY26" fmla="*/ 1390678 h 3923699"/>
              <a:gd name="connsiteX27" fmla="*/ 0 w 1489775"/>
              <a:gd name="connsiteY27" fmla="*/ 1390678 h 3923699"/>
              <a:gd name="connsiteX28" fmla="*/ 0 w 1489775"/>
              <a:gd name="connsiteY28" fmla="*/ 1030958 h 3923699"/>
              <a:gd name="connsiteX29" fmla="*/ 280204 w 1489775"/>
              <a:gd name="connsiteY29" fmla="*/ 750754 h 3923699"/>
              <a:gd name="connsiteX30" fmla="*/ 744888 w 1489775"/>
              <a:gd name="connsiteY30" fmla="*/ 0 h 3923699"/>
              <a:gd name="connsiteX31" fmla="*/ 1082199 w 1489775"/>
              <a:gd name="connsiteY31" fmla="*/ 337311 h 3923699"/>
              <a:gd name="connsiteX32" fmla="*/ 744888 w 1489775"/>
              <a:gd name="connsiteY32" fmla="*/ 674622 h 3923699"/>
              <a:gd name="connsiteX33" fmla="*/ 407577 w 1489775"/>
              <a:gd name="connsiteY33" fmla="*/ 337311 h 3923699"/>
              <a:gd name="connsiteX34" fmla="*/ 744888 w 1489775"/>
              <a:gd name="connsiteY34" fmla="*/ 0 h 3923699"/>
              <a:gd name="connsiteX0" fmla="*/ 280204 w 1489775"/>
              <a:gd name="connsiteY0" fmla="*/ 750754 h 3923699"/>
              <a:gd name="connsiteX1" fmla="*/ 1209570 w 1489775"/>
              <a:gd name="connsiteY1" fmla="*/ 750754 h 3923699"/>
              <a:gd name="connsiteX2" fmla="*/ 1489774 w 1489775"/>
              <a:gd name="connsiteY2" fmla="*/ 1030958 h 3923699"/>
              <a:gd name="connsiteX3" fmla="*/ 1489774 w 1489775"/>
              <a:gd name="connsiteY3" fmla="*/ 1293518 h 3923699"/>
              <a:gd name="connsiteX4" fmla="*/ 1489775 w 1489775"/>
              <a:gd name="connsiteY4" fmla="*/ 1293518 h 3923699"/>
              <a:gd name="connsiteX5" fmla="*/ 1489775 w 1489775"/>
              <a:gd name="connsiteY5" fmla="*/ 2063902 h 3923699"/>
              <a:gd name="connsiteX6" fmla="*/ 1345759 w 1489775"/>
              <a:gd name="connsiteY6" fmla="*/ 2207918 h 3923699"/>
              <a:gd name="connsiteX7" fmla="*/ 1201743 w 1489775"/>
              <a:gd name="connsiteY7" fmla="*/ 2063902 h 3923699"/>
              <a:gd name="connsiteX8" fmla="*/ 1201743 w 1489775"/>
              <a:gd name="connsiteY8" fmla="*/ 1390678 h 3923699"/>
              <a:gd name="connsiteX9" fmla="*/ 1158887 w 1489775"/>
              <a:gd name="connsiteY9" fmla="*/ 1390678 h 3923699"/>
              <a:gd name="connsiteX10" fmla="*/ 1151853 w 1489775"/>
              <a:gd name="connsiteY10" fmla="*/ 3743699 h 3923699"/>
              <a:gd name="connsiteX11" fmla="*/ 971853 w 1489775"/>
              <a:gd name="connsiteY11" fmla="*/ 3923699 h 3923699"/>
              <a:gd name="connsiteX12" fmla="*/ 791853 w 1489775"/>
              <a:gd name="connsiteY12" fmla="*/ 3743699 h 3923699"/>
              <a:gd name="connsiteX13" fmla="*/ 791853 w 1489775"/>
              <a:gd name="connsiteY13" fmla="*/ 2305078 h 3923699"/>
              <a:gd name="connsiteX14" fmla="*/ 683854 w 1489775"/>
              <a:gd name="connsiteY14" fmla="*/ 2305078 h 3923699"/>
              <a:gd name="connsiteX15" fmla="*/ 683854 w 1489775"/>
              <a:gd name="connsiteY15" fmla="*/ 3743698 h 3923699"/>
              <a:gd name="connsiteX16" fmla="*/ 503854 w 1489775"/>
              <a:gd name="connsiteY16" fmla="*/ 3923698 h 3923699"/>
              <a:gd name="connsiteX17" fmla="*/ 323854 w 1489775"/>
              <a:gd name="connsiteY17" fmla="*/ 3743698 h 3923699"/>
              <a:gd name="connsiteX18" fmla="*/ 323854 w 1489775"/>
              <a:gd name="connsiteY18" fmla="*/ 2238914 h 3923699"/>
              <a:gd name="connsiteX19" fmla="*/ 330887 w 1489775"/>
              <a:gd name="connsiteY19" fmla="*/ 2238914 h 3923699"/>
              <a:gd name="connsiteX20" fmla="*/ 330887 w 1489775"/>
              <a:gd name="connsiteY20" fmla="*/ 1390678 h 3923699"/>
              <a:gd name="connsiteX21" fmla="*/ 288033 w 1489775"/>
              <a:gd name="connsiteY21" fmla="*/ 1390678 h 3923699"/>
              <a:gd name="connsiteX22" fmla="*/ 288033 w 1489775"/>
              <a:gd name="connsiteY22" fmla="*/ 2063902 h 3923699"/>
              <a:gd name="connsiteX23" fmla="*/ 144017 w 1489775"/>
              <a:gd name="connsiteY23" fmla="*/ 2207918 h 3923699"/>
              <a:gd name="connsiteX24" fmla="*/ 1 w 1489775"/>
              <a:gd name="connsiteY24" fmla="*/ 2063902 h 3923699"/>
              <a:gd name="connsiteX25" fmla="*/ 1 w 1489775"/>
              <a:gd name="connsiteY25" fmla="*/ 1390678 h 3923699"/>
              <a:gd name="connsiteX26" fmla="*/ 0 w 1489775"/>
              <a:gd name="connsiteY26" fmla="*/ 1390678 h 3923699"/>
              <a:gd name="connsiteX27" fmla="*/ 0 w 1489775"/>
              <a:gd name="connsiteY27" fmla="*/ 1030958 h 3923699"/>
              <a:gd name="connsiteX28" fmla="*/ 280204 w 1489775"/>
              <a:gd name="connsiteY28" fmla="*/ 750754 h 3923699"/>
              <a:gd name="connsiteX29" fmla="*/ 744888 w 1489775"/>
              <a:gd name="connsiteY29" fmla="*/ 0 h 3923699"/>
              <a:gd name="connsiteX30" fmla="*/ 1082199 w 1489775"/>
              <a:gd name="connsiteY30" fmla="*/ 337311 h 3923699"/>
              <a:gd name="connsiteX31" fmla="*/ 744888 w 1489775"/>
              <a:gd name="connsiteY31" fmla="*/ 674622 h 3923699"/>
              <a:gd name="connsiteX32" fmla="*/ 407577 w 1489775"/>
              <a:gd name="connsiteY32" fmla="*/ 337311 h 3923699"/>
              <a:gd name="connsiteX33" fmla="*/ 744888 w 1489775"/>
              <a:gd name="connsiteY33" fmla="*/ 0 h 3923699"/>
              <a:gd name="connsiteX0" fmla="*/ 280204 w 1489775"/>
              <a:gd name="connsiteY0" fmla="*/ 750754 h 3923699"/>
              <a:gd name="connsiteX1" fmla="*/ 1209570 w 1489775"/>
              <a:gd name="connsiteY1" fmla="*/ 750754 h 3923699"/>
              <a:gd name="connsiteX2" fmla="*/ 1489774 w 1489775"/>
              <a:gd name="connsiteY2" fmla="*/ 1030958 h 3923699"/>
              <a:gd name="connsiteX3" fmla="*/ 1489774 w 1489775"/>
              <a:gd name="connsiteY3" fmla="*/ 1293518 h 3923699"/>
              <a:gd name="connsiteX4" fmla="*/ 1489775 w 1489775"/>
              <a:gd name="connsiteY4" fmla="*/ 1293518 h 3923699"/>
              <a:gd name="connsiteX5" fmla="*/ 1489775 w 1489775"/>
              <a:gd name="connsiteY5" fmla="*/ 2063902 h 3923699"/>
              <a:gd name="connsiteX6" fmla="*/ 1345759 w 1489775"/>
              <a:gd name="connsiteY6" fmla="*/ 2207918 h 3923699"/>
              <a:gd name="connsiteX7" fmla="*/ 1201743 w 1489775"/>
              <a:gd name="connsiteY7" fmla="*/ 2063902 h 3923699"/>
              <a:gd name="connsiteX8" fmla="*/ 1201743 w 1489775"/>
              <a:gd name="connsiteY8" fmla="*/ 1390678 h 3923699"/>
              <a:gd name="connsiteX9" fmla="*/ 1158887 w 1489775"/>
              <a:gd name="connsiteY9" fmla="*/ 1390678 h 3923699"/>
              <a:gd name="connsiteX10" fmla="*/ 1151853 w 1489775"/>
              <a:gd name="connsiteY10" fmla="*/ 3743699 h 3923699"/>
              <a:gd name="connsiteX11" fmla="*/ 971853 w 1489775"/>
              <a:gd name="connsiteY11" fmla="*/ 3923699 h 3923699"/>
              <a:gd name="connsiteX12" fmla="*/ 791853 w 1489775"/>
              <a:gd name="connsiteY12" fmla="*/ 3743699 h 3923699"/>
              <a:gd name="connsiteX13" fmla="*/ 791853 w 1489775"/>
              <a:gd name="connsiteY13" fmla="*/ 2305078 h 3923699"/>
              <a:gd name="connsiteX14" fmla="*/ 683854 w 1489775"/>
              <a:gd name="connsiteY14" fmla="*/ 2305078 h 3923699"/>
              <a:gd name="connsiteX15" fmla="*/ 683854 w 1489775"/>
              <a:gd name="connsiteY15" fmla="*/ 3743698 h 3923699"/>
              <a:gd name="connsiteX16" fmla="*/ 503854 w 1489775"/>
              <a:gd name="connsiteY16" fmla="*/ 3923698 h 3923699"/>
              <a:gd name="connsiteX17" fmla="*/ 323854 w 1489775"/>
              <a:gd name="connsiteY17" fmla="*/ 3743698 h 3923699"/>
              <a:gd name="connsiteX18" fmla="*/ 323854 w 1489775"/>
              <a:gd name="connsiteY18" fmla="*/ 2238914 h 3923699"/>
              <a:gd name="connsiteX19" fmla="*/ 330887 w 1489775"/>
              <a:gd name="connsiteY19" fmla="*/ 1390678 h 3923699"/>
              <a:gd name="connsiteX20" fmla="*/ 288033 w 1489775"/>
              <a:gd name="connsiteY20" fmla="*/ 1390678 h 3923699"/>
              <a:gd name="connsiteX21" fmla="*/ 288033 w 1489775"/>
              <a:gd name="connsiteY21" fmla="*/ 2063902 h 3923699"/>
              <a:gd name="connsiteX22" fmla="*/ 144017 w 1489775"/>
              <a:gd name="connsiteY22" fmla="*/ 2207918 h 3923699"/>
              <a:gd name="connsiteX23" fmla="*/ 1 w 1489775"/>
              <a:gd name="connsiteY23" fmla="*/ 2063902 h 3923699"/>
              <a:gd name="connsiteX24" fmla="*/ 1 w 1489775"/>
              <a:gd name="connsiteY24" fmla="*/ 1390678 h 3923699"/>
              <a:gd name="connsiteX25" fmla="*/ 0 w 1489775"/>
              <a:gd name="connsiteY25" fmla="*/ 1390678 h 3923699"/>
              <a:gd name="connsiteX26" fmla="*/ 0 w 1489775"/>
              <a:gd name="connsiteY26" fmla="*/ 1030958 h 3923699"/>
              <a:gd name="connsiteX27" fmla="*/ 280204 w 1489775"/>
              <a:gd name="connsiteY27" fmla="*/ 750754 h 3923699"/>
              <a:gd name="connsiteX28" fmla="*/ 744888 w 1489775"/>
              <a:gd name="connsiteY28" fmla="*/ 0 h 3923699"/>
              <a:gd name="connsiteX29" fmla="*/ 1082199 w 1489775"/>
              <a:gd name="connsiteY29" fmla="*/ 337311 h 3923699"/>
              <a:gd name="connsiteX30" fmla="*/ 744888 w 1489775"/>
              <a:gd name="connsiteY30" fmla="*/ 674622 h 3923699"/>
              <a:gd name="connsiteX31" fmla="*/ 407577 w 1489775"/>
              <a:gd name="connsiteY31" fmla="*/ 337311 h 3923699"/>
              <a:gd name="connsiteX32" fmla="*/ 744888 w 1489775"/>
              <a:gd name="connsiteY32" fmla="*/ 0 h 3923699"/>
              <a:gd name="connsiteX0" fmla="*/ 280204 w 1489775"/>
              <a:gd name="connsiteY0" fmla="*/ 750754 h 3923699"/>
              <a:gd name="connsiteX1" fmla="*/ 1209570 w 1489775"/>
              <a:gd name="connsiteY1" fmla="*/ 750754 h 3923699"/>
              <a:gd name="connsiteX2" fmla="*/ 1489774 w 1489775"/>
              <a:gd name="connsiteY2" fmla="*/ 1030958 h 3923699"/>
              <a:gd name="connsiteX3" fmla="*/ 1489774 w 1489775"/>
              <a:gd name="connsiteY3" fmla="*/ 1293518 h 3923699"/>
              <a:gd name="connsiteX4" fmla="*/ 1489775 w 1489775"/>
              <a:gd name="connsiteY4" fmla="*/ 1293518 h 3923699"/>
              <a:gd name="connsiteX5" fmla="*/ 1489775 w 1489775"/>
              <a:gd name="connsiteY5" fmla="*/ 2063902 h 3923699"/>
              <a:gd name="connsiteX6" fmla="*/ 1345759 w 1489775"/>
              <a:gd name="connsiteY6" fmla="*/ 2207918 h 3923699"/>
              <a:gd name="connsiteX7" fmla="*/ 1201743 w 1489775"/>
              <a:gd name="connsiteY7" fmla="*/ 2063902 h 3923699"/>
              <a:gd name="connsiteX8" fmla="*/ 1201743 w 1489775"/>
              <a:gd name="connsiteY8" fmla="*/ 1390678 h 3923699"/>
              <a:gd name="connsiteX9" fmla="*/ 1158887 w 1489775"/>
              <a:gd name="connsiteY9" fmla="*/ 1390678 h 3923699"/>
              <a:gd name="connsiteX10" fmla="*/ 1151853 w 1489775"/>
              <a:gd name="connsiteY10" fmla="*/ 3743699 h 3923699"/>
              <a:gd name="connsiteX11" fmla="*/ 971853 w 1489775"/>
              <a:gd name="connsiteY11" fmla="*/ 3923699 h 3923699"/>
              <a:gd name="connsiteX12" fmla="*/ 791853 w 1489775"/>
              <a:gd name="connsiteY12" fmla="*/ 3743699 h 3923699"/>
              <a:gd name="connsiteX13" fmla="*/ 791853 w 1489775"/>
              <a:gd name="connsiteY13" fmla="*/ 2305078 h 3923699"/>
              <a:gd name="connsiteX14" fmla="*/ 683854 w 1489775"/>
              <a:gd name="connsiteY14" fmla="*/ 2305078 h 3923699"/>
              <a:gd name="connsiteX15" fmla="*/ 683854 w 1489775"/>
              <a:gd name="connsiteY15" fmla="*/ 3743698 h 3923699"/>
              <a:gd name="connsiteX16" fmla="*/ 503854 w 1489775"/>
              <a:gd name="connsiteY16" fmla="*/ 3923698 h 3923699"/>
              <a:gd name="connsiteX17" fmla="*/ 323854 w 1489775"/>
              <a:gd name="connsiteY17" fmla="*/ 3743698 h 3923699"/>
              <a:gd name="connsiteX18" fmla="*/ 330887 w 1489775"/>
              <a:gd name="connsiteY18" fmla="*/ 1390678 h 3923699"/>
              <a:gd name="connsiteX19" fmla="*/ 288033 w 1489775"/>
              <a:gd name="connsiteY19" fmla="*/ 1390678 h 3923699"/>
              <a:gd name="connsiteX20" fmla="*/ 288033 w 1489775"/>
              <a:gd name="connsiteY20" fmla="*/ 2063902 h 3923699"/>
              <a:gd name="connsiteX21" fmla="*/ 144017 w 1489775"/>
              <a:gd name="connsiteY21" fmla="*/ 2207918 h 3923699"/>
              <a:gd name="connsiteX22" fmla="*/ 1 w 1489775"/>
              <a:gd name="connsiteY22" fmla="*/ 2063902 h 3923699"/>
              <a:gd name="connsiteX23" fmla="*/ 1 w 1489775"/>
              <a:gd name="connsiteY23" fmla="*/ 1390678 h 3923699"/>
              <a:gd name="connsiteX24" fmla="*/ 0 w 1489775"/>
              <a:gd name="connsiteY24" fmla="*/ 1390678 h 3923699"/>
              <a:gd name="connsiteX25" fmla="*/ 0 w 1489775"/>
              <a:gd name="connsiteY25" fmla="*/ 1030958 h 3923699"/>
              <a:gd name="connsiteX26" fmla="*/ 280204 w 1489775"/>
              <a:gd name="connsiteY26" fmla="*/ 750754 h 3923699"/>
              <a:gd name="connsiteX27" fmla="*/ 744888 w 1489775"/>
              <a:gd name="connsiteY27" fmla="*/ 0 h 3923699"/>
              <a:gd name="connsiteX28" fmla="*/ 1082199 w 1489775"/>
              <a:gd name="connsiteY28" fmla="*/ 337311 h 3923699"/>
              <a:gd name="connsiteX29" fmla="*/ 744888 w 1489775"/>
              <a:gd name="connsiteY29" fmla="*/ 674622 h 3923699"/>
              <a:gd name="connsiteX30" fmla="*/ 407577 w 1489775"/>
              <a:gd name="connsiteY30" fmla="*/ 337311 h 3923699"/>
              <a:gd name="connsiteX31" fmla="*/ 744888 w 1489775"/>
              <a:gd name="connsiteY31" fmla="*/ 0 h 39236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</a:cxnLst>
            <a:rect l="l" t="t" r="r" b="b"/>
            <a:pathLst>
              <a:path w="1489775" h="3923699">
                <a:moveTo>
                  <a:pt x="280204" y="750754"/>
                </a:moveTo>
                <a:lnTo>
                  <a:pt x="1209570" y="750754"/>
                </a:lnTo>
                <a:cubicBezTo>
                  <a:pt x="1364322" y="750754"/>
                  <a:pt x="1489774" y="876206"/>
                  <a:pt x="1489774" y="1030958"/>
                </a:cubicBezTo>
                <a:lnTo>
                  <a:pt x="1489774" y="1293518"/>
                </a:lnTo>
                <a:lnTo>
                  <a:pt x="1489775" y="1293518"/>
                </a:lnTo>
                <a:lnTo>
                  <a:pt x="1489775" y="2063902"/>
                </a:lnTo>
                <a:cubicBezTo>
                  <a:pt x="1489775" y="2143440"/>
                  <a:pt x="1425297" y="2207918"/>
                  <a:pt x="1345759" y="2207918"/>
                </a:cubicBezTo>
                <a:cubicBezTo>
                  <a:pt x="1266221" y="2207918"/>
                  <a:pt x="1201743" y="2143440"/>
                  <a:pt x="1201743" y="2063902"/>
                </a:cubicBezTo>
                <a:lnTo>
                  <a:pt x="1201743" y="1390678"/>
                </a:lnTo>
                <a:lnTo>
                  <a:pt x="1158887" y="1390678"/>
                </a:lnTo>
                <a:cubicBezTo>
                  <a:pt x="1156542" y="2175018"/>
                  <a:pt x="1154198" y="2959359"/>
                  <a:pt x="1151853" y="3743699"/>
                </a:cubicBezTo>
                <a:cubicBezTo>
                  <a:pt x="1151853" y="3843110"/>
                  <a:pt x="1071264" y="3923699"/>
                  <a:pt x="971853" y="3923699"/>
                </a:cubicBezTo>
                <a:cubicBezTo>
                  <a:pt x="872442" y="3923699"/>
                  <a:pt x="791853" y="3843110"/>
                  <a:pt x="791853" y="3743699"/>
                </a:cubicBezTo>
                <a:lnTo>
                  <a:pt x="791853" y="2305078"/>
                </a:lnTo>
                <a:lnTo>
                  <a:pt x="683854" y="2305078"/>
                </a:lnTo>
                <a:lnTo>
                  <a:pt x="683854" y="3743698"/>
                </a:lnTo>
                <a:cubicBezTo>
                  <a:pt x="683854" y="3843109"/>
                  <a:pt x="603265" y="3923698"/>
                  <a:pt x="503854" y="3923698"/>
                </a:cubicBezTo>
                <a:cubicBezTo>
                  <a:pt x="404443" y="3923698"/>
                  <a:pt x="323854" y="3843109"/>
                  <a:pt x="323854" y="3743698"/>
                </a:cubicBezTo>
                <a:cubicBezTo>
                  <a:pt x="326198" y="2959358"/>
                  <a:pt x="328543" y="2175018"/>
                  <a:pt x="330887" y="1390678"/>
                </a:cubicBezTo>
                <a:lnTo>
                  <a:pt x="288033" y="1390678"/>
                </a:lnTo>
                <a:lnTo>
                  <a:pt x="288033" y="2063902"/>
                </a:lnTo>
                <a:cubicBezTo>
                  <a:pt x="288033" y="2143440"/>
                  <a:pt x="223555" y="2207918"/>
                  <a:pt x="144017" y="2207918"/>
                </a:cubicBezTo>
                <a:cubicBezTo>
                  <a:pt x="64479" y="2207918"/>
                  <a:pt x="1" y="2143440"/>
                  <a:pt x="1" y="2063902"/>
                </a:cubicBezTo>
                <a:lnTo>
                  <a:pt x="1" y="1390678"/>
                </a:lnTo>
                <a:lnTo>
                  <a:pt x="0" y="1390678"/>
                </a:lnTo>
                <a:lnTo>
                  <a:pt x="0" y="1030958"/>
                </a:lnTo>
                <a:cubicBezTo>
                  <a:pt x="0" y="876206"/>
                  <a:pt x="125452" y="750754"/>
                  <a:pt x="280204" y="750754"/>
                </a:cubicBezTo>
                <a:close/>
                <a:moveTo>
                  <a:pt x="744888" y="0"/>
                </a:moveTo>
                <a:cubicBezTo>
                  <a:pt x="931180" y="0"/>
                  <a:pt x="1082199" y="151019"/>
                  <a:pt x="1082199" y="337311"/>
                </a:cubicBezTo>
                <a:cubicBezTo>
                  <a:pt x="1082199" y="523603"/>
                  <a:pt x="931180" y="674622"/>
                  <a:pt x="744888" y="674622"/>
                </a:cubicBezTo>
                <a:cubicBezTo>
                  <a:pt x="558596" y="674622"/>
                  <a:pt x="407577" y="523603"/>
                  <a:pt x="407577" y="337311"/>
                </a:cubicBezTo>
                <a:cubicBezTo>
                  <a:pt x="407577" y="151019"/>
                  <a:pt x="558596" y="0"/>
                  <a:pt x="744888" y="0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7" name="Round Same Side Corner Rectangle 20">
            <a:extLst>
              <a:ext uri="{FF2B5EF4-FFF2-40B4-BE49-F238E27FC236}">
                <a16:creationId xmlns:a16="http://schemas.microsoft.com/office/drawing/2014/main" id="{64493E6A-B33B-4279-A44A-DC445D86772A}"/>
              </a:ext>
            </a:extLst>
          </p:cNvPr>
          <p:cNvSpPr/>
          <p:nvPr/>
        </p:nvSpPr>
        <p:spPr>
          <a:xfrm rot="10800000">
            <a:off x="5042893" y="1447239"/>
            <a:ext cx="313136" cy="667981"/>
          </a:xfrm>
          <a:custGeom>
            <a:avLst/>
            <a:gdLst>
              <a:gd name="connsiteX0" fmla="*/ 1228565 w 1856332"/>
              <a:gd name="connsiteY0" fmla="*/ 3214674 h 3959924"/>
              <a:gd name="connsiteX1" fmla="*/ 622681 w 1856332"/>
              <a:gd name="connsiteY1" fmla="*/ 3214674 h 3959924"/>
              <a:gd name="connsiteX2" fmla="*/ 521281 w 1856332"/>
              <a:gd name="connsiteY2" fmla="*/ 3174669 h 3959924"/>
              <a:gd name="connsiteX3" fmla="*/ 466697 w 1856332"/>
              <a:gd name="connsiteY3" fmla="*/ 3144149 h 3959924"/>
              <a:gd name="connsiteX4" fmla="*/ 8303 w 1856332"/>
              <a:gd name="connsiteY4" fmla="*/ 1942070 h 3959924"/>
              <a:gd name="connsiteX5" fmla="*/ 81139 w 1856332"/>
              <a:gd name="connsiteY5" fmla="*/ 1779444 h 3959924"/>
              <a:gd name="connsiteX6" fmla="*/ 243764 w 1856332"/>
              <a:gd name="connsiteY6" fmla="*/ 1852280 h 3959924"/>
              <a:gd name="connsiteX7" fmla="*/ 504770 w 1856332"/>
              <a:gd name="connsiteY7" fmla="*/ 2536736 h 3959924"/>
              <a:gd name="connsiteX8" fmla="*/ 555637 w 1856332"/>
              <a:gd name="connsiteY8" fmla="*/ 2536736 h 3959924"/>
              <a:gd name="connsiteX9" fmla="*/ 226299 w 1856332"/>
              <a:gd name="connsiteY9" fmla="*/ 1210417 h 3959924"/>
              <a:gd name="connsiteX10" fmla="*/ 551784 w 1856332"/>
              <a:gd name="connsiteY10" fmla="*/ 1210417 h 3959924"/>
              <a:gd name="connsiteX11" fmla="*/ 551784 w 1856332"/>
              <a:gd name="connsiteY11" fmla="*/ 168335 h 3959924"/>
              <a:gd name="connsiteX12" fmla="*/ 720119 w 1856332"/>
              <a:gd name="connsiteY12" fmla="*/ 0 h 3959924"/>
              <a:gd name="connsiteX13" fmla="*/ 888454 w 1856332"/>
              <a:gd name="connsiteY13" fmla="*/ 168335 h 3959924"/>
              <a:gd name="connsiteX14" fmla="*/ 888454 w 1856332"/>
              <a:gd name="connsiteY14" fmla="*/ 1210417 h 3959924"/>
              <a:gd name="connsiteX15" fmla="*/ 968040 w 1856332"/>
              <a:gd name="connsiteY15" fmla="*/ 1210417 h 3959924"/>
              <a:gd name="connsiteX16" fmla="*/ 968040 w 1856332"/>
              <a:gd name="connsiteY16" fmla="*/ 168335 h 3959924"/>
              <a:gd name="connsiteX17" fmla="*/ 1136375 w 1856332"/>
              <a:gd name="connsiteY17" fmla="*/ 0 h 3959924"/>
              <a:gd name="connsiteX18" fmla="*/ 1304710 w 1856332"/>
              <a:gd name="connsiteY18" fmla="*/ 168335 h 3959924"/>
              <a:gd name="connsiteX19" fmla="*/ 1304710 w 1856332"/>
              <a:gd name="connsiteY19" fmla="*/ 1210417 h 3959924"/>
              <a:gd name="connsiteX20" fmla="*/ 1631589 w 1856332"/>
              <a:gd name="connsiteY20" fmla="*/ 1210417 h 3959924"/>
              <a:gd name="connsiteX21" fmla="*/ 1302251 w 1856332"/>
              <a:gd name="connsiteY21" fmla="*/ 2536736 h 3959924"/>
              <a:gd name="connsiteX22" fmla="*/ 1351562 w 1856332"/>
              <a:gd name="connsiteY22" fmla="*/ 2536736 h 3959924"/>
              <a:gd name="connsiteX23" fmla="*/ 1612568 w 1856332"/>
              <a:gd name="connsiteY23" fmla="*/ 1852280 h 3959924"/>
              <a:gd name="connsiteX24" fmla="*/ 1775193 w 1856332"/>
              <a:gd name="connsiteY24" fmla="*/ 1779444 h 3959924"/>
              <a:gd name="connsiteX25" fmla="*/ 1848029 w 1856332"/>
              <a:gd name="connsiteY25" fmla="*/ 1942070 h 3959924"/>
              <a:gd name="connsiteX26" fmla="*/ 1389635 w 1856332"/>
              <a:gd name="connsiteY26" fmla="*/ 3144149 h 3959924"/>
              <a:gd name="connsiteX27" fmla="*/ 1344732 w 1856332"/>
              <a:gd name="connsiteY27" fmla="*/ 3176282 h 3959924"/>
              <a:gd name="connsiteX28" fmla="*/ 1228565 w 1856332"/>
              <a:gd name="connsiteY28" fmla="*/ 3214674 h 3959924"/>
              <a:gd name="connsiteX29" fmla="*/ 925623 w 1856332"/>
              <a:gd name="connsiteY29" fmla="*/ 3959924 h 3959924"/>
              <a:gd name="connsiteX30" fmla="*/ 601623 w 1856332"/>
              <a:gd name="connsiteY30" fmla="*/ 3635924 h 3959924"/>
              <a:gd name="connsiteX31" fmla="*/ 925623 w 1856332"/>
              <a:gd name="connsiteY31" fmla="*/ 3311924 h 3959924"/>
              <a:gd name="connsiteX32" fmla="*/ 1249623 w 1856332"/>
              <a:gd name="connsiteY32" fmla="*/ 3635924 h 3959924"/>
              <a:gd name="connsiteX33" fmla="*/ 925623 w 1856332"/>
              <a:gd name="connsiteY33" fmla="*/ 3959924 h 3959924"/>
              <a:gd name="connsiteX0" fmla="*/ 1228565 w 1856332"/>
              <a:gd name="connsiteY0" fmla="*/ 3214674 h 3959924"/>
              <a:gd name="connsiteX1" fmla="*/ 622681 w 1856332"/>
              <a:gd name="connsiteY1" fmla="*/ 3214674 h 3959924"/>
              <a:gd name="connsiteX2" fmla="*/ 466697 w 1856332"/>
              <a:gd name="connsiteY2" fmla="*/ 3144149 h 3959924"/>
              <a:gd name="connsiteX3" fmla="*/ 8303 w 1856332"/>
              <a:gd name="connsiteY3" fmla="*/ 1942070 h 3959924"/>
              <a:gd name="connsiteX4" fmla="*/ 81139 w 1856332"/>
              <a:gd name="connsiteY4" fmla="*/ 1779444 h 3959924"/>
              <a:gd name="connsiteX5" fmla="*/ 243764 w 1856332"/>
              <a:gd name="connsiteY5" fmla="*/ 1852280 h 3959924"/>
              <a:gd name="connsiteX6" fmla="*/ 504770 w 1856332"/>
              <a:gd name="connsiteY6" fmla="*/ 2536736 h 3959924"/>
              <a:gd name="connsiteX7" fmla="*/ 555637 w 1856332"/>
              <a:gd name="connsiteY7" fmla="*/ 2536736 h 3959924"/>
              <a:gd name="connsiteX8" fmla="*/ 226299 w 1856332"/>
              <a:gd name="connsiteY8" fmla="*/ 1210417 h 3959924"/>
              <a:gd name="connsiteX9" fmla="*/ 551784 w 1856332"/>
              <a:gd name="connsiteY9" fmla="*/ 1210417 h 3959924"/>
              <a:gd name="connsiteX10" fmla="*/ 551784 w 1856332"/>
              <a:gd name="connsiteY10" fmla="*/ 168335 h 3959924"/>
              <a:gd name="connsiteX11" fmla="*/ 720119 w 1856332"/>
              <a:gd name="connsiteY11" fmla="*/ 0 h 3959924"/>
              <a:gd name="connsiteX12" fmla="*/ 888454 w 1856332"/>
              <a:gd name="connsiteY12" fmla="*/ 168335 h 3959924"/>
              <a:gd name="connsiteX13" fmla="*/ 888454 w 1856332"/>
              <a:gd name="connsiteY13" fmla="*/ 1210417 h 3959924"/>
              <a:gd name="connsiteX14" fmla="*/ 968040 w 1856332"/>
              <a:gd name="connsiteY14" fmla="*/ 1210417 h 3959924"/>
              <a:gd name="connsiteX15" fmla="*/ 968040 w 1856332"/>
              <a:gd name="connsiteY15" fmla="*/ 168335 h 3959924"/>
              <a:gd name="connsiteX16" fmla="*/ 1136375 w 1856332"/>
              <a:gd name="connsiteY16" fmla="*/ 0 h 3959924"/>
              <a:gd name="connsiteX17" fmla="*/ 1304710 w 1856332"/>
              <a:gd name="connsiteY17" fmla="*/ 168335 h 3959924"/>
              <a:gd name="connsiteX18" fmla="*/ 1304710 w 1856332"/>
              <a:gd name="connsiteY18" fmla="*/ 1210417 h 3959924"/>
              <a:gd name="connsiteX19" fmla="*/ 1631589 w 1856332"/>
              <a:gd name="connsiteY19" fmla="*/ 1210417 h 3959924"/>
              <a:gd name="connsiteX20" fmla="*/ 1302251 w 1856332"/>
              <a:gd name="connsiteY20" fmla="*/ 2536736 h 3959924"/>
              <a:gd name="connsiteX21" fmla="*/ 1351562 w 1856332"/>
              <a:gd name="connsiteY21" fmla="*/ 2536736 h 3959924"/>
              <a:gd name="connsiteX22" fmla="*/ 1612568 w 1856332"/>
              <a:gd name="connsiteY22" fmla="*/ 1852280 h 3959924"/>
              <a:gd name="connsiteX23" fmla="*/ 1775193 w 1856332"/>
              <a:gd name="connsiteY23" fmla="*/ 1779444 h 3959924"/>
              <a:gd name="connsiteX24" fmla="*/ 1848029 w 1856332"/>
              <a:gd name="connsiteY24" fmla="*/ 1942070 h 3959924"/>
              <a:gd name="connsiteX25" fmla="*/ 1389635 w 1856332"/>
              <a:gd name="connsiteY25" fmla="*/ 3144149 h 3959924"/>
              <a:gd name="connsiteX26" fmla="*/ 1344732 w 1856332"/>
              <a:gd name="connsiteY26" fmla="*/ 3176282 h 3959924"/>
              <a:gd name="connsiteX27" fmla="*/ 1228565 w 1856332"/>
              <a:gd name="connsiteY27" fmla="*/ 3214674 h 3959924"/>
              <a:gd name="connsiteX28" fmla="*/ 925623 w 1856332"/>
              <a:gd name="connsiteY28" fmla="*/ 3959924 h 3959924"/>
              <a:gd name="connsiteX29" fmla="*/ 601623 w 1856332"/>
              <a:gd name="connsiteY29" fmla="*/ 3635924 h 3959924"/>
              <a:gd name="connsiteX30" fmla="*/ 925623 w 1856332"/>
              <a:gd name="connsiteY30" fmla="*/ 3311924 h 3959924"/>
              <a:gd name="connsiteX31" fmla="*/ 1249623 w 1856332"/>
              <a:gd name="connsiteY31" fmla="*/ 3635924 h 3959924"/>
              <a:gd name="connsiteX32" fmla="*/ 925623 w 1856332"/>
              <a:gd name="connsiteY32" fmla="*/ 3959924 h 3959924"/>
              <a:gd name="connsiteX0" fmla="*/ 1228565 w 1856332"/>
              <a:gd name="connsiteY0" fmla="*/ 3214674 h 3959924"/>
              <a:gd name="connsiteX1" fmla="*/ 622681 w 1856332"/>
              <a:gd name="connsiteY1" fmla="*/ 3214674 h 3959924"/>
              <a:gd name="connsiteX2" fmla="*/ 466697 w 1856332"/>
              <a:gd name="connsiteY2" fmla="*/ 3144149 h 3959924"/>
              <a:gd name="connsiteX3" fmla="*/ 8303 w 1856332"/>
              <a:gd name="connsiteY3" fmla="*/ 1942070 h 3959924"/>
              <a:gd name="connsiteX4" fmla="*/ 81139 w 1856332"/>
              <a:gd name="connsiteY4" fmla="*/ 1779444 h 3959924"/>
              <a:gd name="connsiteX5" fmla="*/ 243764 w 1856332"/>
              <a:gd name="connsiteY5" fmla="*/ 1852280 h 3959924"/>
              <a:gd name="connsiteX6" fmla="*/ 504770 w 1856332"/>
              <a:gd name="connsiteY6" fmla="*/ 2536736 h 3959924"/>
              <a:gd name="connsiteX7" fmla="*/ 555637 w 1856332"/>
              <a:gd name="connsiteY7" fmla="*/ 2536736 h 3959924"/>
              <a:gd name="connsiteX8" fmla="*/ 226299 w 1856332"/>
              <a:gd name="connsiteY8" fmla="*/ 1210417 h 3959924"/>
              <a:gd name="connsiteX9" fmla="*/ 551784 w 1856332"/>
              <a:gd name="connsiteY9" fmla="*/ 1210417 h 3959924"/>
              <a:gd name="connsiteX10" fmla="*/ 551784 w 1856332"/>
              <a:gd name="connsiteY10" fmla="*/ 168335 h 3959924"/>
              <a:gd name="connsiteX11" fmla="*/ 720119 w 1856332"/>
              <a:gd name="connsiteY11" fmla="*/ 0 h 3959924"/>
              <a:gd name="connsiteX12" fmla="*/ 888454 w 1856332"/>
              <a:gd name="connsiteY12" fmla="*/ 168335 h 3959924"/>
              <a:gd name="connsiteX13" fmla="*/ 888454 w 1856332"/>
              <a:gd name="connsiteY13" fmla="*/ 1210417 h 3959924"/>
              <a:gd name="connsiteX14" fmla="*/ 968040 w 1856332"/>
              <a:gd name="connsiteY14" fmla="*/ 1210417 h 3959924"/>
              <a:gd name="connsiteX15" fmla="*/ 968040 w 1856332"/>
              <a:gd name="connsiteY15" fmla="*/ 168335 h 3959924"/>
              <a:gd name="connsiteX16" fmla="*/ 1136375 w 1856332"/>
              <a:gd name="connsiteY16" fmla="*/ 0 h 3959924"/>
              <a:gd name="connsiteX17" fmla="*/ 1304710 w 1856332"/>
              <a:gd name="connsiteY17" fmla="*/ 168335 h 3959924"/>
              <a:gd name="connsiteX18" fmla="*/ 1304710 w 1856332"/>
              <a:gd name="connsiteY18" fmla="*/ 1210417 h 3959924"/>
              <a:gd name="connsiteX19" fmla="*/ 1631589 w 1856332"/>
              <a:gd name="connsiteY19" fmla="*/ 1210417 h 3959924"/>
              <a:gd name="connsiteX20" fmla="*/ 1302251 w 1856332"/>
              <a:gd name="connsiteY20" fmla="*/ 2536736 h 3959924"/>
              <a:gd name="connsiteX21" fmla="*/ 1351562 w 1856332"/>
              <a:gd name="connsiteY21" fmla="*/ 2536736 h 3959924"/>
              <a:gd name="connsiteX22" fmla="*/ 1612568 w 1856332"/>
              <a:gd name="connsiteY22" fmla="*/ 1852280 h 3959924"/>
              <a:gd name="connsiteX23" fmla="*/ 1775193 w 1856332"/>
              <a:gd name="connsiteY23" fmla="*/ 1779444 h 3959924"/>
              <a:gd name="connsiteX24" fmla="*/ 1848029 w 1856332"/>
              <a:gd name="connsiteY24" fmla="*/ 1942070 h 3959924"/>
              <a:gd name="connsiteX25" fmla="*/ 1389635 w 1856332"/>
              <a:gd name="connsiteY25" fmla="*/ 3144149 h 3959924"/>
              <a:gd name="connsiteX26" fmla="*/ 1344732 w 1856332"/>
              <a:gd name="connsiteY26" fmla="*/ 3176282 h 3959924"/>
              <a:gd name="connsiteX27" fmla="*/ 1228565 w 1856332"/>
              <a:gd name="connsiteY27" fmla="*/ 3214674 h 3959924"/>
              <a:gd name="connsiteX28" fmla="*/ 925623 w 1856332"/>
              <a:gd name="connsiteY28" fmla="*/ 3959924 h 3959924"/>
              <a:gd name="connsiteX29" fmla="*/ 601623 w 1856332"/>
              <a:gd name="connsiteY29" fmla="*/ 3635924 h 3959924"/>
              <a:gd name="connsiteX30" fmla="*/ 925623 w 1856332"/>
              <a:gd name="connsiteY30" fmla="*/ 3311924 h 3959924"/>
              <a:gd name="connsiteX31" fmla="*/ 1249623 w 1856332"/>
              <a:gd name="connsiteY31" fmla="*/ 3635924 h 3959924"/>
              <a:gd name="connsiteX32" fmla="*/ 925623 w 1856332"/>
              <a:gd name="connsiteY32" fmla="*/ 3959924 h 3959924"/>
              <a:gd name="connsiteX0" fmla="*/ 1228565 w 1856332"/>
              <a:gd name="connsiteY0" fmla="*/ 3214674 h 3959924"/>
              <a:gd name="connsiteX1" fmla="*/ 622681 w 1856332"/>
              <a:gd name="connsiteY1" fmla="*/ 3214674 h 3959924"/>
              <a:gd name="connsiteX2" fmla="*/ 466697 w 1856332"/>
              <a:gd name="connsiteY2" fmla="*/ 3144149 h 3959924"/>
              <a:gd name="connsiteX3" fmla="*/ 8303 w 1856332"/>
              <a:gd name="connsiteY3" fmla="*/ 1942070 h 3959924"/>
              <a:gd name="connsiteX4" fmla="*/ 81139 w 1856332"/>
              <a:gd name="connsiteY4" fmla="*/ 1779444 h 3959924"/>
              <a:gd name="connsiteX5" fmla="*/ 243764 w 1856332"/>
              <a:gd name="connsiteY5" fmla="*/ 1852280 h 3959924"/>
              <a:gd name="connsiteX6" fmla="*/ 504770 w 1856332"/>
              <a:gd name="connsiteY6" fmla="*/ 2536736 h 3959924"/>
              <a:gd name="connsiteX7" fmla="*/ 555637 w 1856332"/>
              <a:gd name="connsiteY7" fmla="*/ 2536736 h 3959924"/>
              <a:gd name="connsiteX8" fmla="*/ 226299 w 1856332"/>
              <a:gd name="connsiteY8" fmla="*/ 1210417 h 3959924"/>
              <a:gd name="connsiteX9" fmla="*/ 551784 w 1856332"/>
              <a:gd name="connsiteY9" fmla="*/ 1210417 h 3959924"/>
              <a:gd name="connsiteX10" fmla="*/ 551784 w 1856332"/>
              <a:gd name="connsiteY10" fmla="*/ 168335 h 3959924"/>
              <a:gd name="connsiteX11" fmla="*/ 720119 w 1856332"/>
              <a:gd name="connsiteY11" fmla="*/ 0 h 3959924"/>
              <a:gd name="connsiteX12" fmla="*/ 888454 w 1856332"/>
              <a:gd name="connsiteY12" fmla="*/ 168335 h 3959924"/>
              <a:gd name="connsiteX13" fmla="*/ 888454 w 1856332"/>
              <a:gd name="connsiteY13" fmla="*/ 1210417 h 3959924"/>
              <a:gd name="connsiteX14" fmla="*/ 968040 w 1856332"/>
              <a:gd name="connsiteY14" fmla="*/ 1210417 h 3959924"/>
              <a:gd name="connsiteX15" fmla="*/ 968040 w 1856332"/>
              <a:gd name="connsiteY15" fmla="*/ 168335 h 3959924"/>
              <a:gd name="connsiteX16" fmla="*/ 1136375 w 1856332"/>
              <a:gd name="connsiteY16" fmla="*/ 0 h 3959924"/>
              <a:gd name="connsiteX17" fmla="*/ 1304710 w 1856332"/>
              <a:gd name="connsiteY17" fmla="*/ 168335 h 3959924"/>
              <a:gd name="connsiteX18" fmla="*/ 1304710 w 1856332"/>
              <a:gd name="connsiteY18" fmla="*/ 1210417 h 3959924"/>
              <a:gd name="connsiteX19" fmla="*/ 1631589 w 1856332"/>
              <a:gd name="connsiteY19" fmla="*/ 1210417 h 3959924"/>
              <a:gd name="connsiteX20" fmla="*/ 1302251 w 1856332"/>
              <a:gd name="connsiteY20" fmla="*/ 2536736 h 3959924"/>
              <a:gd name="connsiteX21" fmla="*/ 1351562 w 1856332"/>
              <a:gd name="connsiteY21" fmla="*/ 2536736 h 3959924"/>
              <a:gd name="connsiteX22" fmla="*/ 1612568 w 1856332"/>
              <a:gd name="connsiteY22" fmla="*/ 1852280 h 3959924"/>
              <a:gd name="connsiteX23" fmla="*/ 1775193 w 1856332"/>
              <a:gd name="connsiteY23" fmla="*/ 1779444 h 3959924"/>
              <a:gd name="connsiteX24" fmla="*/ 1848029 w 1856332"/>
              <a:gd name="connsiteY24" fmla="*/ 1942070 h 3959924"/>
              <a:gd name="connsiteX25" fmla="*/ 1389635 w 1856332"/>
              <a:gd name="connsiteY25" fmla="*/ 3144149 h 3959924"/>
              <a:gd name="connsiteX26" fmla="*/ 1228565 w 1856332"/>
              <a:gd name="connsiteY26" fmla="*/ 3214674 h 3959924"/>
              <a:gd name="connsiteX27" fmla="*/ 925623 w 1856332"/>
              <a:gd name="connsiteY27" fmla="*/ 3959924 h 3959924"/>
              <a:gd name="connsiteX28" fmla="*/ 601623 w 1856332"/>
              <a:gd name="connsiteY28" fmla="*/ 3635924 h 3959924"/>
              <a:gd name="connsiteX29" fmla="*/ 925623 w 1856332"/>
              <a:gd name="connsiteY29" fmla="*/ 3311924 h 3959924"/>
              <a:gd name="connsiteX30" fmla="*/ 1249623 w 1856332"/>
              <a:gd name="connsiteY30" fmla="*/ 3635924 h 3959924"/>
              <a:gd name="connsiteX31" fmla="*/ 925623 w 1856332"/>
              <a:gd name="connsiteY31" fmla="*/ 3959924 h 3959924"/>
              <a:gd name="connsiteX0" fmla="*/ 1228565 w 1856332"/>
              <a:gd name="connsiteY0" fmla="*/ 3214674 h 3959924"/>
              <a:gd name="connsiteX1" fmla="*/ 622681 w 1856332"/>
              <a:gd name="connsiteY1" fmla="*/ 3214674 h 3959924"/>
              <a:gd name="connsiteX2" fmla="*/ 466697 w 1856332"/>
              <a:gd name="connsiteY2" fmla="*/ 3144149 h 3959924"/>
              <a:gd name="connsiteX3" fmla="*/ 8303 w 1856332"/>
              <a:gd name="connsiteY3" fmla="*/ 1942070 h 3959924"/>
              <a:gd name="connsiteX4" fmla="*/ 81139 w 1856332"/>
              <a:gd name="connsiteY4" fmla="*/ 1779444 h 3959924"/>
              <a:gd name="connsiteX5" fmla="*/ 243764 w 1856332"/>
              <a:gd name="connsiteY5" fmla="*/ 1852280 h 3959924"/>
              <a:gd name="connsiteX6" fmla="*/ 504770 w 1856332"/>
              <a:gd name="connsiteY6" fmla="*/ 2536736 h 3959924"/>
              <a:gd name="connsiteX7" fmla="*/ 555637 w 1856332"/>
              <a:gd name="connsiteY7" fmla="*/ 2536736 h 3959924"/>
              <a:gd name="connsiteX8" fmla="*/ 226299 w 1856332"/>
              <a:gd name="connsiteY8" fmla="*/ 1210417 h 3959924"/>
              <a:gd name="connsiteX9" fmla="*/ 551784 w 1856332"/>
              <a:gd name="connsiteY9" fmla="*/ 1210417 h 3959924"/>
              <a:gd name="connsiteX10" fmla="*/ 551784 w 1856332"/>
              <a:gd name="connsiteY10" fmla="*/ 168335 h 3959924"/>
              <a:gd name="connsiteX11" fmla="*/ 720119 w 1856332"/>
              <a:gd name="connsiteY11" fmla="*/ 0 h 3959924"/>
              <a:gd name="connsiteX12" fmla="*/ 888454 w 1856332"/>
              <a:gd name="connsiteY12" fmla="*/ 168335 h 3959924"/>
              <a:gd name="connsiteX13" fmla="*/ 888454 w 1856332"/>
              <a:gd name="connsiteY13" fmla="*/ 1210417 h 3959924"/>
              <a:gd name="connsiteX14" fmla="*/ 968040 w 1856332"/>
              <a:gd name="connsiteY14" fmla="*/ 1210417 h 3959924"/>
              <a:gd name="connsiteX15" fmla="*/ 968040 w 1856332"/>
              <a:gd name="connsiteY15" fmla="*/ 168335 h 3959924"/>
              <a:gd name="connsiteX16" fmla="*/ 1136375 w 1856332"/>
              <a:gd name="connsiteY16" fmla="*/ 0 h 3959924"/>
              <a:gd name="connsiteX17" fmla="*/ 1304710 w 1856332"/>
              <a:gd name="connsiteY17" fmla="*/ 168335 h 3959924"/>
              <a:gd name="connsiteX18" fmla="*/ 1304710 w 1856332"/>
              <a:gd name="connsiteY18" fmla="*/ 1210417 h 3959924"/>
              <a:gd name="connsiteX19" fmla="*/ 1631589 w 1856332"/>
              <a:gd name="connsiteY19" fmla="*/ 1210417 h 3959924"/>
              <a:gd name="connsiteX20" fmla="*/ 1302251 w 1856332"/>
              <a:gd name="connsiteY20" fmla="*/ 2536736 h 3959924"/>
              <a:gd name="connsiteX21" fmla="*/ 1351562 w 1856332"/>
              <a:gd name="connsiteY21" fmla="*/ 2536736 h 3959924"/>
              <a:gd name="connsiteX22" fmla="*/ 1612568 w 1856332"/>
              <a:gd name="connsiteY22" fmla="*/ 1852280 h 3959924"/>
              <a:gd name="connsiteX23" fmla="*/ 1775193 w 1856332"/>
              <a:gd name="connsiteY23" fmla="*/ 1779444 h 3959924"/>
              <a:gd name="connsiteX24" fmla="*/ 1848029 w 1856332"/>
              <a:gd name="connsiteY24" fmla="*/ 1942070 h 3959924"/>
              <a:gd name="connsiteX25" fmla="*/ 1389635 w 1856332"/>
              <a:gd name="connsiteY25" fmla="*/ 3144149 h 3959924"/>
              <a:gd name="connsiteX26" fmla="*/ 1228565 w 1856332"/>
              <a:gd name="connsiteY26" fmla="*/ 3214674 h 3959924"/>
              <a:gd name="connsiteX27" fmla="*/ 925623 w 1856332"/>
              <a:gd name="connsiteY27" fmla="*/ 3959924 h 3959924"/>
              <a:gd name="connsiteX28" fmla="*/ 601623 w 1856332"/>
              <a:gd name="connsiteY28" fmla="*/ 3635924 h 3959924"/>
              <a:gd name="connsiteX29" fmla="*/ 925623 w 1856332"/>
              <a:gd name="connsiteY29" fmla="*/ 3311924 h 3959924"/>
              <a:gd name="connsiteX30" fmla="*/ 1249623 w 1856332"/>
              <a:gd name="connsiteY30" fmla="*/ 3635924 h 3959924"/>
              <a:gd name="connsiteX31" fmla="*/ 925623 w 1856332"/>
              <a:gd name="connsiteY31" fmla="*/ 3959924 h 3959924"/>
              <a:gd name="connsiteX0" fmla="*/ 1228565 w 1856332"/>
              <a:gd name="connsiteY0" fmla="*/ 3214674 h 3959924"/>
              <a:gd name="connsiteX1" fmla="*/ 622681 w 1856332"/>
              <a:gd name="connsiteY1" fmla="*/ 3214674 h 3959924"/>
              <a:gd name="connsiteX2" fmla="*/ 466697 w 1856332"/>
              <a:gd name="connsiteY2" fmla="*/ 3144149 h 3959924"/>
              <a:gd name="connsiteX3" fmla="*/ 8303 w 1856332"/>
              <a:gd name="connsiteY3" fmla="*/ 1942070 h 3959924"/>
              <a:gd name="connsiteX4" fmla="*/ 81139 w 1856332"/>
              <a:gd name="connsiteY4" fmla="*/ 1779444 h 3959924"/>
              <a:gd name="connsiteX5" fmla="*/ 243764 w 1856332"/>
              <a:gd name="connsiteY5" fmla="*/ 1852280 h 3959924"/>
              <a:gd name="connsiteX6" fmla="*/ 504770 w 1856332"/>
              <a:gd name="connsiteY6" fmla="*/ 2536736 h 3959924"/>
              <a:gd name="connsiteX7" fmla="*/ 555637 w 1856332"/>
              <a:gd name="connsiteY7" fmla="*/ 2536736 h 3959924"/>
              <a:gd name="connsiteX8" fmla="*/ 226299 w 1856332"/>
              <a:gd name="connsiteY8" fmla="*/ 1210417 h 3959924"/>
              <a:gd name="connsiteX9" fmla="*/ 551784 w 1856332"/>
              <a:gd name="connsiteY9" fmla="*/ 1210417 h 3959924"/>
              <a:gd name="connsiteX10" fmla="*/ 551784 w 1856332"/>
              <a:gd name="connsiteY10" fmla="*/ 168335 h 3959924"/>
              <a:gd name="connsiteX11" fmla="*/ 720119 w 1856332"/>
              <a:gd name="connsiteY11" fmla="*/ 0 h 3959924"/>
              <a:gd name="connsiteX12" fmla="*/ 888454 w 1856332"/>
              <a:gd name="connsiteY12" fmla="*/ 168335 h 3959924"/>
              <a:gd name="connsiteX13" fmla="*/ 888454 w 1856332"/>
              <a:gd name="connsiteY13" fmla="*/ 1210417 h 3959924"/>
              <a:gd name="connsiteX14" fmla="*/ 968040 w 1856332"/>
              <a:gd name="connsiteY14" fmla="*/ 1210417 h 3959924"/>
              <a:gd name="connsiteX15" fmla="*/ 968040 w 1856332"/>
              <a:gd name="connsiteY15" fmla="*/ 168335 h 3959924"/>
              <a:gd name="connsiteX16" fmla="*/ 1136375 w 1856332"/>
              <a:gd name="connsiteY16" fmla="*/ 0 h 3959924"/>
              <a:gd name="connsiteX17" fmla="*/ 1304710 w 1856332"/>
              <a:gd name="connsiteY17" fmla="*/ 168335 h 3959924"/>
              <a:gd name="connsiteX18" fmla="*/ 1304710 w 1856332"/>
              <a:gd name="connsiteY18" fmla="*/ 1210417 h 3959924"/>
              <a:gd name="connsiteX19" fmla="*/ 1631589 w 1856332"/>
              <a:gd name="connsiteY19" fmla="*/ 1210417 h 3959924"/>
              <a:gd name="connsiteX20" fmla="*/ 1302251 w 1856332"/>
              <a:gd name="connsiteY20" fmla="*/ 2536736 h 3959924"/>
              <a:gd name="connsiteX21" fmla="*/ 1351562 w 1856332"/>
              <a:gd name="connsiteY21" fmla="*/ 2536736 h 3959924"/>
              <a:gd name="connsiteX22" fmla="*/ 1612568 w 1856332"/>
              <a:gd name="connsiteY22" fmla="*/ 1852280 h 3959924"/>
              <a:gd name="connsiteX23" fmla="*/ 1775193 w 1856332"/>
              <a:gd name="connsiteY23" fmla="*/ 1779444 h 3959924"/>
              <a:gd name="connsiteX24" fmla="*/ 1848029 w 1856332"/>
              <a:gd name="connsiteY24" fmla="*/ 1942070 h 3959924"/>
              <a:gd name="connsiteX25" fmla="*/ 1389635 w 1856332"/>
              <a:gd name="connsiteY25" fmla="*/ 3144149 h 3959924"/>
              <a:gd name="connsiteX26" fmla="*/ 1228565 w 1856332"/>
              <a:gd name="connsiteY26" fmla="*/ 3214674 h 3959924"/>
              <a:gd name="connsiteX27" fmla="*/ 925623 w 1856332"/>
              <a:gd name="connsiteY27" fmla="*/ 3959924 h 3959924"/>
              <a:gd name="connsiteX28" fmla="*/ 601623 w 1856332"/>
              <a:gd name="connsiteY28" fmla="*/ 3635924 h 3959924"/>
              <a:gd name="connsiteX29" fmla="*/ 925623 w 1856332"/>
              <a:gd name="connsiteY29" fmla="*/ 3311924 h 3959924"/>
              <a:gd name="connsiteX30" fmla="*/ 1249623 w 1856332"/>
              <a:gd name="connsiteY30" fmla="*/ 3635924 h 3959924"/>
              <a:gd name="connsiteX31" fmla="*/ 925623 w 1856332"/>
              <a:gd name="connsiteY31" fmla="*/ 3959924 h 395992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  <a:cxn ang="0">
                <a:pos x="connsiteX30" y="connsiteY30"/>
              </a:cxn>
              <a:cxn ang="0">
                <a:pos x="connsiteX31" y="connsiteY31"/>
              </a:cxn>
            </a:cxnLst>
            <a:rect l="l" t="t" r="r" b="b"/>
            <a:pathLst>
              <a:path w="1856332" h="3959924">
                <a:moveTo>
                  <a:pt x="1228565" y="3214674"/>
                </a:moveTo>
                <a:lnTo>
                  <a:pt x="622681" y="3214674"/>
                </a:lnTo>
                <a:cubicBezTo>
                  <a:pt x="495703" y="3202920"/>
                  <a:pt x="501057" y="3225622"/>
                  <a:pt x="466697" y="3144149"/>
                </a:cubicBezTo>
                <a:lnTo>
                  <a:pt x="8303" y="1942070"/>
                </a:lnTo>
                <a:cubicBezTo>
                  <a:pt x="-16491" y="1877049"/>
                  <a:pt x="16118" y="1804239"/>
                  <a:pt x="81139" y="1779444"/>
                </a:cubicBezTo>
                <a:cubicBezTo>
                  <a:pt x="146160" y="1754650"/>
                  <a:pt x="218970" y="1787259"/>
                  <a:pt x="243764" y="1852280"/>
                </a:cubicBezTo>
                <a:lnTo>
                  <a:pt x="504770" y="2536736"/>
                </a:lnTo>
                <a:lnTo>
                  <a:pt x="555637" y="2536736"/>
                </a:lnTo>
                <a:lnTo>
                  <a:pt x="226299" y="1210417"/>
                </a:lnTo>
                <a:lnTo>
                  <a:pt x="551784" y="1210417"/>
                </a:lnTo>
                <a:lnTo>
                  <a:pt x="551784" y="168335"/>
                </a:lnTo>
                <a:cubicBezTo>
                  <a:pt x="551784" y="75366"/>
                  <a:pt x="627150" y="0"/>
                  <a:pt x="720119" y="0"/>
                </a:cubicBezTo>
                <a:cubicBezTo>
                  <a:pt x="813088" y="0"/>
                  <a:pt x="888454" y="75366"/>
                  <a:pt x="888454" y="168335"/>
                </a:cubicBezTo>
                <a:lnTo>
                  <a:pt x="888454" y="1210417"/>
                </a:lnTo>
                <a:lnTo>
                  <a:pt x="968040" y="1210417"/>
                </a:lnTo>
                <a:lnTo>
                  <a:pt x="968040" y="168335"/>
                </a:lnTo>
                <a:cubicBezTo>
                  <a:pt x="968040" y="75366"/>
                  <a:pt x="1043406" y="0"/>
                  <a:pt x="1136375" y="0"/>
                </a:cubicBezTo>
                <a:cubicBezTo>
                  <a:pt x="1229344" y="0"/>
                  <a:pt x="1304710" y="75366"/>
                  <a:pt x="1304710" y="168335"/>
                </a:cubicBezTo>
                <a:lnTo>
                  <a:pt x="1304710" y="1210417"/>
                </a:lnTo>
                <a:lnTo>
                  <a:pt x="1631589" y="1210417"/>
                </a:lnTo>
                <a:lnTo>
                  <a:pt x="1302251" y="2536736"/>
                </a:lnTo>
                <a:lnTo>
                  <a:pt x="1351562" y="2536736"/>
                </a:lnTo>
                <a:lnTo>
                  <a:pt x="1612568" y="1852280"/>
                </a:lnTo>
                <a:cubicBezTo>
                  <a:pt x="1637362" y="1787259"/>
                  <a:pt x="1710172" y="1754650"/>
                  <a:pt x="1775193" y="1779444"/>
                </a:cubicBezTo>
                <a:cubicBezTo>
                  <a:pt x="1840214" y="1804239"/>
                  <a:pt x="1872823" y="1877049"/>
                  <a:pt x="1848029" y="1942070"/>
                </a:cubicBezTo>
                <a:lnTo>
                  <a:pt x="1389635" y="3144149"/>
                </a:lnTo>
                <a:cubicBezTo>
                  <a:pt x="1348984" y="3225622"/>
                  <a:pt x="1356391" y="3202920"/>
                  <a:pt x="1228565" y="3214674"/>
                </a:cubicBezTo>
                <a:close/>
                <a:moveTo>
                  <a:pt x="925623" y="3959924"/>
                </a:moveTo>
                <a:cubicBezTo>
                  <a:pt x="746683" y="3959924"/>
                  <a:pt x="601623" y="3814864"/>
                  <a:pt x="601623" y="3635924"/>
                </a:cubicBezTo>
                <a:cubicBezTo>
                  <a:pt x="601623" y="3456984"/>
                  <a:pt x="746683" y="3311924"/>
                  <a:pt x="925623" y="3311924"/>
                </a:cubicBezTo>
                <a:cubicBezTo>
                  <a:pt x="1104563" y="3311924"/>
                  <a:pt x="1249623" y="3456984"/>
                  <a:pt x="1249623" y="3635924"/>
                </a:cubicBezTo>
                <a:cubicBezTo>
                  <a:pt x="1249623" y="3814864"/>
                  <a:pt x="1104563" y="3959924"/>
                  <a:pt x="925623" y="3959924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88" name="Donut 87">
            <a:extLst>
              <a:ext uri="{FF2B5EF4-FFF2-40B4-BE49-F238E27FC236}">
                <a16:creationId xmlns:a16="http://schemas.microsoft.com/office/drawing/2014/main" id="{4E09E652-E42B-4D35-B750-1E418CF08FA6}"/>
              </a:ext>
            </a:extLst>
          </p:cNvPr>
          <p:cNvSpPr/>
          <p:nvPr/>
        </p:nvSpPr>
        <p:spPr>
          <a:xfrm>
            <a:off x="5691893" y="1539942"/>
            <a:ext cx="507661" cy="521714"/>
          </a:xfrm>
          <a:custGeom>
            <a:avLst/>
            <a:gdLst/>
            <a:ahLst/>
            <a:cxnLst/>
            <a:rect l="l" t="t" r="r" b="b"/>
            <a:pathLst>
              <a:path w="356471" h="366339">
                <a:moveTo>
                  <a:pt x="144025" y="123680"/>
                </a:moveTo>
                <a:cubicBezTo>
                  <a:pt x="89551" y="123680"/>
                  <a:pt x="45391" y="167840"/>
                  <a:pt x="45391" y="222314"/>
                </a:cubicBezTo>
                <a:cubicBezTo>
                  <a:pt x="45391" y="276788"/>
                  <a:pt x="89551" y="320948"/>
                  <a:pt x="144025" y="320948"/>
                </a:cubicBezTo>
                <a:cubicBezTo>
                  <a:pt x="198499" y="320948"/>
                  <a:pt x="242659" y="276788"/>
                  <a:pt x="242659" y="222314"/>
                </a:cubicBezTo>
                <a:cubicBezTo>
                  <a:pt x="242659" y="167840"/>
                  <a:pt x="198499" y="123680"/>
                  <a:pt x="144025" y="123680"/>
                </a:cubicBezTo>
                <a:close/>
                <a:moveTo>
                  <a:pt x="354808" y="0"/>
                </a:moveTo>
                <a:lnTo>
                  <a:pt x="356471" y="85288"/>
                </a:lnTo>
                <a:lnTo>
                  <a:pt x="334733" y="64382"/>
                </a:lnTo>
                <a:lnTo>
                  <a:pt x="260258" y="141819"/>
                </a:lnTo>
                <a:cubicBezTo>
                  <a:pt x="278587" y="163579"/>
                  <a:pt x="288050" y="191841"/>
                  <a:pt x="288050" y="222314"/>
                </a:cubicBezTo>
                <a:cubicBezTo>
                  <a:pt x="288050" y="301857"/>
                  <a:pt x="223568" y="366339"/>
                  <a:pt x="144025" y="366339"/>
                </a:cubicBezTo>
                <a:cubicBezTo>
                  <a:pt x="64482" y="366339"/>
                  <a:pt x="0" y="301857"/>
                  <a:pt x="0" y="222314"/>
                </a:cubicBezTo>
                <a:cubicBezTo>
                  <a:pt x="0" y="142771"/>
                  <a:pt x="64482" y="78289"/>
                  <a:pt x="144025" y="78289"/>
                </a:cubicBezTo>
                <a:cubicBezTo>
                  <a:pt x="170876" y="78289"/>
                  <a:pt x="196011" y="85637"/>
                  <a:pt x="216282" y="100527"/>
                </a:cubicBezTo>
                <a:lnTo>
                  <a:pt x="291257" y="22569"/>
                </a:lnTo>
                <a:lnTo>
                  <a:pt x="269519" y="1663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89" name="Donut 90">
            <a:extLst>
              <a:ext uri="{FF2B5EF4-FFF2-40B4-BE49-F238E27FC236}">
                <a16:creationId xmlns:a16="http://schemas.microsoft.com/office/drawing/2014/main" id="{D86BE85A-63D8-48D0-8B07-9669B75E9D9D}"/>
              </a:ext>
            </a:extLst>
          </p:cNvPr>
          <p:cNvSpPr/>
          <p:nvPr/>
        </p:nvSpPr>
        <p:spPr>
          <a:xfrm>
            <a:off x="6568402" y="1501877"/>
            <a:ext cx="532052" cy="543757"/>
          </a:xfrm>
          <a:custGeom>
            <a:avLst/>
            <a:gdLst/>
            <a:ahLst/>
            <a:cxnLst/>
            <a:rect l="l" t="t" r="r" b="b"/>
            <a:pathLst>
              <a:path w="373598" h="381817">
                <a:moveTo>
                  <a:pt x="229573" y="45391"/>
                </a:moveTo>
                <a:cubicBezTo>
                  <a:pt x="175099" y="45391"/>
                  <a:pt x="130939" y="89551"/>
                  <a:pt x="130939" y="144025"/>
                </a:cubicBezTo>
                <a:cubicBezTo>
                  <a:pt x="130939" y="198499"/>
                  <a:pt x="175099" y="242659"/>
                  <a:pt x="229573" y="242659"/>
                </a:cubicBezTo>
                <a:cubicBezTo>
                  <a:pt x="284047" y="242659"/>
                  <a:pt x="328207" y="198499"/>
                  <a:pt x="328207" y="144025"/>
                </a:cubicBezTo>
                <a:cubicBezTo>
                  <a:pt x="328207" y="89551"/>
                  <a:pt x="284047" y="45391"/>
                  <a:pt x="229573" y="45391"/>
                </a:cubicBezTo>
                <a:close/>
                <a:moveTo>
                  <a:pt x="229573" y="0"/>
                </a:moveTo>
                <a:cubicBezTo>
                  <a:pt x="309116" y="0"/>
                  <a:pt x="373598" y="64482"/>
                  <a:pt x="373598" y="144025"/>
                </a:cubicBezTo>
                <a:cubicBezTo>
                  <a:pt x="373598" y="223568"/>
                  <a:pt x="309116" y="288050"/>
                  <a:pt x="229573" y="288050"/>
                </a:cubicBezTo>
                <a:cubicBezTo>
                  <a:pt x="202172" y="288050"/>
                  <a:pt x="176558" y="280398"/>
                  <a:pt x="156060" y="264966"/>
                </a:cubicBezTo>
                <a:lnTo>
                  <a:pt x="128993" y="292033"/>
                </a:lnTo>
                <a:lnTo>
                  <a:pt x="160228" y="323268"/>
                </a:lnTo>
                <a:cubicBezTo>
                  <a:pt x="171055" y="334095"/>
                  <a:pt x="171055" y="351650"/>
                  <a:pt x="160228" y="362477"/>
                </a:cubicBezTo>
                <a:cubicBezTo>
                  <a:pt x="149401" y="373304"/>
                  <a:pt x="131846" y="373304"/>
                  <a:pt x="121019" y="362477"/>
                </a:cubicBezTo>
                <a:lnTo>
                  <a:pt x="89784" y="331242"/>
                </a:lnTo>
                <a:lnTo>
                  <a:pt x="39209" y="381817"/>
                </a:lnTo>
                <a:cubicBezTo>
                  <a:pt x="28381" y="392644"/>
                  <a:pt x="10827" y="392644"/>
                  <a:pt x="0" y="381817"/>
                </a:cubicBezTo>
                <a:cubicBezTo>
                  <a:pt x="-10828" y="370989"/>
                  <a:pt x="-10828" y="353435"/>
                  <a:pt x="0" y="342608"/>
                </a:cubicBezTo>
                <a:lnTo>
                  <a:pt x="50575" y="292033"/>
                </a:lnTo>
                <a:lnTo>
                  <a:pt x="16166" y="257624"/>
                </a:lnTo>
                <a:cubicBezTo>
                  <a:pt x="5339" y="246797"/>
                  <a:pt x="5339" y="229242"/>
                  <a:pt x="16166" y="218415"/>
                </a:cubicBezTo>
                <a:cubicBezTo>
                  <a:pt x="26993" y="207588"/>
                  <a:pt x="44548" y="207588"/>
                  <a:pt x="55375" y="218415"/>
                </a:cubicBezTo>
                <a:lnTo>
                  <a:pt x="89784" y="252824"/>
                </a:lnTo>
                <a:lnTo>
                  <a:pt x="115252" y="227356"/>
                </a:lnTo>
                <a:cubicBezTo>
                  <a:pt x="95803" y="205073"/>
                  <a:pt x="85548" y="175747"/>
                  <a:pt x="85548" y="144025"/>
                </a:cubicBezTo>
                <a:cubicBezTo>
                  <a:pt x="85548" y="64482"/>
                  <a:pt x="150030" y="0"/>
                  <a:pt x="229573" y="0"/>
                </a:cubicBez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0" name="Oval 6">
            <a:extLst>
              <a:ext uri="{FF2B5EF4-FFF2-40B4-BE49-F238E27FC236}">
                <a16:creationId xmlns:a16="http://schemas.microsoft.com/office/drawing/2014/main" id="{319E467E-1F19-4CBB-A070-3B6CE4078D17}"/>
              </a:ext>
            </a:extLst>
          </p:cNvPr>
          <p:cNvSpPr/>
          <p:nvPr/>
        </p:nvSpPr>
        <p:spPr>
          <a:xfrm>
            <a:off x="7560710" y="2604583"/>
            <a:ext cx="507960" cy="502639"/>
          </a:xfrm>
          <a:custGeom>
            <a:avLst/>
            <a:gdLst/>
            <a:ahLst/>
            <a:cxnLst/>
            <a:rect l="l" t="t" r="r" b="b"/>
            <a:pathLst>
              <a:path w="3220460" h="3186731">
                <a:moveTo>
                  <a:pt x="1762834" y="1282034"/>
                </a:moveTo>
                <a:lnTo>
                  <a:pt x="273698" y="2771171"/>
                </a:lnTo>
                <a:cubicBezTo>
                  <a:pt x="253145" y="2791724"/>
                  <a:pt x="253145" y="2825048"/>
                  <a:pt x="273698" y="2845601"/>
                </a:cubicBezTo>
                <a:cubicBezTo>
                  <a:pt x="294251" y="2866154"/>
                  <a:pt x="327575" y="2866154"/>
                  <a:pt x="348128" y="2845601"/>
                </a:cubicBezTo>
                <a:lnTo>
                  <a:pt x="1830131" y="1363598"/>
                </a:lnTo>
                <a:close/>
                <a:moveTo>
                  <a:pt x="2703218" y="237332"/>
                </a:moveTo>
                <a:cubicBezTo>
                  <a:pt x="2623680" y="237332"/>
                  <a:pt x="2559202" y="301810"/>
                  <a:pt x="2559202" y="381348"/>
                </a:cubicBezTo>
                <a:cubicBezTo>
                  <a:pt x="2559202" y="460886"/>
                  <a:pt x="2623680" y="525364"/>
                  <a:pt x="2703218" y="525364"/>
                </a:cubicBezTo>
                <a:cubicBezTo>
                  <a:pt x="2782756" y="525364"/>
                  <a:pt x="2847234" y="460886"/>
                  <a:pt x="2847234" y="381348"/>
                </a:cubicBezTo>
                <a:cubicBezTo>
                  <a:pt x="2847234" y="301810"/>
                  <a:pt x="2782756" y="237332"/>
                  <a:pt x="2703218" y="237332"/>
                </a:cubicBezTo>
                <a:close/>
                <a:moveTo>
                  <a:pt x="2413103" y="0"/>
                </a:moveTo>
                <a:cubicBezTo>
                  <a:pt x="2858994" y="0"/>
                  <a:pt x="3220460" y="361466"/>
                  <a:pt x="3220460" y="807357"/>
                </a:cubicBezTo>
                <a:cubicBezTo>
                  <a:pt x="3220460" y="1253248"/>
                  <a:pt x="2858994" y="1614714"/>
                  <a:pt x="2413103" y="1614714"/>
                </a:cubicBezTo>
                <a:cubicBezTo>
                  <a:pt x="2305542" y="1614714"/>
                  <a:pt x="2202893" y="1593680"/>
                  <a:pt x="2109223" y="1555067"/>
                </a:cubicBezTo>
                <a:lnTo>
                  <a:pt x="2191945" y="1637789"/>
                </a:lnTo>
                <a:cubicBezTo>
                  <a:pt x="2226856" y="1672699"/>
                  <a:pt x="2226855" y="1729300"/>
                  <a:pt x="2191945" y="1764210"/>
                </a:cubicBezTo>
                <a:lnTo>
                  <a:pt x="2045068" y="1911087"/>
                </a:lnTo>
                <a:cubicBezTo>
                  <a:pt x="2010158" y="1945998"/>
                  <a:pt x="1953557" y="1945998"/>
                  <a:pt x="1918647" y="1911087"/>
                </a:cubicBezTo>
                <a:lnTo>
                  <a:pt x="1799123" y="1791564"/>
                </a:lnTo>
                <a:lnTo>
                  <a:pt x="1749496" y="1841190"/>
                </a:lnTo>
                <a:lnTo>
                  <a:pt x="1832980" y="1924673"/>
                </a:lnTo>
                <a:lnTo>
                  <a:pt x="1761893" y="1995760"/>
                </a:lnTo>
                <a:lnTo>
                  <a:pt x="1678410" y="1912277"/>
                </a:lnTo>
                <a:lnTo>
                  <a:pt x="1650246" y="1940441"/>
                </a:lnTo>
                <a:lnTo>
                  <a:pt x="1735612" y="2025807"/>
                </a:lnTo>
                <a:lnTo>
                  <a:pt x="1573330" y="2188089"/>
                </a:lnTo>
                <a:lnTo>
                  <a:pt x="1487964" y="2102723"/>
                </a:lnTo>
                <a:lnTo>
                  <a:pt x="1451742" y="2138944"/>
                </a:lnTo>
                <a:lnTo>
                  <a:pt x="1537109" y="2224311"/>
                </a:lnTo>
                <a:lnTo>
                  <a:pt x="1374830" y="2386590"/>
                </a:lnTo>
                <a:lnTo>
                  <a:pt x="1289463" y="2301223"/>
                </a:lnTo>
                <a:lnTo>
                  <a:pt x="1225079" y="2365608"/>
                </a:lnTo>
                <a:lnTo>
                  <a:pt x="1310445" y="2450974"/>
                </a:lnTo>
                <a:lnTo>
                  <a:pt x="1239358" y="2522061"/>
                </a:lnTo>
                <a:lnTo>
                  <a:pt x="1153992" y="2436695"/>
                </a:lnTo>
                <a:lnTo>
                  <a:pt x="1104364" y="2486322"/>
                </a:lnTo>
                <a:lnTo>
                  <a:pt x="1189730" y="2571689"/>
                </a:lnTo>
                <a:lnTo>
                  <a:pt x="1034153" y="2727266"/>
                </a:lnTo>
                <a:lnTo>
                  <a:pt x="948787" y="2641900"/>
                </a:lnTo>
                <a:lnTo>
                  <a:pt x="905863" y="2684824"/>
                </a:lnTo>
                <a:lnTo>
                  <a:pt x="991230" y="2770191"/>
                </a:lnTo>
                <a:lnTo>
                  <a:pt x="842353" y="2919067"/>
                </a:lnTo>
                <a:lnTo>
                  <a:pt x="756986" y="2833700"/>
                </a:lnTo>
                <a:lnTo>
                  <a:pt x="692119" y="2898567"/>
                </a:lnTo>
                <a:lnTo>
                  <a:pt x="777486" y="2983934"/>
                </a:lnTo>
                <a:lnTo>
                  <a:pt x="628610" y="3132811"/>
                </a:lnTo>
                <a:lnTo>
                  <a:pt x="618557" y="3122757"/>
                </a:lnTo>
                <a:lnTo>
                  <a:pt x="622830" y="3134825"/>
                </a:lnTo>
                <a:lnTo>
                  <a:pt x="346551" y="3150831"/>
                </a:lnTo>
                <a:lnTo>
                  <a:pt x="0" y="3186731"/>
                </a:lnTo>
                <a:lnTo>
                  <a:pt x="51749" y="2750557"/>
                </a:lnTo>
                <a:lnTo>
                  <a:pt x="48979" y="2747788"/>
                </a:lnTo>
                <a:lnTo>
                  <a:pt x="52495" y="2744272"/>
                </a:lnTo>
                <a:lnTo>
                  <a:pt x="52938" y="2740533"/>
                </a:lnTo>
                <a:lnTo>
                  <a:pt x="54575" y="2742192"/>
                </a:lnTo>
                <a:lnTo>
                  <a:pt x="1671288" y="1125479"/>
                </a:lnTo>
                <a:cubicBezTo>
                  <a:pt x="1628971" y="1027979"/>
                  <a:pt x="1605746" y="920380"/>
                  <a:pt x="1605746" y="807357"/>
                </a:cubicBezTo>
                <a:cubicBezTo>
                  <a:pt x="1605746" y="361466"/>
                  <a:pt x="1967212" y="0"/>
                  <a:pt x="2413103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1" name="Block Arc 25">
            <a:extLst>
              <a:ext uri="{FF2B5EF4-FFF2-40B4-BE49-F238E27FC236}">
                <a16:creationId xmlns:a16="http://schemas.microsoft.com/office/drawing/2014/main" id="{5F7FD4D6-1C06-4ABB-98F4-AC79D3C6A6D8}"/>
              </a:ext>
            </a:extLst>
          </p:cNvPr>
          <p:cNvSpPr/>
          <p:nvPr/>
        </p:nvSpPr>
        <p:spPr>
          <a:xfrm>
            <a:off x="5081797" y="2603460"/>
            <a:ext cx="349473" cy="504884"/>
          </a:xfrm>
          <a:custGeom>
            <a:avLst/>
            <a:gdLst/>
            <a:ahLst/>
            <a:cxnLst/>
            <a:rect l="l" t="t" r="r" b="b"/>
            <a:pathLst>
              <a:path w="2215656" h="3200962">
                <a:moveTo>
                  <a:pt x="1107829" y="2097026"/>
                </a:moveTo>
                <a:cubicBezTo>
                  <a:pt x="1025315" y="2097026"/>
                  <a:pt x="958423" y="2163918"/>
                  <a:pt x="958423" y="2246432"/>
                </a:cubicBezTo>
                <a:cubicBezTo>
                  <a:pt x="958423" y="2302715"/>
                  <a:pt x="989546" y="2351730"/>
                  <a:pt x="1036590" y="2375275"/>
                </a:cubicBezTo>
                <a:lnTo>
                  <a:pt x="985422" y="2684898"/>
                </a:lnTo>
                <a:lnTo>
                  <a:pt x="1230236" y="2684898"/>
                </a:lnTo>
                <a:lnTo>
                  <a:pt x="1179068" y="2375275"/>
                </a:lnTo>
                <a:cubicBezTo>
                  <a:pt x="1226112" y="2351730"/>
                  <a:pt x="1257234" y="2302715"/>
                  <a:pt x="1257234" y="2246432"/>
                </a:cubicBezTo>
                <a:cubicBezTo>
                  <a:pt x="1257234" y="2163918"/>
                  <a:pt x="1190343" y="2097026"/>
                  <a:pt x="1107829" y="2097026"/>
                </a:cubicBezTo>
                <a:close/>
                <a:moveTo>
                  <a:pt x="1102513" y="266871"/>
                </a:moveTo>
                <a:cubicBezTo>
                  <a:pt x="874876" y="269781"/>
                  <a:pt x="691868" y="455143"/>
                  <a:pt x="691868" y="682798"/>
                </a:cubicBezTo>
                <a:lnTo>
                  <a:pt x="690469" y="682798"/>
                </a:lnTo>
                <a:lnTo>
                  <a:pt x="690469" y="1580962"/>
                </a:lnTo>
                <a:lnTo>
                  <a:pt x="1525188" y="1580962"/>
                </a:lnTo>
                <a:lnTo>
                  <a:pt x="1525188" y="672127"/>
                </a:lnTo>
                <a:lnTo>
                  <a:pt x="1523654" y="672166"/>
                </a:lnTo>
                <a:cubicBezTo>
                  <a:pt x="1517835" y="444585"/>
                  <a:pt x="1330149" y="263961"/>
                  <a:pt x="1102513" y="266871"/>
                </a:cubicBezTo>
                <a:close/>
                <a:moveTo>
                  <a:pt x="1099102" y="56"/>
                </a:moveTo>
                <a:cubicBezTo>
                  <a:pt x="1472767" y="-4720"/>
                  <a:pt x="1780852" y="291773"/>
                  <a:pt x="1790404" y="665346"/>
                </a:cubicBezTo>
                <a:lnTo>
                  <a:pt x="1742843" y="666562"/>
                </a:lnTo>
                <a:lnTo>
                  <a:pt x="1790627" y="666562"/>
                </a:lnTo>
                <a:lnTo>
                  <a:pt x="1790627" y="1580962"/>
                </a:lnTo>
                <a:lnTo>
                  <a:pt x="2041344" y="1580962"/>
                </a:lnTo>
                <a:cubicBezTo>
                  <a:pt x="2137614" y="1580962"/>
                  <a:pt x="2215656" y="1659004"/>
                  <a:pt x="2215656" y="1755274"/>
                </a:cubicBezTo>
                <a:lnTo>
                  <a:pt x="2215656" y="3026650"/>
                </a:lnTo>
                <a:cubicBezTo>
                  <a:pt x="2215656" y="3122920"/>
                  <a:pt x="2137614" y="3200962"/>
                  <a:pt x="2041344" y="3200962"/>
                </a:cubicBezTo>
                <a:lnTo>
                  <a:pt x="174312" y="3200962"/>
                </a:lnTo>
                <a:cubicBezTo>
                  <a:pt x="78042" y="3200962"/>
                  <a:pt x="0" y="3122920"/>
                  <a:pt x="0" y="3026650"/>
                </a:cubicBezTo>
                <a:lnTo>
                  <a:pt x="0" y="1755274"/>
                </a:lnTo>
                <a:cubicBezTo>
                  <a:pt x="0" y="1659004"/>
                  <a:pt x="78042" y="1580962"/>
                  <a:pt x="174312" y="1580962"/>
                </a:cubicBezTo>
                <a:lnTo>
                  <a:pt x="425030" y="1580962"/>
                </a:lnTo>
                <a:lnTo>
                  <a:pt x="425030" y="676764"/>
                </a:lnTo>
                <a:lnTo>
                  <a:pt x="425634" y="676764"/>
                </a:lnTo>
                <a:cubicBezTo>
                  <a:pt x="428273" y="305830"/>
                  <a:pt x="727452" y="4806"/>
                  <a:pt x="1099102" y="56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2" name="Block Arc 31">
            <a:extLst>
              <a:ext uri="{FF2B5EF4-FFF2-40B4-BE49-F238E27FC236}">
                <a16:creationId xmlns:a16="http://schemas.microsoft.com/office/drawing/2014/main" id="{7D9DF903-DA8F-4191-AEDF-7DDF26A64847}"/>
              </a:ext>
            </a:extLst>
          </p:cNvPr>
          <p:cNvSpPr/>
          <p:nvPr/>
        </p:nvSpPr>
        <p:spPr>
          <a:xfrm>
            <a:off x="8411005" y="2603460"/>
            <a:ext cx="455959" cy="504884"/>
          </a:xfrm>
          <a:custGeom>
            <a:avLst/>
            <a:gdLst/>
            <a:ahLst/>
            <a:cxnLst/>
            <a:rect l="l" t="t" r="r" b="b"/>
            <a:pathLst>
              <a:path w="2890784" h="3200962">
                <a:moveTo>
                  <a:pt x="1107828" y="2097026"/>
                </a:moveTo>
                <a:cubicBezTo>
                  <a:pt x="1025313" y="2097026"/>
                  <a:pt x="958422" y="2163918"/>
                  <a:pt x="958422" y="2246432"/>
                </a:cubicBezTo>
                <a:cubicBezTo>
                  <a:pt x="958422" y="2302715"/>
                  <a:pt x="989545" y="2351730"/>
                  <a:pt x="1036589" y="2375275"/>
                </a:cubicBezTo>
                <a:lnTo>
                  <a:pt x="985421" y="2684898"/>
                </a:lnTo>
                <a:lnTo>
                  <a:pt x="1230235" y="2684898"/>
                </a:lnTo>
                <a:lnTo>
                  <a:pt x="1179067" y="2375275"/>
                </a:lnTo>
                <a:cubicBezTo>
                  <a:pt x="1226111" y="2351730"/>
                  <a:pt x="1257233" y="2302715"/>
                  <a:pt x="1257233" y="2246432"/>
                </a:cubicBezTo>
                <a:cubicBezTo>
                  <a:pt x="1257233" y="2163918"/>
                  <a:pt x="1190342" y="2097026"/>
                  <a:pt x="1107828" y="2097026"/>
                </a:cubicBezTo>
                <a:close/>
                <a:moveTo>
                  <a:pt x="2199259" y="56"/>
                </a:moveTo>
                <a:cubicBezTo>
                  <a:pt x="2572924" y="-4720"/>
                  <a:pt x="2881009" y="291773"/>
                  <a:pt x="2890561" y="665346"/>
                </a:cubicBezTo>
                <a:lnTo>
                  <a:pt x="2843000" y="666562"/>
                </a:lnTo>
                <a:lnTo>
                  <a:pt x="2890784" y="666562"/>
                </a:lnTo>
                <a:lnTo>
                  <a:pt x="2890784" y="1580962"/>
                </a:lnTo>
                <a:lnTo>
                  <a:pt x="2625345" y="1580962"/>
                </a:lnTo>
                <a:lnTo>
                  <a:pt x="2625345" y="672127"/>
                </a:lnTo>
                <a:lnTo>
                  <a:pt x="2623811" y="672166"/>
                </a:lnTo>
                <a:cubicBezTo>
                  <a:pt x="2617992" y="444585"/>
                  <a:pt x="2430306" y="263961"/>
                  <a:pt x="2202670" y="266871"/>
                </a:cubicBezTo>
                <a:cubicBezTo>
                  <a:pt x="1975033" y="269781"/>
                  <a:pt x="1792025" y="455143"/>
                  <a:pt x="1792025" y="682798"/>
                </a:cubicBezTo>
                <a:lnTo>
                  <a:pt x="1790626" y="682798"/>
                </a:lnTo>
                <a:lnTo>
                  <a:pt x="1790626" y="1580962"/>
                </a:lnTo>
                <a:lnTo>
                  <a:pt x="2041344" y="1580962"/>
                </a:lnTo>
                <a:cubicBezTo>
                  <a:pt x="2137614" y="1580962"/>
                  <a:pt x="2215656" y="1659004"/>
                  <a:pt x="2215656" y="1755274"/>
                </a:cubicBezTo>
                <a:lnTo>
                  <a:pt x="2215656" y="3026650"/>
                </a:lnTo>
                <a:cubicBezTo>
                  <a:pt x="2215656" y="3122920"/>
                  <a:pt x="2137614" y="3200962"/>
                  <a:pt x="2041344" y="3200962"/>
                </a:cubicBezTo>
                <a:lnTo>
                  <a:pt x="174312" y="3200962"/>
                </a:lnTo>
                <a:cubicBezTo>
                  <a:pt x="78042" y="3200962"/>
                  <a:pt x="0" y="3122920"/>
                  <a:pt x="0" y="3026650"/>
                </a:cubicBezTo>
                <a:lnTo>
                  <a:pt x="0" y="1755274"/>
                </a:lnTo>
                <a:cubicBezTo>
                  <a:pt x="0" y="1659004"/>
                  <a:pt x="78042" y="1580962"/>
                  <a:pt x="174312" y="1580962"/>
                </a:cubicBezTo>
                <a:lnTo>
                  <a:pt x="1525187" y="1580962"/>
                </a:lnTo>
                <a:lnTo>
                  <a:pt x="1525187" y="676764"/>
                </a:lnTo>
                <a:lnTo>
                  <a:pt x="1525791" y="676764"/>
                </a:lnTo>
                <a:cubicBezTo>
                  <a:pt x="1528430" y="305830"/>
                  <a:pt x="1827609" y="4806"/>
                  <a:pt x="2199259" y="56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3" name="Freeform 53">
            <a:extLst>
              <a:ext uri="{FF2B5EF4-FFF2-40B4-BE49-F238E27FC236}">
                <a16:creationId xmlns:a16="http://schemas.microsoft.com/office/drawing/2014/main" id="{D57F2C4B-7240-41A7-B169-E1E9E5390396}"/>
              </a:ext>
            </a:extLst>
          </p:cNvPr>
          <p:cNvSpPr/>
          <p:nvPr/>
        </p:nvSpPr>
        <p:spPr>
          <a:xfrm>
            <a:off x="10130939" y="2599748"/>
            <a:ext cx="499664" cy="512309"/>
          </a:xfrm>
          <a:custGeom>
            <a:avLst/>
            <a:gdLst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19300 w 2305050"/>
              <a:gd name="connsiteY2" fmla="*/ 428625 h 2352675"/>
              <a:gd name="connsiteX3" fmla="*/ 2266950 w 2305050"/>
              <a:gd name="connsiteY3" fmla="*/ 657225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47675 w 2305050"/>
              <a:gd name="connsiteY15" fmla="*/ 2276475 h 2352675"/>
              <a:gd name="connsiteX16" fmla="*/ 238125 w 2305050"/>
              <a:gd name="connsiteY16" fmla="*/ 2171700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19300 w 2305050"/>
              <a:gd name="connsiteY2" fmla="*/ 428625 h 2352675"/>
              <a:gd name="connsiteX3" fmla="*/ 2266950 w 2305050"/>
              <a:gd name="connsiteY3" fmla="*/ 657225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47675 w 2305050"/>
              <a:gd name="connsiteY15" fmla="*/ 2276475 h 2352675"/>
              <a:gd name="connsiteX16" fmla="*/ 260071 w 2305050"/>
              <a:gd name="connsiteY16" fmla="*/ 2087575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19300 w 2305050"/>
              <a:gd name="connsiteY2" fmla="*/ 428625 h 2352675"/>
              <a:gd name="connsiteX3" fmla="*/ 2266950 w 2305050"/>
              <a:gd name="connsiteY3" fmla="*/ 657225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47675 w 2305050"/>
              <a:gd name="connsiteY15" fmla="*/ 2276475 h 2352675"/>
              <a:gd name="connsiteX16" fmla="*/ 296647 w 2305050"/>
              <a:gd name="connsiteY16" fmla="*/ 2094890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19300 w 2305050"/>
              <a:gd name="connsiteY2" fmla="*/ 428625 h 2352675"/>
              <a:gd name="connsiteX3" fmla="*/ 2266950 w 2305050"/>
              <a:gd name="connsiteY3" fmla="*/ 657225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47675 w 2305050"/>
              <a:gd name="connsiteY15" fmla="*/ 227647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19300 w 2305050"/>
              <a:gd name="connsiteY2" fmla="*/ 428625 h 2352675"/>
              <a:gd name="connsiteX3" fmla="*/ 2266950 w 2305050"/>
              <a:gd name="connsiteY3" fmla="*/ 657225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19300 w 2305050"/>
              <a:gd name="connsiteY2" fmla="*/ 428625 h 2352675"/>
              <a:gd name="connsiteX3" fmla="*/ 2292554 w 2305050"/>
              <a:gd name="connsiteY3" fmla="*/ 627964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81480 w 2305050"/>
              <a:gd name="connsiteY2" fmla="*/ 476174 h 2352675"/>
              <a:gd name="connsiteX3" fmla="*/ 2292554 w 2305050"/>
              <a:gd name="connsiteY3" fmla="*/ 627964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04671 w 2305050"/>
              <a:gd name="connsiteY2" fmla="*/ 468859 h 2352675"/>
              <a:gd name="connsiteX3" fmla="*/ 2292554 w 2305050"/>
              <a:gd name="connsiteY3" fmla="*/ 627964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1960779 w 2305050"/>
              <a:gd name="connsiteY2" fmla="*/ 472517 h 2352675"/>
              <a:gd name="connsiteX3" fmla="*/ 2292554 w 2305050"/>
              <a:gd name="connsiteY3" fmla="*/ 627964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1960779 w 2305050"/>
              <a:gd name="connsiteY2" fmla="*/ 472517 h 2352675"/>
              <a:gd name="connsiteX3" fmla="*/ 2270609 w 2305050"/>
              <a:gd name="connsiteY3" fmla="*/ 649910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1960779 w 2305050"/>
              <a:gd name="connsiteY2" fmla="*/ 472517 h 2352675"/>
              <a:gd name="connsiteX3" fmla="*/ 2296212 w 2305050"/>
              <a:gd name="connsiteY3" fmla="*/ 646252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1982725 w 2305050"/>
              <a:gd name="connsiteY2" fmla="*/ 494463 h 2352675"/>
              <a:gd name="connsiteX3" fmla="*/ 2296212 w 2305050"/>
              <a:gd name="connsiteY3" fmla="*/ 646252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41246 w 2305050"/>
              <a:gd name="connsiteY2" fmla="*/ 498120 h 2352675"/>
              <a:gd name="connsiteX3" fmla="*/ 2296212 w 2305050"/>
              <a:gd name="connsiteY3" fmla="*/ 646252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3875 w 2305050"/>
              <a:gd name="connsiteY17" fmla="*/ 714375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41246 w 2305050"/>
              <a:gd name="connsiteY2" fmla="*/ 498120 h 2352675"/>
              <a:gd name="connsiteX3" fmla="*/ 2296212 w 2305050"/>
              <a:gd name="connsiteY3" fmla="*/ 646252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0217 w 2305050"/>
              <a:gd name="connsiteY17" fmla="*/ 750951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41246 w 2305050"/>
              <a:gd name="connsiteY2" fmla="*/ 498120 h 2352675"/>
              <a:gd name="connsiteX3" fmla="*/ 2296212 w 2305050"/>
              <a:gd name="connsiteY3" fmla="*/ 646252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0217 w 2305050"/>
              <a:gd name="connsiteY17" fmla="*/ 750951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41246 w 2305050"/>
              <a:gd name="connsiteY2" fmla="*/ 498120 h 2352675"/>
              <a:gd name="connsiteX3" fmla="*/ 2296212 w 2305050"/>
              <a:gd name="connsiteY3" fmla="*/ 646252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0217 w 2305050"/>
              <a:gd name="connsiteY17" fmla="*/ 750951 h 2352675"/>
              <a:gd name="connsiteX18" fmla="*/ 0 w 2305050"/>
              <a:gd name="connsiteY18" fmla="*/ 0 h 2352675"/>
              <a:gd name="connsiteX0" fmla="*/ 0 w 2305050"/>
              <a:gd name="connsiteY0" fmla="*/ 0 h 2352675"/>
              <a:gd name="connsiteX1" fmla="*/ 771525 w 2305050"/>
              <a:gd name="connsiteY1" fmla="*/ 561975 h 2352675"/>
              <a:gd name="connsiteX2" fmla="*/ 2041246 w 2305050"/>
              <a:gd name="connsiteY2" fmla="*/ 498120 h 2352675"/>
              <a:gd name="connsiteX3" fmla="*/ 2296212 w 2305050"/>
              <a:gd name="connsiteY3" fmla="*/ 646252 h 2352675"/>
              <a:gd name="connsiteX4" fmla="*/ 1143000 w 2305050"/>
              <a:gd name="connsiteY4" fmla="*/ 1009650 h 2352675"/>
              <a:gd name="connsiteX5" fmla="*/ 1628775 w 2305050"/>
              <a:gd name="connsiteY5" fmla="*/ 1533525 h 2352675"/>
              <a:gd name="connsiteX6" fmla="*/ 2076450 w 2305050"/>
              <a:gd name="connsiteY6" fmla="*/ 1533525 h 2352675"/>
              <a:gd name="connsiteX7" fmla="*/ 2305050 w 2305050"/>
              <a:gd name="connsiteY7" fmla="*/ 1724025 h 2352675"/>
              <a:gd name="connsiteX8" fmla="*/ 1838325 w 2305050"/>
              <a:gd name="connsiteY8" fmla="*/ 1857375 h 2352675"/>
              <a:gd name="connsiteX9" fmla="*/ 2009775 w 2305050"/>
              <a:gd name="connsiteY9" fmla="*/ 2105025 h 2352675"/>
              <a:gd name="connsiteX10" fmla="*/ 1733550 w 2305050"/>
              <a:gd name="connsiteY10" fmla="*/ 1971675 h 2352675"/>
              <a:gd name="connsiteX11" fmla="*/ 1543050 w 2305050"/>
              <a:gd name="connsiteY11" fmla="*/ 2352675 h 2352675"/>
              <a:gd name="connsiteX12" fmla="*/ 1314450 w 2305050"/>
              <a:gd name="connsiteY12" fmla="*/ 2133600 h 2352675"/>
              <a:gd name="connsiteX13" fmla="*/ 1447800 w 2305050"/>
              <a:gd name="connsiteY13" fmla="*/ 1771650 h 2352675"/>
              <a:gd name="connsiteX14" fmla="*/ 923925 w 2305050"/>
              <a:gd name="connsiteY14" fmla="*/ 1190625 h 2352675"/>
              <a:gd name="connsiteX15" fmla="*/ 414757 w 2305050"/>
              <a:gd name="connsiteY15" fmla="*/ 2305735 h 2352675"/>
              <a:gd name="connsiteX16" fmla="*/ 292990 w 2305050"/>
              <a:gd name="connsiteY16" fmla="*/ 2036368 h 2352675"/>
              <a:gd name="connsiteX17" fmla="*/ 520217 w 2305050"/>
              <a:gd name="connsiteY17" fmla="*/ 750951 h 2352675"/>
              <a:gd name="connsiteX18" fmla="*/ 0 w 2305050"/>
              <a:gd name="connsiteY18" fmla="*/ 0 h 2352675"/>
              <a:gd name="connsiteX0" fmla="*/ 0 w 2294077"/>
              <a:gd name="connsiteY0" fmla="*/ 0 h 2363647"/>
              <a:gd name="connsiteX1" fmla="*/ 760552 w 2294077"/>
              <a:gd name="connsiteY1" fmla="*/ 572947 h 2363647"/>
              <a:gd name="connsiteX2" fmla="*/ 2030273 w 2294077"/>
              <a:gd name="connsiteY2" fmla="*/ 509092 h 2363647"/>
              <a:gd name="connsiteX3" fmla="*/ 2285239 w 2294077"/>
              <a:gd name="connsiteY3" fmla="*/ 657224 h 2363647"/>
              <a:gd name="connsiteX4" fmla="*/ 1132027 w 2294077"/>
              <a:gd name="connsiteY4" fmla="*/ 1020622 h 2363647"/>
              <a:gd name="connsiteX5" fmla="*/ 1617802 w 2294077"/>
              <a:gd name="connsiteY5" fmla="*/ 1544497 h 2363647"/>
              <a:gd name="connsiteX6" fmla="*/ 2065477 w 2294077"/>
              <a:gd name="connsiteY6" fmla="*/ 1544497 h 2363647"/>
              <a:gd name="connsiteX7" fmla="*/ 2294077 w 2294077"/>
              <a:gd name="connsiteY7" fmla="*/ 1734997 h 2363647"/>
              <a:gd name="connsiteX8" fmla="*/ 1827352 w 2294077"/>
              <a:gd name="connsiteY8" fmla="*/ 1868347 h 2363647"/>
              <a:gd name="connsiteX9" fmla="*/ 1998802 w 2294077"/>
              <a:gd name="connsiteY9" fmla="*/ 2115997 h 2363647"/>
              <a:gd name="connsiteX10" fmla="*/ 1722577 w 2294077"/>
              <a:gd name="connsiteY10" fmla="*/ 1982647 h 2363647"/>
              <a:gd name="connsiteX11" fmla="*/ 1532077 w 2294077"/>
              <a:gd name="connsiteY11" fmla="*/ 2363647 h 2363647"/>
              <a:gd name="connsiteX12" fmla="*/ 1303477 w 2294077"/>
              <a:gd name="connsiteY12" fmla="*/ 2144572 h 2363647"/>
              <a:gd name="connsiteX13" fmla="*/ 1436827 w 2294077"/>
              <a:gd name="connsiteY13" fmla="*/ 1782622 h 2363647"/>
              <a:gd name="connsiteX14" fmla="*/ 912952 w 2294077"/>
              <a:gd name="connsiteY14" fmla="*/ 1201597 h 2363647"/>
              <a:gd name="connsiteX15" fmla="*/ 403784 w 2294077"/>
              <a:gd name="connsiteY15" fmla="*/ 2316707 h 2363647"/>
              <a:gd name="connsiteX16" fmla="*/ 282017 w 2294077"/>
              <a:gd name="connsiteY16" fmla="*/ 2047340 h 2363647"/>
              <a:gd name="connsiteX17" fmla="*/ 509244 w 2294077"/>
              <a:gd name="connsiteY17" fmla="*/ 761923 h 2363647"/>
              <a:gd name="connsiteX18" fmla="*/ 0 w 2294077"/>
              <a:gd name="connsiteY18" fmla="*/ 0 h 2363647"/>
              <a:gd name="connsiteX0" fmla="*/ 6569 w 2300646"/>
              <a:gd name="connsiteY0" fmla="*/ 0 h 2363647"/>
              <a:gd name="connsiteX1" fmla="*/ 767121 w 2300646"/>
              <a:gd name="connsiteY1" fmla="*/ 572947 h 2363647"/>
              <a:gd name="connsiteX2" fmla="*/ 2036842 w 2300646"/>
              <a:gd name="connsiteY2" fmla="*/ 509092 h 2363647"/>
              <a:gd name="connsiteX3" fmla="*/ 2291808 w 2300646"/>
              <a:gd name="connsiteY3" fmla="*/ 657224 h 2363647"/>
              <a:gd name="connsiteX4" fmla="*/ 1138596 w 2300646"/>
              <a:gd name="connsiteY4" fmla="*/ 1020622 h 2363647"/>
              <a:gd name="connsiteX5" fmla="*/ 1624371 w 2300646"/>
              <a:gd name="connsiteY5" fmla="*/ 1544497 h 2363647"/>
              <a:gd name="connsiteX6" fmla="*/ 2072046 w 2300646"/>
              <a:gd name="connsiteY6" fmla="*/ 1544497 h 2363647"/>
              <a:gd name="connsiteX7" fmla="*/ 2300646 w 2300646"/>
              <a:gd name="connsiteY7" fmla="*/ 1734997 h 2363647"/>
              <a:gd name="connsiteX8" fmla="*/ 1833921 w 2300646"/>
              <a:gd name="connsiteY8" fmla="*/ 1868347 h 2363647"/>
              <a:gd name="connsiteX9" fmla="*/ 2005371 w 2300646"/>
              <a:gd name="connsiteY9" fmla="*/ 2115997 h 2363647"/>
              <a:gd name="connsiteX10" fmla="*/ 1729146 w 2300646"/>
              <a:gd name="connsiteY10" fmla="*/ 1982647 h 2363647"/>
              <a:gd name="connsiteX11" fmla="*/ 1538646 w 2300646"/>
              <a:gd name="connsiteY11" fmla="*/ 2363647 h 2363647"/>
              <a:gd name="connsiteX12" fmla="*/ 1310046 w 2300646"/>
              <a:gd name="connsiteY12" fmla="*/ 2144572 h 2363647"/>
              <a:gd name="connsiteX13" fmla="*/ 1443396 w 2300646"/>
              <a:gd name="connsiteY13" fmla="*/ 1782622 h 2363647"/>
              <a:gd name="connsiteX14" fmla="*/ 919521 w 2300646"/>
              <a:gd name="connsiteY14" fmla="*/ 1201597 h 2363647"/>
              <a:gd name="connsiteX15" fmla="*/ 410353 w 2300646"/>
              <a:gd name="connsiteY15" fmla="*/ 2316707 h 2363647"/>
              <a:gd name="connsiteX16" fmla="*/ 288586 w 2300646"/>
              <a:gd name="connsiteY16" fmla="*/ 2047340 h 2363647"/>
              <a:gd name="connsiteX17" fmla="*/ 515813 w 2300646"/>
              <a:gd name="connsiteY17" fmla="*/ 761923 h 2363647"/>
              <a:gd name="connsiteX18" fmla="*/ 6569 w 2300646"/>
              <a:gd name="connsiteY18" fmla="*/ 0 h 2363647"/>
              <a:gd name="connsiteX0" fmla="*/ 6569 w 2300646"/>
              <a:gd name="connsiteY0" fmla="*/ 5505 h 2369152"/>
              <a:gd name="connsiteX1" fmla="*/ 767121 w 2300646"/>
              <a:gd name="connsiteY1" fmla="*/ 578452 h 2369152"/>
              <a:gd name="connsiteX2" fmla="*/ 2036842 w 2300646"/>
              <a:gd name="connsiteY2" fmla="*/ 514597 h 2369152"/>
              <a:gd name="connsiteX3" fmla="*/ 2291808 w 2300646"/>
              <a:gd name="connsiteY3" fmla="*/ 662729 h 2369152"/>
              <a:gd name="connsiteX4" fmla="*/ 1138596 w 2300646"/>
              <a:gd name="connsiteY4" fmla="*/ 1026127 h 2369152"/>
              <a:gd name="connsiteX5" fmla="*/ 1624371 w 2300646"/>
              <a:gd name="connsiteY5" fmla="*/ 1550002 h 2369152"/>
              <a:gd name="connsiteX6" fmla="*/ 2072046 w 2300646"/>
              <a:gd name="connsiteY6" fmla="*/ 1550002 h 2369152"/>
              <a:gd name="connsiteX7" fmla="*/ 2300646 w 2300646"/>
              <a:gd name="connsiteY7" fmla="*/ 1740502 h 2369152"/>
              <a:gd name="connsiteX8" fmla="*/ 1833921 w 2300646"/>
              <a:gd name="connsiteY8" fmla="*/ 1873852 h 2369152"/>
              <a:gd name="connsiteX9" fmla="*/ 2005371 w 2300646"/>
              <a:gd name="connsiteY9" fmla="*/ 2121502 h 2369152"/>
              <a:gd name="connsiteX10" fmla="*/ 1729146 w 2300646"/>
              <a:gd name="connsiteY10" fmla="*/ 1988152 h 2369152"/>
              <a:gd name="connsiteX11" fmla="*/ 1538646 w 2300646"/>
              <a:gd name="connsiteY11" fmla="*/ 2369152 h 2369152"/>
              <a:gd name="connsiteX12" fmla="*/ 1310046 w 2300646"/>
              <a:gd name="connsiteY12" fmla="*/ 2150077 h 2369152"/>
              <a:gd name="connsiteX13" fmla="*/ 1443396 w 2300646"/>
              <a:gd name="connsiteY13" fmla="*/ 1788127 h 2369152"/>
              <a:gd name="connsiteX14" fmla="*/ 919521 w 2300646"/>
              <a:gd name="connsiteY14" fmla="*/ 1207102 h 2369152"/>
              <a:gd name="connsiteX15" fmla="*/ 410353 w 2300646"/>
              <a:gd name="connsiteY15" fmla="*/ 2322212 h 2369152"/>
              <a:gd name="connsiteX16" fmla="*/ 288586 w 2300646"/>
              <a:gd name="connsiteY16" fmla="*/ 2052845 h 2369152"/>
              <a:gd name="connsiteX17" fmla="*/ 515813 w 2300646"/>
              <a:gd name="connsiteY17" fmla="*/ 767428 h 2369152"/>
              <a:gd name="connsiteX18" fmla="*/ 6569 w 2300646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43194 w 2305244"/>
              <a:gd name="connsiteY4" fmla="*/ 1026127 h 2369152"/>
              <a:gd name="connsiteX5" fmla="*/ 1628969 w 2305244"/>
              <a:gd name="connsiteY5" fmla="*/ 1550002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47994 w 2305244"/>
              <a:gd name="connsiteY13" fmla="*/ 1788127 h 2369152"/>
              <a:gd name="connsiteX14" fmla="*/ 924119 w 2305244"/>
              <a:gd name="connsiteY14" fmla="*/ 1207102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43194 w 2305244"/>
              <a:gd name="connsiteY4" fmla="*/ 1026127 h 2369152"/>
              <a:gd name="connsiteX5" fmla="*/ 1628969 w 2305244"/>
              <a:gd name="connsiteY5" fmla="*/ 1550002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47994 w 2305244"/>
              <a:gd name="connsiteY13" fmla="*/ 1788127 h 2369152"/>
              <a:gd name="connsiteX14" fmla="*/ 909489 w 2305244"/>
              <a:gd name="connsiteY14" fmla="*/ 1185156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06618 w 2305244"/>
              <a:gd name="connsiteY4" fmla="*/ 1004182 h 2369152"/>
              <a:gd name="connsiteX5" fmla="*/ 1628969 w 2305244"/>
              <a:gd name="connsiteY5" fmla="*/ 1550002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47994 w 2305244"/>
              <a:gd name="connsiteY13" fmla="*/ 1788127 h 2369152"/>
              <a:gd name="connsiteX14" fmla="*/ 909489 w 2305244"/>
              <a:gd name="connsiteY14" fmla="*/ 1185156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06618 w 2305244"/>
              <a:gd name="connsiteY4" fmla="*/ 1004182 h 2369152"/>
              <a:gd name="connsiteX5" fmla="*/ 1628969 w 2305244"/>
              <a:gd name="connsiteY5" fmla="*/ 1550002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47994 w 2305244"/>
              <a:gd name="connsiteY13" fmla="*/ 1788127 h 2369152"/>
              <a:gd name="connsiteX14" fmla="*/ 898516 w 2305244"/>
              <a:gd name="connsiteY14" fmla="*/ 1196129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24906 w 2305244"/>
              <a:gd name="connsiteY4" fmla="*/ 1004182 h 2369152"/>
              <a:gd name="connsiteX5" fmla="*/ 1628969 w 2305244"/>
              <a:gd name="connsiteY5" fmla="*/ 1550002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47994 w 2305244"/>
              <a:gd name="connsiteY13" fmla="*/ 1788127 h 2369152"/>
              <a:gd name="connsiteX14" fmla="*/ 898516 w 2305244"/>
              <a:gd name="connsiteY14" fmla="*/ 1196129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24906 w 2305244"/>
              <a:gd name="connsiteY4" fmla="*/ 1004182 h 2369152"/>
              <a:gd name="connsiteX5" fmla="*/ 1628969 w 2305244"/>
              <a:gd name="connsiteY5" fmla="*/ 1550002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47994 w 2305244"/>
              <a:gd name="connsiteY13" fmla="*/ 1788127 h 2369152"/>
              <a:gd name="connsiteX14" fmla="*/ 909489 w 2305244"/>
              <a:gd name="connsiteY14" fmla="*/ 1225390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24906 w 2305244"/>
              <a:gd name="connsiteY4" fmla="*/ 1004182 h 2369152"/>
              <a:gd name="connsiteX5" fmla="*/ 1628969 w 2305244"/>
              <a:gd name="connsiteY5" fmla="*/ 1550002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73597 w 2305244"/>
              <a:gd name="connsiteY13" fmla="*/ 1788127 h 2369152"/>
              <a:gd name="connsiteX14" fmla="*/ 909489 w 2305244"/>
              <a:gd name="connsiteY14" fmla="*/ 1225390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24906 w 2305244"/>
              <a:gd name="connsiteY4" fmla="*/ 1004182 h 2369152"/>
              <a:gd name="connsiteX5" fmla="*/ 1628969 w 2305244"/>
              <a:gd name="connsiteY5" fmla="*/ 1550002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513830 w 2305244"/>
              <a:gd name="connsiteY13" fmla="*/ 1784469 h 2369152"/>
              <a:gd name="connsiteX14" fmla="*/ 909489 w 2305244"/>
              <a:gd name="connsiteY14" fmla="*/ 1225390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24906 w 2305244"/>
              <a:gd name="connsiteY4" fmla="*/ 1004182 h 2369152"/>
              <a:gd name="connsiteX5" fmla="*/ 1628969 w 2305244"/>
              <a:gd name="connsiteY5" fmla="*/ 1550002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95542 w 2305244"/>
              <a:gd name="connsiteY13" fmla="*/ 1788127 h 2369152"/>
              <a:gd name="connsiteX14" fmla="*/ 909489 w 2305244"/>
              <a:gd name="connsiteY14" fmla="*/ 1225390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24906 w 2305244"/>
              <a:gd name="connsiteY4" fmla="*/ 1004182 h 2369152"/>
              <a:gd name="connsiteX5" fmla="*/ 1650914 w 2305244"/>
              <a:gd name="connsiteY5" fmla="*/ 1597551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95542 w 2305244"/>
              <a:gd name="connsiteY13" fmla="*/ 1788127 h 2369152"/>
              <a:gd name="connsiteX14" fmla="*/ 909489 w 2305244"/>
              <a:gd name="connsiteY14" fmla="*/ 1225390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24906 w 2305244"/>
              <a:gd name="connsiteY4" fmla="*/ 1004182 h 2369152"/>
              <a:gd name="connsiteX5" fmla="*/ 1676517 w 2305244"/>
              <a:gd name="connsiteY5" fmla="*/ 1608523 h 2369152"/>
              <a:gd name="connsiteX6" fmla="*/ 2076644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95542 w 2305244"/>
              <a:gd name="connsiteY13" fmla="*/ 1788127 h 2369152"/>
              <a:gd name="connsiteX14" fmla="*/ 909489 w 2305244"/>
              <a:gd name="connsiteY14" fmla="*/ 1225390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11167 w 2305244"/>
              <a:gd name="connsiteY0" fmla="*/ 5505 h 2369152"/>
              <a:gd name="connsiteX1" fmla="*/ 771719 w 2305244"/>
              <a:gd name="connsiteY1" fmla="*/ 578452 h 2369152"/>
              <a:gd name="connsiteX2" fmla="*/ 2041440 w 2305244"/>
              <a:gd name="connsiteY2" fmla="*/ 514597 h 2369152"/>
              <a:gd name="connsiteX3" fmla="*/ 2296406 w 2305244"/>
              <a:gd name="connsiteY3" fmla="*/ 662729 h 2369152"/>
              <a:gd name="connsiteX4" fmla="*/ 1124906 w 2305244"/>
              <a:gd name="connsiteY4" fmla="*/ 1004182 h 2369152"/>
              <a:gd name="connsiteX5" fmla="*/ 1676517 w 2305244"/>
              <a:gd name="connsiteY5" fmla="*/ 1608523 h 2369152"/>
              <a:gd name="connsiteX6" fmla="*/ 2032752 w 2305244"/>
              <a:gd name="connsiteY6" fmla="*/ 1550002 h 2369152"/>
              <a:gd name="connsiteX7" fmla="*/ 2305244 w 2305244"/>
              <a:gd name="connsiteY7" fmla="*/ 1740502 h 2369152"/>
              <a:gd name="connsiteX8" fmla="*/ 1838519 w 2305244"/>
              <a:gd name="connsiteY8" fmla="*/ 1873852 h 2369152"/>
              <a:gd name="connsiteX9" fmla="*/ 2009969 w 2305244"/>
              <a:gd name="connsiteY9" fmla="*/ 2121502 h 2369152"/>
              <a:gd name="connsiteX10" fmla="*/ 1733744 w 2305244"/>
              <a:gd name="connsiteY10" fmla="*/ 1988152 h 2369152"/>
              <a:gd name="connsiteX11" fmla="*/ 1543244 w 2305244"/>
              <a:gd name="connsiteY11" fmla="*/ 2369152 h 2369152"/>
              <a:gd name="connsiteX12" fmla="*/ 1314644 w 2305244"/>
              <a:gd name="connsiteY12" fmla="*/ 2150077 h 2369152"/>
              <a:gd name="connsiteX13" fmla="*/ 1495542 w 2305244"/>
              <a:gd name="connsiteY13" fmla="*/ 1788127 h 2369152"/>
              <a:gd name="connsiteX14" fmla="*/ 909489 w 2305244"/>
              <a:gd name="connsiteY14" fmla="*/ 1225390 h 2369152"/>
              <a:gd name="connsiteX15" fmla="*/ 414951 w 2305244"/>
              <a:gd name="connsiteY15" fmla="*/ 2322212 h 2369152"/>
              <a:gd name="connsiteX16" fmla="*/ 293184 w 2305244"/>
              <a:gd name="connsiteY16" fmla="*/ 2052845 h 2369152"/>
              <a:gd name="connsiteX17" fmla="*/ 520411 w 2305244"/>
              <a:gd name="connsiteY17" fmla="*/ 767428 h 2369152"/>
              <a:gd name="connsiteX18" fmla="*/ 11167 w 2305244"/>
              <a:gd name="connsiteY18" fmla="*/ 5505 h 2369152"/>
              <a:gd name="connsiteX0" fmla="*/ 2305244 w 2305244"/>
              <a:gd name="connsiteY0" fmla="*/ 1740502 h 2369152"/>
              <a:gd name="connsiteX1" fmla="*/ 1838519 w 2305244"/>
              <a:gd name="connsiteY1" fmla="*/ 1873852 h 2369152"/>
              <a:gd name="connsiteX2" fmla="*/ 2009969 w 2305244"/>
              <a:gd name="connsiteY2" fmla="*/ 2121502 h 2369152"/>
              <a:gd name="connsiteX3" fmla="*/ 1733744 w 2305244"/>
              <a:gd name="connsiteY3" fmla="*/ 1988152 h 2369152"/>
              <a:gd name="connsiteX4" fmla="*/ 1543244 w 2305244"/>
              <a:gd name="connsiteY4" fmla="*/ 2369152 h 2369152"/>
              <a:gd name="connsiteX5" fmla="*/ 1314644 w 2305244"/>
              <a:gd name="connsiteY5" fmla="*/ 2150077 h 2369152"/>
              <a:gd name="connsiteX6" fmla="*/ 1495542 w 2305244"/>
              <a:gd name="connsiteY6" fmla="*/ 1788127 h 2369152"/>
              <a:gd name="connsiteX7" fmla="*/ 909489 w 2305244"/>
              <a:gd name="connsiteY7" fmla="*/ 1225390 h 2369152"/>
              <a:gd name="connsiteX8" fmla="*/ 414951 w 2305244"/>
              <a:gd name="connsiteY8" fmla="*/ 2322212 h 2369152"/>
              <a:gd name="connsiteX9" fmla="*/ 293184 w 2305244"/>
              <a:gd name="connsiteY9" fmla="*/ 2052845 h 2369152"/>
              <a:gd name="connsiteX10" fmla="*/ 520411 w 2305244"/>
              <a:gd name="connsiteY10" fmla="*/ 767428 h 2369152"/>
              <a:gd name="connsiteX11" fmla="*/ 11167 w 2305244"/>
              <a:gd name="connsiteY11" fmla="*/ 5505 h 2369152"/>
              <a:gd name="connsiteX12" fmla="*/ 771719 w 2305244"/>
              <a:gd name="connsiteY12" fmla="*/ 578452 h 2369152"/>
              <a:gd name="connsiteX13" fmla="*/ 2041440 w 2305244"/>
              <a:gd name="connsiteY13" fmla="*/ 514597 h 2369152"/>
              <a:gd name="connsiteX14" fmla="*/ 2296406 w 2305244"/>
              <a:gd name="connsiteY14" fmla="*/ 662729 h 2369152"/>
              <a:gd name="connsiteX15" fmla="*/ 1124906 w 2305244"/>
              <a:gd name="connsiteY15" fmla="*/ 1004182 h 2369152"/>
              <a:gd name="connsiteX16" fmla="*/ 1676517 w 2305244"/>
              <a:gd name="connsiteY16" fmla="*/ 1608523 h 2369152"/>
              <a:gd name="connsiteX17" fmla="*/ 2124192 w 2305244"/>
              <a:gd name="connsiteY17" fmla="*/ 1641442 h 2369152"/>
              <a:gd name="connsiteX0" fmla="*/ 2305244 w 2305244"/>
              <a:gd name="connsiteY0" fmla="*/ 1740502 h 2369152"/>
              <a:gd name="connsiteX1" fmla="*/ 1838519 w 2305244"/>
              <a:gd name="connsiteY1" fmla="*/ 1873852 h 2369152"/>
              <a:gd name="connsiteX2" fmla="*/ 2009969 w 2305244"/>
              <a:gd name="connsiteY2" fmla="*/ 2121502 h 2369152"/>
              <a:gd name="connsiteX3" fmla="*/ 1733744 w 2305244"/>
              <a:gd name="connsiteY3" fmla="*/ 1988152 h 2369152"/>
              <a:gd name="connsiteX4" fmla="*/ 1543244 w 2305244"/>
              <a:gd name="connsiteY4" fmla="*/ 2369152 h 2369152"/>
              <a:gd name="connsiteX5" fmla="*/ 1314644 w 2305244"/>
              <a:gd name="connsiteY5" fmla="*/ 2150077 h 2369152"/>
              <a:gd name="connsiteX6" fmla="*/ 1495542 w 2305244"/>
              <a:gd name="connsiteY6" fmla="*/ 1788127 h 2369152"/>
              <a:gd name="connsiteX7" fmla="*/ 909489 w 2305244"/>
              <a:gd name="connsiteY7" fmla="*/ 1225390 h 2369152"/>
              <a:gd name="connsiteX8" fmla="*/ 414951 w 2305244"/>
              <a:gd name="connsiteY8" fmla="*/ 2322212 h 2369152"/>
              <a:gd name="connsiteX9" fmla="*/ 293184 w 2305244"/>
              <a:gd name="connsiteY9" fmla="*/ 2052845 h 2369152"/>
              <a:gd name="connsiteX10" fmla="*/ 520411 w 2305244"/>
              <a:gd name="connsiteY10" fmla="*/ 767428 h 2369152"/>
              <a:gd name="connsiteX11" fmla="*/ 11167 w 2305244"/>
              <a:gd name="connsiteY11" fmla="*/ 5505 h 2369152"/>
              <a:gd name="connsiteX12" fmla="*/ 771719 w 2305244"/>
              <a:gd name="connsiteY12" fmla="*/ 578452 h 2369152"/>
              <a:gd name="connsiteX13" fmla="*/ 2041440 w 2305244"/>
              <a:gd name="connsiteY13" fmla="*/ 514597 h 2369152"/>
              <a:gd name="connsiteX14" fmla="*/ 2296406 w 2305244"/>
              <a:gd name="connsiteY14" fmla="*/ 662729 h 2369152"/>
              <a:gd name="connsiteX15" fmla="*/ 1124906 w 2305244"/>
              <a:gd name="connsiteY15" fmla="*/ 1004182 h 2369152"/>
              <a:gd name="connsiteX16" fmla="*/ 1676517 w 2305244"/>
              <a:gd name="connsiteY16" fmla="*/ 1608523 h 2369152"/>
              <a:gd name="connsiteX17" fmla="*/ 2102246 w 2305244"/>
              <a:gd name="connsiteY17" fmla="*/ 1579262 h 2369152"/>
              <a:gd name="connsiteX0" fmla="*/ 2275983 w 2296406"/>
              <a:gd name="connsiteY0" fmla="*/ 1747817 h 2369152"/>
              <a:gd name="connsiteX1" fmla="*/ 1838519 w 2296406"/>
              <a:gd name="connsiteY1" fmla="*/ 1873852 h 2369152"/>
              <a:gd name="connsiteX2" fmla="*/ 2009969 w 2296406"/>
              <a:gd name="connsiteY2" fmla="*/ 2121502 h 2369152"/>
              <a:gd name="connsiteX3" fmla="*/ 1733744 w 2296406"/>
              <a:gd name="connsiteY3" fmla="*/ 1988152 h 2369152"/>
              <a:gd name="connsiteX4" fmla="*/ 1543244 w 2296406"/>
              <a:gd name="connsiteY4" fmla="*/ 2369152 h 2369152"/>
              <a:gd name="connsiteX5" fmla="*/ 1314644 w 2296406"/>
              <a:gd name="connsiteY5" fmla="*/ 2150077 h 2369152"/>
              <a:gd name="connsiteX6" fmla="*/ 1495542 w 2296406"/>
              <a:gd name="connsiteY6" fmla="*/ 1788127 h 2369152"/>
              <a:gd name="connsiteX7" fmla="*/ 909489 w 2296406"/>
              <a:gd name="connsiteY7" fmla="*/ 1225390 h 2369152"/>
              <a:gd name="connsiteX8" fmla="*/ 414951 w 2296406"/>
              <a:gd name="connsiteY8" fmla="*/ 2322212 h 2369152"/>
              <a:gd name="connsiteX9" fmla="*/ 293184 w 2296406"/>
              <a:gd name="connsiteY9" fmla="*/ 2052845 h 2369152"/>
              <a:gd name="connsiteX10" fmla="*/ 520411 w 2296406"/>
              <a:gd name="connsiteY10" fmla="*/ 767428 h 2369152"/>
              <a:gd name="connsiteX11" fmla="*/ 11167 w 2296406"/>
              <a:gd name="connsiteY11" fmla="*/ 5505 h 2369152"/>
              <a:gd name="connsiteX12" fmla="*/ 771719 w 2296406"/>
              <a:gd name="connsiteY12" fmla="*/ 578452 h 2369152"/>
              <a:gd name="connsiteX13" fmla="*/ 2041440 w 2296406"/>
              <a:gd name="connsiteY13" fmla="*/ 514597 h 2369152"/>
              <a:gd name="connsiteX14" fmla="*/ 2296406 w 2296406"/>
              <a:gd name="connsiteY14" fmla="*/ 662729 h 2369152"/>
              <a:gd name="connsiteX15" fmla="*/ 1124906 w 2296406"/>
              <a:gd name="connsiteY15" fmla="*/ 1004182 h 2369152"/>
              <a:gd name="connsiteX16" fmla="*/ 1676517 w 2296406"/>
              <a:gd name="connsiteY16" fmla="*/ 1608523 h 2369152"/>
              <a:gd name="connsiteX17" fmla="*/ 2102246 w 2296406"/>
              <a:gd name="connsiteY17" fmla="*/ 1579262 h 2369152"/>
              <a:gd name="connsiteX0" fmla="*/ 2290614 w 2296406"/>
              <a:gd name="connsiteY0" fmla="*/ 1777078 h 2369152"/>
              <a:gd name="connsiteX1" fmla="*/ 1838519 w 2296406"/>
              <a:gd name="connsiteY1" fmla="*/ 1873852 h 2369152"/>
              <a:gd name="connsiteX2" fmla="*/ 2009969 w 2296406"/>
              <a:gd name="connsiteY2" fmla="*/ 2121502 h 2369152"/>
              <a:gd name="connsiteX3" fmla="*/ 1733744 w 2296406"/>
              <a:gd name="connsiteY3" fmla="*/ 1988152 h 2369152"/>
              <a:gd name="connsiteX4" fmla="*/ 1543244 w 2296406"/>
              <a:gd name="connsiteY4" fmla="*/ 2369152 h 2369152"/>
              <a:gd name="connsiteX5" fmla="*/ 1314644 w 2296406"/>
              <a:gd name="connsiteY5" fmla="*/ 2150077 h 2369152"/>
              <a:gd name="connsiteX6" fmla="*/ 1495542 w 2296406"/>
              <a:gd name="connsiteY6" fmla="*/ 1788127 h 2369152"/>
              <a:gd name="connsiteX7" fmla="*/ 909489 w 2296406"/>
              <a:gd name="connsiteY7" fmla="*/ 1225390 h 2369152"/>
              <a:gd name="connsiteX8" fmla="*/ 414951 w 2296406"/>
              <a:gd name="connsiteY8" fmla="*/ 2322212 h 2369152"/>
              <a:gd name="connsiteX9" fmla="*/ 293184 w 2296406"/>
              <a:gd name="connsiteY9" fmla="*/ 2052845 h 2369152"/>
              <a:gd name="connsiteX10" fmla="*/ 520411 w 2296406"/>
              <a:gd name="connsiteY10" fmla="*/ 767428 h 2369152"/>
              <a:gd name="connsiteX11" fmla="*/ 11167 w 2296406"/>
              <a:gd name="connsiteY11" fmla="*/ 5505 h 2369152"/>
              <a:gd name="connsiteX12" fmla="*/ 771719 w 2296406"/>
              <a:gd name="connsiteY12" fmla="*/ 578452 h 2369152"/>
              <a:gd name="connsiteX13" fmla="*/ 2041440 w 2296406"/>
              <a:gd name="connsiteY13" fmla="*/ 514597 h 2369152"/>
              <a:gd name="connsiteX14" fmla="*/ 2296406 w 2296406"/>
              <a:gd name="connsiteY14" fmla="*/ 662729 h 2369152"/>
              <a:gd name="connsiteX15" fmla="*/ 1124906 w 2296406"/>
              <a:gd name="connsiteY15" fmla="*/ 1004182 h 2369152"/>
              <a:gd name="connsiteX16" fmla="*/ 1676517 w 2296406"/>
              <a:gd name="connsiteY16" fmla="*/ 1608523 h 2369152"/>
              <a:gd name="connsiteX17" fmla="*/ 2102246 w 2296406"/>
              <a:gd name="connsiteY17" fmla="*/ 1579262 h 2369152"/>
              <a:gd name="connsiteX0" fmla="*/ 2290614 w 2296406"/>
              <a:gd name="connsiteY0" fmla="*/ 1740502 h 2369152"/>
              <a:gd name="connsiteX1" fmla="*/ 1838519 w 2296406"/>
              <a:gd name="connsiteY1" fmla="*/ 1873852 h 2369152"/>
              <a:gd name="connsiteX2" fmla="*/ 2009969 w 2296406"/>
              <a:gd name="connsiteY2" fmla="*/ 2121502 h 2369152"/>
              <a:gd name="connsiteX3" fmla="*/ 1733744 w 2296406"/>
              <a:gd name="connsiteY3" fmla="*/ 1988152 h 2369152"/>
              <a:gd name="connsiteX4" fmla="*/ 1543244 w 2296406"/>
              <a:gd name="connsiteY4" fmla="*/ 2369152 h 2369152"/>
              <a:gd name="connsiteX5" fmla="*/ 1314644 w 2296406"/>
              <a:gd name="connsiteY5" fmla="*/ 2150077 h 2369152"/>
              <a:gd name="connsiteX6" fmla="*/ 1495542 w 2296406"/>
              <a:gd name="connsiteY6" fmla="*/ 1788127 h 2369152"/>
              <a:gd name="connsiteX7" fmla="*/ 909489 w 2296406"/>
              <a:gd name="connsiteY7" fmla="*/ 1225390 h 2369152"/>
              <a:gd name="connsiteX8" fmla="*/ 414951 w 2296406"/>
              <a:gd name="connsiteY8" fmla="*/ 2322212 h 2369152"/>
              <a:gd name="connsiteX9" fmla="*/ 293184 w 2296406"/>
              <a:gd name="connsiteY9" fmla="*/ 2052845 h 2369152"/>
              <a:gd name="connsiteX10" fmla="*/ 520411 w 2296406"/>
              <a:gd name="connsiteY10" fmla="*/ 767428 h 2369152"/>
              <a:gd name="connsiteX11" fmla="*/ 11167 w 2296406"/>
              <a:gd name="connsiteY11" fmla="*/ 5505 h 2369152"/>
              <a:gd name="connsiteX12" fmla="*/ 771719 w 2296406"/>
              <a:gd name="connsiteY12" fmla="*/ 578452 h 2369152"/>
              <a:gd name="connsiteX13" fmla="*/ 2041440 w 2296406"/>
              <a:gd name="connsiteY13" fmla="*/ 514597 h 2369152"/>
              <a:gd name="connsiteX14" fmla="*/ 2296406 w 2296406"/>
              <a:gd name="connsiteY14" fmla="*/ 662729 h 2369152"/>
              <a:gd name="connsiteX15" fmla="*/ 1124906 w 2296406"/>
              <a:gd name="connsiteY15" fmla="*/ 1004182 h 2369152"/>
              <a:gd name="connsiteX16" fmla="*/ 1676517 w 2296406"/>
              <a:gd name="connsiteY16" fmla="*/ 1608523 h 2369152"/>
              <a:gd name="connsiteX17" fmla="*/ 2102246 w 2296406"/>
              <a:gd name="connsiteY17" fmla="*/ 1579262 h 2369152"/>
              <a:gd name="connsiteX0" fmla="*/ 2290614 w 2296406"/>
              <a:gd name="connsiteY0" fmla="*/ 1740502 h 2369152"/>
              <a:gd name="connsiteX1" fmla="*/ 1838519 w 2296406"/>
              <a:gd name="connsiteY1" fmla="*/ 1873852 h 2369152"/>
              <a:gd name="connsiteX2" fmla="*/ 2009969 w 2296406"/>
              <a:gd name="connsiteY2" fmla="*/ 2121502 h 2369152"/>
              <a:gd name="connsiteX3" fmla="*/ 1733744 w 2296406"/>
              <a:gd name="connsiteY3" fmla="*/ 1988152 h 2369152"/>
              <a:gd name="connsiteX4" fmla="*/ 1543244 w 2296406"/>
              <a:gd name="connsiteY4" fmla="*/ 2369152 h 2369152"/>
              <a:gd name="connsiteX5" fmla="*/ 1314644 w 2296406"/>
              <a:gd name="connsiteY5" fmla="*/ 2150077 h 2369152"/>
              <a:gd name="connsiteX6" fmla="*/ 1495542 w 2296406"/>
              <a:gd name="connsiteY6" fmla="*/ 1788127 h 2369152"/>
              <a:gd name="connsiteX7" fmla="*/ 909489 w 2296406"/>
              <a:gd name="connsiteY7" fmla="*/ 1225390 h 2369152"/>
              <a:gd name="connsiteX8" fmla="*/ 414951 w 2296406"/>
              <a:gd name="connsiteY8" fmla="*/ 2322212 h 2369152"/>
              <a:gd name="connsiteX9" fmla="*/ 293184 w 2296406"/>
              <a:gd name="connsiteY9" fmla="*/ 2052845 h 2369152"/>
              <a:gd name="connsiteX10" fmla="*/ 520411 w 2296406"/>
              <a:gd name="connsiteY10" fmla="*/ 767428 h 2369152"/>
              <a:gd name="connsiteX11" fmla="*/ 11167 w 2296406"/>
              <a:gd name="connsiteY11" fmla="*/ 5505 h 2369152"/>
              <a:gd name="connsiteX12" fmla="*/ 771719 w 2296406"/>
              <a:gd name="connsiteY12" fmla="*/ 578452 h 2369152"/>
              <a:gd name="connsiteX13" fmla="*/ 2041440 w 2296406"/>
              <a:gd name="connsiteY13" fmla="*/ 514597 h 2369152"/>
              <a:gd name="connsiteX14" fmla="*/ 2296406 w 2296406"/>
              <a:gd name="connsiteY14" fmla="*/ 662729 h 2369152"/>
              <a:gd name="connsiteX15" fmla="*/ 1124906 w 2296406"/>
              <a:gd name="connsiteY15" fmla="*/ 1004182 h 2369152"/>
              <a:gd name="connsiteX16" fmla="*/ 1676517 w 2296406"/>
              <a:gd name="connsiteY16" fmla="*/ 1608523 h 2369152"/>
              <a:gd name="connsiteX17" fmla="*/ 2062012 w 2296406"/>
              <a:gd name="connsiteY17" fmla="*/ 1560974 h 2369152"/>
              <a:gd name="connsiteX0" fmla="*/ 2257695 w 2296406"/>
              <a:gd name="connsiteY0" fmla="*/ 1755133 h 2369152"/>
              <a:gd name="connsiteX1" fmla="*/ 1838519 w 2296406"/>
              <a:gd name="connsiteY1" fmla="*/ 1873852 h 2369152"/>
              <a:gd name="connsiteX2" fmla="*/ 2009969 w 2296406"/>
              <a:gd name="connsiteY2" fmla="*/ 2121502 h 2369152"/>
              <a:gd name="connsiteX3" fmla="*/ 1733744 w 2296406"/>
              <a:gd name="connsiteY3" fmla="*/ 1988152 h 2369152"/>
              <a:gd name="connsiteX4" fmla="*/ 1543244 w 2296406"/>
              <a:gd name="connsiteY4" fmla="*/ 2369152 h 2369152"/>
              <a:gd name="connsiteX5" fmla="*/ 1314644 w 2296406"/>
              <a:gd name="connsiteY5" fmla="*/ 2150077 h 2369152"/>
              <a:gd name="connsiteX6" fmla="*/ 1495542 w 2296406"/>
              <a:gd name="connsiteY6" fmla="*/ 1788127 h 2369152"/>
              <a:gd name="connsiteX7" fmla="*/ 909489 w 2296406"/>
              <a:gd name="connsiteY7" fmla="*/ 1225390 h 2369152"/>
              <a:gd name="connsiteX8" fmla="*/ 414951 w 2296406"/>
              <a:gd name="connsiteY8" fmla="*/ 2322212 h 2369152"/>
              <a:gd name="connsiteX9" fmla="*/ 293184 w 2296406"/>
              <a:gd name="connsiteY9" fmla="*/ 2052845 h 2369152"/>
              <a:gd name="connsiteX10" fmla="*/ 520411 w 2296406"/>
              <a:gd name="connsiteY10" fmla="*/ 767428 h 2369152"/>
              <a:gd name="connsiteX11" fmla="*/ 11167 w 2296406"/>
              <a:gd name="connsiteY11" fmla="*/ 5505 h 2369152"/>
              <a:gd name="connsiteX12" fmla="*/ 771719 w 2296406"/>
              <a:gd name="connsiteY12" fmla="*/ 578452 h 2369152"/>
              <a:gd name="connsiteX13" fmla="*/ 2041440 w 2296406"/>
              <a:gd name="connsiteY13" fmla="*/ 514597 h 2369152"/>
              <a:gd name="connsiteX14" fmla="*/ 2296406 w 2296406"/>
              <a:gd name="connsiteY14" fmla="*/ 662729 h 2369152"/>
              <a:gd name="connsiteX15" fmla="*/ 1124906 w 2296406"/>
              <a:gd name="connsiteY15" fmla="*/ 1004182 h 2369152"/>
              <a:gd name="connsiteX16" fmla="*/ 1676517 w 2296406"/>
              <a:gd name="connsiteY16" fmla="*/ 1608523 h 2369152"/>
              <a:gd name="connsiteX17" fmla="*/ 2062012 w 2296406"/>
              <a:gd name="connsiteY17" fmla="*/ 1560974 h 2369152"/>
              <a:gd name="connsiteX0" fmla="*/ 2279640 w 2296406"/>
              <a:gd name="connsiteY0" fmla="*/ 1747818 h 2369152"/>
              <a:gd name="connsiteX1" fmla="*/ 1838519 w 2296406"/>
              <a:gd name="connsiteY1" fmla="*/ 1873852 h 2369152"/>
              <a:gd name="connsiteX2" fmla="*/ 2009969 w 2296406"/>
              <a:gd name="connsiteY2" fmla="*/ 2121502 h 2369152"/>
              <a:gd name="connsiteX3" fmla="*/ 1733744 w 2296406"/>
              <a:gd name="connsiteY3" fmla="*/ 1988152 h 2369152"/>
              <a:gd name="connsiteX4" fmla="*/ 1543244 w 2296406"/>
              <a:gd name="connsiteY4" fmla="*/ 2369152 h 2369152"/>
              <a:gd name="connsiteX5" fmla="*/ 1314644 w 2296406"/>
              <a:gd name="connsiteY5" fmla="*/ 2150077 h 2369152"/>
              <a:gd name="connsiteX6" fmla="*/ 1495542 w 2296406"/>
              <a:gd name="connsiteY6" fmla="*/ 1788127 h 2369152"/>
              <a:gd name="connsiteX7" fmla="*/ 909489 w 2296406"/>
              <a:gd name="connsiteY7" fmla="*/ 1225390 h 2369152"/>
              <a:gd name="connsiteX8" fmla="*/ 414951 w 2296406"/>
              <a:gd name="connsiteY8" fmla="*/ 2322212 h 2369152"/>
              <a:gd name="connsiteX9" fmla="*/ 293184 w 2296406"/>
              <a:gd name="connsiteY9" fmla="*/ 2052845 h 2369152"/>
              <a:gd name="connsiteX10" fmla="*/ 520411 w 2296406"/>
              <a:gd name="connsiteY10" fmla="*/ 767428 h 2369152"/>
              <a:gd name="connsiteX11" fmla="*/ 11167 w 2296406"/>
              <a:gd name="connsiteY11" fmla="*/ 5505 h 2369152"/>
              <a:gd name="connsiteX12" fmla="*/ 771719 w 2296406"/>
              <a:gd name="connsiteY12" fmla="*/ 578452 h 2369152"/>
              <a:gd name="connsiteX13" fmla="*/ 2041440 w 2296406"/>
              <a:gd name="connsiteY13" fmla="*/ 514597 h 2369152"/>
              <a:gd name="connsiteX14" fmla="*/ 2296406 w 2296406"/>
              <a:gd name="connsiteY14" fmla="*/ 662729 h 2369152"/>
              <a:gd name="connsiteX15" fmla="*/ 1124906 w 2296406"/>
              <a:gd name="connsiteY15" fmla="*/ 1004182 h 2369152"/>
              <a:gd name="connsiteX16" fmla="*/ 1676517 w 2296406"/>
              <a:gd name="connsiteY16" fmla="*/ 1608523 h 2369152"/>
              <a:gd name="connsiteX17" fmla="*/ 2062012 w 2296406"/>
              <a:gd name="connsiteY17" fmla="*/ 1560974 h 2369152"/>
              <a:gd name="connsiteX0" fmla="*/ 2279640 w 2296406"/>
              <a:gd name="connsiteY0" fmla="*/ 1747818 h 2369152"/>
              <a:gd name="connsiteX1" fmla="*/ 1838519 w 2296406"/>
              <a:gd name="connsiteY1" fmla="*/ 1873852 h 2369152"/>
              <a:gd name="connsiteX2" fmla="*/ 2009969 w 2296406"/>
              <a:gd name="connsiteY2" fmla="*/ 2121502 h 2369152"/>
              <a:gd name="connsiteX3" fmla="*/ 1733744 w 2296406"/>
              <a:gd name="connsiteY3" fmla="*/ 1988152 h 2369152"/>
              <a:gd name="connsiteX4" fmla="*/ 1543244 w 2296406"/>
              <a:gd name="connsiteY4" fmla="*/ 2369152 h 2369152"/>
              <a:gd name="connsiteX5" fmla="*/ 1314644 w 2296406"/>
              <a:gd name="connsiteY5" fmla="*/ 2150077 h 2369152"/>
              <a:gd name="connsiteX6" fmla="*/ 1495542 w 2296406"/>
              <a:gd name="connsiteY6" fmla="*/ 1788127 h 2369152"/>
              <a:gd name="connsiteX7" fmla="*/ 909489 w 2296406"/>
              <a:gd name="connsiteY7" fmla="*/ 1225390 h 2369152"/>
              <a:gd name="connsiteX8" fmla="*/ 414951 w 2296406"/>
              <a:gd name="connsiteY8" fmla="*/ 2322212 h 2369152"/>
              <a:gd name="connsiteX9" fmla="*/ 293184 w 2296406"/>
              <a:gd name="connsiteY9" fmla="*/ 2052845 h 2369152"/>
              <a:gd name="connsiteX10" fmla="*/ 520411 w 2296406"/>
              <a:gd name="connsiteY10" fmla="*/ 767428 h 2369152"/>
              <a:gd name="connsiteX11" fmla="*/ 11167 w 2296406"/>
              <a:gd name="connsiteY11" fmla="*/ 5505 h 2369152"/>
              <a:gd name="connsiteX12" fmla="*/ 771719 w 2296406"/>
              <a:gd name="connsiteY12" fmla="*/ 578452 h 2369152"/>
              <a:gd name="connsiteX13" fmla="*/ 2041440 w 2296406"/>
              <a:gd name="connsiteY13" fmla="*/ 514597 h 2369152"/>
              <a:gd name="connsiteX14" fmla="*/ 2296406 w 2296406"/>
              <a:gd name="connsiteY14" fmla="*/ 662729 h 2369152"/>
              <a:gd name="connsiteX15" fmla="*/ 1124906 w 2296406"/>
              <a:gd name="connsiteY15" fmla="*/ 1004182 h 2369152"/>
              <a:gd name="connsiteX16" fmla="*/ 1676517 w 2296406"/>
              <a:gd name="connsiteY16" fmla="*/ 1608523 h 2369152"/>
              <a:gd name="connsiteX17" fmla="*/ 2094931 w 2296406"/>
              <a:gd name="connsiteY17" fmla="*/ 1557316 h 2369152"/>
              <a:gd name="connsiteX0" fmla="*/ 2279640 w 2296406"/>
              <a:gd name="connsiteY0" fmla="*/ 1747818 h 2369152"/>
              <a:gd name="connsiteX1" fmla="*/ 1838519 w 2296406"/>
              <a:gd name="connsiteY1" fmla="*/ 1873852 h 2369152"/>
              <a:gd name="connsiteX2" fmla="*/ 2009969 w 2296406"/>
              <a:gd name="connsiteY2" fmla="*/ 2121502 h 2369152"/>
              <a:gd name="connsiteX3" fmla="*/ 1733744 w 2296406"/>
              <a:gd name="connsiteY3" fmla="*/ 1988152 h 2369152"/>
              <a:gd name="connsiteX4" fmla="*/ 1543244 w 2296406"/>
              <a:gd name="connsiteY4" fmla="*/ 2369152 h 2369152"/>
              <a:gd name="connsiteX5" fmla="*/ 1391454 w 2296406"/>
              <a:gd name="connsiteY5" fmla="*/ 2150077 h 2369152"/>
              <a:gd name="connsiteX6" fmla="*/ 1495542 w 2296406"/>
              <a:gd name="connsiteY6" fmla="*/ 1788127 h 2369152"/>
              <a:gd name="connsiteX7" fmla="*/ 909489 w 2296406"/>
              <a:gd name="connsiteY7" fmla="*/ 1225390 h 2369152"/>
              <a:gd name="connsiteX8" fmla="*/ 414951 w 2296406"/>
              <a:gd name="connsiteY8" fmla="*/ 2322212 h 2369152"/>
              <a:gd name="connsiteX9" fmla="*/ 293184 w 2296406"/>
              <a:gd name="connsiteY9" fmla="*/ 2052845 h 2369152"/>
              <a:gd name="connsiteX10" fmla="*/ 520411 w 2296406"/>
              <a:gd name="connsiteY10" fmla="*/ 767428 h 2369152"/>
              <a:gd name="connsiteX11" fmla="*/ 11167 w 2296406"/>
              <a:gd name="connsiteY11" fmla="*/ 5505 h 2369152"/>
              <a:gd name="connsiteX12" fmla="*/ 771719 w 2296406"/>
              <a:gd name="connsiteY12" fmla="*/ 578452 h 2369152"/>
              <a:gd name="connsiteX13" fmla="*/ 2041440 w 2296406"/>
              <a:gd name="connsiteY13" fmla="*/ 514597 h 2369152"/>
              <a:gd name="connsiteX14" fmla="*/ 2296406 w 2296406"/>
              <a:gd name="connsiteY14" fmla="*/ 662729 h 2369152"/>
              <a:gd name="connsiteX15" fmla="*/ 1124906 w 2296406"/>
              <a:gd name="connsiteY15" fmla="*/ 1004182 h 2369152"/>
              <a:gd name="connsiteX16" fmla="*/ 1676517 w 2296406"/>
              <a:gd name="connsiteY16" fmla="*/ 1608523 h 2369152"/>
              <a:gd name="connsiteX17" fmla="*/ 2094931 w 2296406"/>
              <a:gd name="connsiteY17" fmla="*/ 1557316 h 2369152"/>
              <a:gd name="connsiteX0" fmla="*/ 2279640 w 2296406"/>
              <a:gd name="connsiteY0" fmla="*/ 1747818 h 2369152"/>
              <a:gd name="connsiteX1" fmla="*/ 1838519 w 2296406"/>
              <a:gd name="connsiteY1" fmla="*/ 1873852 h 2369152"/>
              <a:gd name="connsiteX2" fmla="*/ 2009969 w 2296406"/>
              <a:gd name="connsiteY2" fmla="*/ 2121502 h 2369152"/>
              <a:gd name="connsiteX3" fmla="*/ 1733744 w 2296406"/>
              <a:gd name="connsiteY3" fmla="*/ 1988152 h 2369152"/>
              <a:gd name="connsiteX4" fmla="*/ 1543244 w 2296406"/>
              <a:gd name="connsiteY4" fmla="*/ 2369152 h 2369152"/>
              <a:gd name="connsiteX5" fmla="*/ 1380482 w 2296406"/>
              <a:gd name="connsiteY5" fmla="*/ 2120816 h 2369152"/>
              <a:gd name="connsiteX6" fmla="*/ 1495542 w 2296406"/>
              <a:gd name="connsiteY6" fmla="*/ 1788127 h 2369152"/>
              <a:gd name="connsiteX7" fmla="*/ 909489 w 2296406"/>
              <a:gd name="connsiteY7" fmla="*/ 1225390 h 2369152"/>
              <a:gd name="connsiteX8" fmla="*/ 414951 w 2296406"/>
              <a:gd name="connsiteY8" fmla="*/ 2322212 h 2369152"/>
              <a:gd name="connsiteX9" fmla="*/ 293184 w 2296406"/>
              <a:gd name="connsiteY9" fmla="*/ 2052845 h 2369152"/>
              <a:gd name="connsiteX10" fmla="*/ 520411 w 2296406"/>
              <a:gd name="connsiteY10" fmla="*/ 767428 h 2369152"/>
              <a:gd name="connsiteX11" fmla="*/ 11167 w 2296406"/>
              <a:gd name="connsiteY11" fmla="*/ 5505 h 2369152"/>
              <a:gd name="connsiteX12" fmla="*/ 771719 w 2296406"/>
              <a:gd name="connsiteY12" fmla="*/ 578452 h 2369152"/>
              <a:gd name="connsiteX13" fmla="*/ 2041440 w 2296406"/>
              <a:gd name="connsiteY13" fmla="*/ 514597 h 2369152"/>
              <a:gd name="connsiteX14" fmla="*/ 2296406 w 2296406"/>
              <a:gd name="connsiteY14" fmla="*/ 662729 h 2369152"/>
              <a:gd name="connsiteX15" fmla="*/ 1124906 w 2296406"/>
              <a:gd name="connsiteY15" fmla="*/ 1004182 h 2369152"/>
              <a:gd name="connsiteX16" fmla="*/ 1676517 w 2296406"/>
              <a:gd name="connsiteY16" fmla="*/ 1608523 h 2369152"/>
              <a:gd name="connsiteX17" fmla="*/ 2094931 w 2296406"/>
              <a:gd name="connsiteY17" fmla="*/ 1557316 h 2369152"/>
              <a:gd name="connsiteX0" fmla="*/ 2279640 w 2296406"/>
              <a:gd name="connsiteY0" fmla="*/ 1747818 h 2354521"/>
              <a:gd name="connsiteX1" fmla="*/ 1838519 w 2296406"/>
              <a:gd name="connsiteY1" fmla="*/ 1873852 h 2354521"/>
              <a:gd name="connsiteX2" fmla="*/ 2009969 w 2296406"/>
              <a:gd name="connsiteY2" fmla="*/ 2121502 h 2354521"/>
              <a:gd name="connsiteX3" fmla="*/ 1733744 w 2296406"/>
              <a:gd name="connsiteY3" fmla="*/ 1988152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  <a:gd name="connsiteX0" fmla="*/ 2279640 w 2296406"/>
              <a:gd name="connsiteY0" fmla="*/ 1747818 h 2354521"/>
              <a:gd name="connsiteX1" fmla="*/ 1838519 w 2296406"/>
              <a:gd name="connsiteY1" fmla="*/ 1873852 h 2354521"/>
              <a:gd name="connsiteX2" fmla="*/ 2009969 w 2296406"/>
              <a:gd name="connsiteY2" fmla="*/ 2121502 h 2354521"/>
              <a:gd name="connsiteX3" fmla="*/ 1682537 w 2296406"/>
              <a:gd name="connsiteY3" fmla="*/ 1962549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  <a:gd name="connsiteX0" fmla="*/ 2279640 w 2296406"/>
              <a:gd name="connsiteY0" fmla="*/ 1747818 h 2354521"/>
              <a:gd name="connsiteX1" fmla="*/ 1816574 w 2296406"/>
              <a:gd name="connsiteY1" fmla="*/ 1851907 h 2354521"/>
              <a:gd name="connsiteX2" fmla="*/ 2009969 w 2296406"/>
              <a:gd name="connsiteY2" fmla="*/ 2121502 h 2354521"/>
              <a:gd name="connsiteX3" fmla="*/ 1682537 w 2296406"/>
              <a:gd name="connsiteY3" fmla="*/ 1962549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  <a:gd name="connsiteX0" fmla="*/ 2279640 w 2296406"/>
              <a:gd name="connsiteY0" fmla="*/ 1747818 h 2354521"/>
              <a:gd name="connsiteX1" fmla="*/ 1816574 w 2296406"/>
              <a:gd name="connsiteY1" fmla="*/ 1851907 h 2354521"/>
              <a:gd name="connsiteX2" fmla="*/ 1991681 w 2296406"/>
              <a:gd name="connsiteY2" fmla="*/ 2136133 h 2354521"/>
              <a:gd name="connsiteX3" fmla="*/ 1682537 w 2296406"/>
              <a:gd name="connsiteY3" fmla="*/ 1962549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  <a:gd name="connsiteX0" fmla="*/ 2279640 w 2296406"/>
              <a:gd name="connsiteY0" fmla="*/ 1747818 h 2354521"/>
              <a:gd name="connsiteX1" fmla="*/ 1816574 w 2296406"/>
              <a:gd name="connsiteY1" fmla="*/ 1851907 h 2354521"/>
              <a:gd name="connsiteX2" fmla="*/ 2042887 w 2296406"/>
              <a:gd name="connsiteY2" fmla="*/ 2194655 h 2354521"/>
              <a:gd name="connsiteX3" fmla="*/ 1682537 w 2296406"/>
              <a:gd name="connsiteY3" fmla="*/ 1962549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  <a:gd name="connsiteX0" fmla="*/ 2279640 w 2296406"/>
              <a:gd name="connsiteY0" fmla="*/ 1747818 h 2354521"/>
              <a:gd name="connsiteX1" fmla="*/ 1816574 w 2296406"/>
              <a:gd name="connsiteY1" fmla="*/ 1851907 h 2354521"/>
              <a:gd name="connsiteX2" fmla="*/ 1955104 w 2296406"/>
              <a:gd name="connsiteY2" fmla="*/ 2095900 h 2354521"/>
              <a:gd name="connsiteX3" fmla="*/ 1682537 w 2296406"/>
              <a:gd name="connsiteY3" fmla="*/ 1962549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  <a:gd name="connsiteX0" fmla="*/ 2279640 w 2296406"/>
              <a:gd name="connsiteY0" fmla="*/ 1747818 h 2354521"/>
              <a:gd name="connsiteX1" fmla="*/ 1816574 w 2296406"/>
              <a:gd name="connsiteY1" fmla="*/ 1851907 h 2354521"/>
              <a:gd name="connsiteX2" fmla="*/ 1955104 w 2296406"/>
              <a:gd name="connsiteY2" fmla="*/ 2095900 h 2354521"/>
              <a:gd name="connsiteX3" fmla="*/ 1682537 w 2296406"/>
              <a:gd name="connsiteY3" fmla="*/ 1962549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  <a:gd name="connsiteX0" fmla="*/ 2279640 w 2296406"/>
              <a:gd name="connsiteY0" fmla="*/ 1747818 h 2354521"/>
              <a:gd name="connsiteX1" fmla="*/ 1816574 w 2296406"/>
              <a:gd name="connsiteY1" fmla="*/ 1851907 h 2354521"/>
              <a:gd name="connsiteX2" fmla="*/ 1955104 w 2296406"/>
              <a:gd name="connsiteY2" fmla="*/ 2095900 h 2354521"/>
              <a:gd name="connsiteX3" fmla="*/ 1682537 w 2296406"/>
              <a:gd name="connsiteY3" fmla="*/ 1962549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  <a:gd name="connsiteX0" fmla="*/ 2279640 w 2296406"/>
              <a:gd name="connsiteY0" fmla="*/ 1747818 h 2354521"/>
              <a:gd name="connsiteX1" fmla="*/ 1823889 w 2296406"/>
              <a:gd name="connsiteY1" fmla="*/ 1837277 h 2354521"/>
              <a:gd name="connsiteX2" fmla="*/ 1955104 w 2296406"/>
              <a:gd name="connsiteY2" fmla="*/ 2095900 h 2354521"/>
              <a:gd name="connsiteX3" fmla="*/ 1682537 w 2296406"/>
              <a:gd name="connsiteY3" fmla="*/ 1962549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  <a:gd name="connsiteX0" fmla="*/ 2279640 w 2296406"/>
              <a:gd name="connsiteY0" fmla="*/ 1747818 h 2354521"/>
              <a:gd name="connsiteX1" fmla="*/ 1827546 w 2296406"/>
              <a:gd name="connsiteY1" fmla="*/ 1826304 h 2354521"/>
              <a:gd name="connsiteX2" fmla="*/ 1955104 w 2296406"/>
              <a:gd name="connsiteY2" fmla="*/ 2095900 h 2354521"/>
              <a:gd name="connsiteX3" fmla="*/ 1682537 w 2296406"/>
              <a:gd name="connsiteY3" fmla="*/ 1962549 h 2354521"/>
              <a:gd name="connsiteX4" fmla="*/ 1528613 w 2296406"/>
              <a:gd name="connsiteY4" fmla="*/ 2354521 h 2354521"/>
              <a:gd name="connsiteX5" fmla="*/ 1380482 w 2296406"/>
              <a:gd name="connsiteY5" fmla="*/ 2120816 h 2354521"/>
              <a:gd name="connsiteX6" fmla="*/ 1495542 w 2296406"/>
              <a:gd name="connsiteY6" fmla="*/ 1788127 h 2354521"/>
              <a:gd name="connsiteX7" fmla="*/ 909489 w 2296406"/>
              <a:gd name="connsiteY7" fmla="*/ 1225390 h 2354521"/>
              <a:gd name="connsiteX8" fmla="*/ 414951 w 2296406"/>
              <a:gd name="connsiteY8" fmla="*/ 2322212 h 2354521"/>
              <a:gd name="connsiteX9" fmla="*/ 293184 w 2296406"/>
              <a:gd name="connsiteY9" fmla="*/ 2052845 h 2354521"/>
              <a:gd name="connsiteX10" fmla="*/ 520411 w 2296406"/>
              <a:gd name="connsiteY10" fmla="*/ 767428 h 2354521"/>
              <a:gd name="connsiteX11" fmla="*/ 11167 w 2296406"/>
              <a:gd name="connsiteY11" fmla="*/ 5505 h 2354521"/>
              <a:gd name="connsiteX12" fmla="*/ 771719 w 2296406"/>
              <a:gd name="connsiteY12" fmla="*/ 578452 h 2354521"/>
              <a:gd name="connsiteX13" fmla="*/ 2041440 w 2296406"/>
              <a:gd name="connsiteY13" fmla="*/ 514597 h 2354521"/>
              <a:gd name="connsiteX14" fmla="*/ 2296406 w 2296406"/>
              <a:gd name="connsiteY14" fmla="*/ 662729 h 2354521"/>
              <a:gd name="connsiteX15" fmla="*/ 1124906 w 2296406"/>
              <a:gd name="connsiteY15" fmla="*/ 1004182 h 2354521"/>
              <a:gd name="connsiteX16" fmla="*/ 1676517 w 2296406"/>
              <a:gd name="connsiteY16" fmla="*/ 1608523 h 2354521"/>
              <a:gd name="connsiteX17" fmla="*/ 2094931 w 2296406"/>
              <a:gd name="connsiteY17" fmla="*/ 1557316 h 23545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</a:cxnLst>
            <a:rect l="l" t="t" r="r" b="b"/>
            <a:pathLst>
              <a:path w="2296406" h="2354521">
                <a:moveTo>
                  <a:pt x="2279640" y="1747818"/>
                </a:moveTo>
                <a:lnTo>
                  <a:pt x="1827546" y="1826304"/>
                </a:lnTo>
                <a:cubicBezTo>
                  <a:pt x="1873723" y="1907635"/>
                  <a:pt x="1985737" y="2047488"/>
                  <a:pt x="1955104" y="2095900"/>
                </a:cubicBezTo>
                <a:cubicBezTo>
                  <a:pt x="1897166" y="2139232"/>
                  <a:pt x="1773393" y="2006999"/>
                  <a:pt x="1682537" y="1962549"/>
                </a:cubicBezTo>
                <a:lnTo>
                  <a:pt x="1528613" y="2354521"/>
                </a:lnTo>
                <a:lnTo>
                  <a:pt x="1380482" y="2120816"/>
                </a:lnTo>
                <a:lnTo>
                  <a:pt x="1495542" y="1788127"/>
                </a:lnTo>
                <a:lnTo>
                  <a:pt x="909489" y="1225390"/>
                </a:lnTo>
                <a:lnTo>
                  <a:pt x="414951" y="2322212"/>
                </a:lnTo>
                <a:lnTo>
                  <a:pt x="293184" y="2052845"/>
                </a:lnTo>
                <a:lnTo>
                  <a:pt x="520411" y="767428"/>
                </a:lnTo>
                <a:cubicBezTo>
                  <a:pt x="325060" y="542715"/>
                  <a:pt x="-71458" y="102202"/>
                  <a:pt x="11167" y="5505"/>
                </a:cubicBezTo>
                <a:cubicBezTo>
                  <a:pt x="111065" y="-52229"/>
                  <a:pt x="554777" y="358209"/>
                  <a:pt x="771719" y="578452"/>
                </a:cubicBezTo>
                <a:lnTo>
                  <a:pt x="2041440" y="514597"/>
                </a:lnTo>
                <a:lnTo>
                  <a:pt x="2296406" y="662729"/>
                </a:lnTo>
                <a:lnTo>
                  <a:pt x="1124906" y="1004182"/>
                </a:lnTo>
                <a:lnTo>
                  <a:pt x="1676517" y="1608523"/>
                </a:lnTo>
                <a:cubicBezTo>
                  <a:pt x="1795262" y="1589016"/>
                  <a:pt x="2094931" y="1557316"/>
                  <a:pt x="2094931" y="1557316"/>
                </a:cubicBezTo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4" name="Block Arc 10">
            <a:extLst>
              <a:ext uri="{FF2B5EF4-FFF2-40B4-BE49-F238E27FC236}">
                <a16:creationId xmlns:a16="http://schemas.microsoft.com/office/drawing/2014/main" id="{75C14C12-5F78-4BDD-B8A3-69BB465A2216}"/>
              </a:ext>
            </a:extLst>
          </p:cNvPr>
          <p:cNvSpPr/>
          <p:nvPr/>
        </p:nvSpPr>
        <p:spPr>
          <a:xfrm>
            <a:off x="10959168" y="4745774"/>
            <a:ext cx="614525" cy="416246"/>
          </a:xfrm>
          <a:custGeom>
            <a:avLst/>
            <a:gdLst/>
            <a:ahLst/>
            <a:cxnLst/>
            <a:rect l="l" t="t" r="r" b="b"/>
            <a:pathLst>
              <a:path w="3219104" h="2180445">
                <a:moveTo>
                  <a:pt x="631935" y="660566"/>
                </a:moveTo>
                <a:cubicBezTo>
                  <a:pt x="582229" y="660566"/>
                  <a:pt x="541935" y="700860"/>
                  <a:pt x="541935" y="750566"/>
                </a:cubicBezTo>
                <a:cubicBezTo>
                  <a:pt x="541935" y="800272"/>
                  <a:pt x="582229" y="840566"/>
                  <a:pt x="631935" y="840566"/>
                </a:cubicBezTo>
                <a:cubicBezTo>
                  <a:pt x="681641" y="840566"/>
                  <a:pt x="721935" y="800272"/>
                  <a:pt x="721935" y="750566"/>
                </a:cubicBezTo>
                <a:cubicBezTo>
                  <a:pt x="721935" y="700860"/>
                  <a:pt x="681641" y="660566"/>
                  <a:pt x="631935" y="660566"/>
                </a:cubicBezTo>
                <a:close/>
                <a:moveTo>
                  <a:pt x="2920524" y="132986"/>
                </a:moveTo>
                <a:cubicBezTo>
                  <a:pt x="2884582" y="132986"/>
                  <a:pt x="2855445" y="171564"/>
                  <a:pt x="2855445" y="219152"/>
                </a:cubicBezTo>
                <a:cubicBezTo>
                  <a:pt x="2855445" y="266740"/>
                  <a:pt x="2884582" y="305318"/>
                  <a:pt x="2920524" y="305318"/>
                </a:cubicBezTo>
                <a:cubicBezTo>
                  <a:pt x="2956466" y="305318"/>
                  <a:pt x="2985603" y="266740"/>
                  <a:pt x="2985603" y="219152"/>
                </a:cubicBezTo>
                <a:cubicBezTo>
                  <a:pt x="2985603" y="171564"/>
                  <a:pt x="2956466" y="132986"/>
                  <a:pt x="2920524" y="132986"/>
                </a:cubicBezTo>
                <a:close/>
                <a:moveTo>
                  <a:pt x="1840097" y="123357"/>
                </a:moveTo>
                <a:cubicBezTo>
                  <a:pt x="1690593" y="125267"/>
                  <a:pt x="1541569" y="163386"/>
                  <a:pt x="1407089" y="237534"/>
                </a:cubicBezTo>
                <a:lnTo>
                  <a:pt x="1442443" y="299445"/>
                </a:lnTo>
                <a:cubicBezTo>
                  <a:pt x="1690026" y="162934"/>
                  <a:pt x="1991162" y="159087"/>
                  <a:pt x="2242273" y="289227"/>
                </a:cubicBezTo>
                <a:lnTo>
                  <a:pt x="2275978" y="226435"/>
                </a:lnTo>
                <a:cubicBezTo>
                  <a:pt x="2139582" y="155746"/>
                  <a:pt x="1989600" y="121447"/>
                  <a:pt x="1840097" y="123357"/>
                </a:cubicBezTo>
                <a:close/>
                <a:moveTo>
                  <a:pt x="1808744" y="1233"/>
                </a:moveTo>
                <a:cubicBezTo>
                  <a:pt x="2156106" y="-14520"/>
                  <a:pt x="2554236" y="122009"/>
                  <a:pt x="2727916" y="332053"/>
                </a:cubicBezTo>
                <a:lnTo>
                  <a:pt x="2797407" y="426906"/>
                </a:lnTo>
                <a:cubicBezTo>
                  <a:pt x="2816730" y="407744"/>
                  <a:pt x="2822914" y="396798"/>
                  <a:pt x="2848347" y="374270"/>
                </a:cubicBezTo>
                <a:cubicBezTo>
                  <a:pt x="2789714" y="335227"/>
                  <a:pt x="2770554" y="301522"/>
                  <a:pt x="2770554" y="211287"/>
                </a:cubicBezTo>
                <a:cubicBezTo>
                  <a:pt x="2770554" y="109060"/>
                  <a:pt x="2826850" y="34523"/>
                  <a:pt x="2918697" y="33333"/>
                </a:cubicBezTo>
                <a:cubicBezTo>
                  <a:pt x="3010544" y="32143"/>
                  <a:pt x="3068737" y="122977"/>
                  <a:pt x="3064459" y="218431"/>
                </a:cubicBezTo>
                <a:cubicBezTo>
                  <a:pt x="3062319" y="266188"/>
                  <a:pt x="3063213" y="242475"/>
                  <a:pt x="3054577" y="285936"/>
                </a:cubicBezTo>
                <a:cubicBezTo>
                  <a:pt x="3088600" y="260795"/>
                  <a:pt x="3146396" y="297212"/>
                  <a:pt x="3198377" y="27802"/>
                </a:cubicBezTo>
                <a:cubicBezTo>
                  <a:pt x="3270974" y="270322"/>
                  <a:pt x="3142267" y="378871"/>
                  <a:pt x="2977023" y="405424"/>
                </a:cubicBezTo>
                <a:cubicBezTo>
                  <a:pt x="2937650" y="455263"/>
                  <a:pt x="2906651" y="507366"/>
                  <a:pt x="2854455" y="531728"/>
                </a:cubicBezTo>
                <a:cubicBezTo>
                  <a:pt x="2854593" y="531917"/>
                  <a:pt x="2854687" y="532126"/>
                  <a:pt x="2854781" y="532336"/>
                </a:cubicBezTo>
                <a:lnTo>
                  <a:pt x="2914835" y="719911"/>
                </a:lnTo>
                <a:cubicBezTo>
                  <a:pt x="2982387" y="1030651"/>
                  <a:pt x="2875068" y="1334999"/>
                  <a:pt x="2751965" y="1458417"/>
                </a:cubicBezTo>
                <a:cubicBezTo>
                  <a:pt x="2718119" y="1752479"/>
                  <a:pt x="2636178" y="1904762"/>
                  <a:pt x="2564924" y="2133185"/>
                </a:cubicBezTo>
                <a:cubicBezTo>
                  <a:pt x="2548001" y="2174319"/>
                  <a:pt x="2290597" y="2162941"/>
                  <a:pt x="2284362" y="2130560"/>
                </a:cubicBezTo>
                <a:cubicBezTo>
                  <a:pt x="2253189" y="1989654"/>
                  <a:pt x="2205984" y="1832997"/>
                  <a:pt x="2190842" y="1681589"/>
                </a:cubicBezTo>
                <a:cubicBezTo>
                  <a:pt x="1937891" y="1727975"/>
                  <a:pt x="1628829" y="1727099"/>
                  <a:pt x="1429318" y="1710471"/>
                </a:cubicBezTo>
                <a:cubicBezTo>
                  <a:pt x="1387456" y="1891634"/>
                  <a:pt x="1268107" y="2057044"/>
                  <a:pt x="1143413" y="2180445"/>
                </a:cubicBezTo>
                <a:lnTo>
                  <a:pt x="943012" y="2180445"/>
                </a:lnTo>
                <a:cubicBezTo>
                  <a:pt x="894916" y="2170818"/>
                  <a:pt x="902932" y="1825120"/>
                  <a:pt x="910948" y="1650083"/>
                </a:cubicBezTo>
                <a:cubicBezTo>
                  <a:pt x="600994" y="1508303"/>
                  <a:pt x="-80369" y="1319263"/>
                  <a:pt x="7807" y="838786"/>
                </a:cubicBezTo>
                <a:cubicBezTo>
                  <a:pt x="13151" y="796777"/>
                  <a:pt x="184160" y="802028"/>
                  <a:pt x="275009" y="799402"/>
                </a:cubicBezTo>
                <a:cubicBezTo>
                  <a:pt x="369419" y="659373"/>
                  <a:pt x="418407" y="582356"/>
                  <a:pt x="555570" y="465957"/>
                </a:cubicBezTo>
                <a:cubicBezTo>
                  <a:pt x="547554" y="374062"/>
                  <a:pt x="496786" y="206026"/>
                  <a:pt x="531522" y="190273"/>
                </a:cubicBezTo>
                <a:cubicBezTo>
                  <a:pt x="764877" y="64246"/>
                  <a:pt x="803177" y="250661"/>
                  <a:pt x="924308" y="355683"/>
                </a:cubicBezTo>
                <a:cubicBezTo>
                  <a:pt x="1130053" y="143013"/>
                  <a:pt x="1554903" y="11735"/>
                  <a:pt x="1808744" y="1233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>
              <a:solidFill>
                <a:schemeClr val="tx1"/>
              </a:solidFill>
            </a:endParaRPr>
          </a:p>
        </p:txBody>
      </p:sp>
      <p:sp>
        <p:nvSpPr>
          <p:cNvPr id="95" name="Freeform 55">
            <a:extLst>
              <a:ext uri="{FF2B5EF4-FFF2-40B4-BE49-F238E27FC236}">
                <a16:creationId xmlns:a16="http://schemas.microsoft.com/office/drawing/2014/main" id="{E1F21ECA-3730-4E2A-BB32-69C99B2546BB}"/>
              </a:ext>
            </a:extLst>
          </p:cNvPr>
          <p:cNvSpPr/>
          <p:nvPr/>
        </p:nvSpPr>
        <p:spPr>
          <a:xfrm>
            <a:off x="4423300" y="2468550"/>
            <a:ext cx="316162" cy="774705"/>
          </a:xfrm>
          <a:custGeom>
            <a:avLst/>
            <a:gdLst/>
            <a:ahLst/>
            <a:cxnLst/>
            <a:rect l="l" t="t" r="r" b="b"/>
            <a:pathLst>
              <a:path w="1060423" h="2598393">
                <a:moveTo>
                  <a:pt x="511607" y="1989888"/>
                </a:moveTo>
                <a:cubicBezTo>
                  <a:pt x="421916" y="2038892"/>
                  <a:pt x="392123" y="2248491"/>
                  <a:pt x="577615" y="2379095"/>
                </a:cubicBezTo>
                <a:cubicBezTo>
                  <a:pt x="531205" y="2257454"/>
                  <a:pt x="562054" y="2197447"/>
                  <a:pt x="592034" y="2136572"/>
                </a:cubicBezTo>
                <a:cubicBezTo>
                  <a:pt x="592534" y="2167519"/>
                  <a:pt x="560915" y="2234057"/>
                  <a:pt x="638675" y="2272816"/>
                </a:cubicBezTo>
                <a:cubicBezTo>
                  <a:pt x="602283" y="2156226"/>
                  <a:pt x="756001" y="2119500"/>
                  <a:pt x="594605" y="1990756"/>
                </a:cubicBezTo>
                <a:cubicBezTo>
                  <a:pt x="828052" y="2024484"/>
                  <a:pt x="759407" y="2143283"/>
                  <a:pt x="814896" y="2262952"/>
                </a:cubicBezTo>
                <a:cubicBezTo>
                  <a:pt x="774295" y="2270013"/>
                  <a:pt x="715464" y="2161619"/>
                  <a:pt x="728685" y="2212952"/>
                </a:cubicBezTo>
                <a:cubicBezTo>
                  <a:pt x="798068" y="2415798"/>
                  <a:pt x="590532" y="2421590"/>
                  <a:pt x="656442" y="2598393"/>
                </a:cubicBezTo>
                <a:cubicBezTo>
                  <a:pt x="451592" y="2586815"/>
                  <a:pt x="511509" y="2396411"/>
                  <a:pt x="415171" y="2350110"/>
                </a:cubicBezTo>
                <a:cubicBezTo>
                  <a:pt x="389023" y="2345435"/>
                  <a:pt x="357666" y="2366802"/>
                  <a:pt x="415723" y="2461957"/>
                </a:cubicBezTo>
                <a:cubicBezTo>
                  <a:pt x="77590" y="2209980"/>
                  <a:pt x="314998" y="2004011"/>
                  <a:pt x="511607" y="1989888"/>
                </a:cubicBezTo>
                <a:close/>
                <a:moveTo>
                  <a:pt x="344786" y="1884983"/>
                </a:moveTo>
                <a:lnTo>
                  <a:pt x="722598" y="1884983"/>
                </a:lnTo>
                <a:cubicBezTo>
                  <a:pt x="716460" y="1906965"/>
                  <a:pt x="711917" y="1928321"/>
                  <a:pt x="707988" y="1948728"/>
                </a:cubicBezTo>
                <a:lnTo>
                  <a:pt x="357819" y="1948059"/>
                </a:lnTo>
                <a:close/>
                <a:moveTo>
                  <a:pt x="530212" y="651224"/>
                </a:moveTo>
                <a:cubicBezTo>
                  <a:pt x="585486" y="651224"/>
                  <a:pt x="630294" y="696033"/>
                  <a:pt x="630294" y="751307"/>
                </a:cubicBezTo>
                <a:cubicBezTo>
                  <a:pt x="630294" y="806581"/>
                  <a:pt x="585486" y="851389"/>
                  <a:pt x="530212" y="851389"/>
                </a:cubicBezTo>
                <a:cubicBezTo>
                  <a:pt x="474938" y="851389"/>
                  <a:pt x="430129" y="806581"/>
                  <a:pt x="430129" y="751307"/>
                </a:cubicBezTo>
                <a:cubicBezTo>
                  <a:pt x="430129" y="696033"/>
                  <a:pt x="474938" y="651224"/>
                  <a:pt x="530212" y="651224"/>
                </a:cubicBezTo>
                <a:close/>
                <a:moveTo>
                  <a:pt x="530212" y="551141"/>
                </a:moveTo>
                <a:cubicBezTo>
                  <a:pt x="419664" y="551141"/>
                  <a:pt x="330046" y="640759"/>
                  <a:pt x="330046" y="751307"/>
                </a:cubicBezTo>
                <a:cubicBezTo>
                  <a:pt x="330046" y="861855"/>
                  <a:pt x="419664" y="951472"/>
                  <a:pt x="530212" y="951472"/>
                </a:cubicBezTo>
                <a:cubicBezTo>
                  <a:pt x="640760" y="951472"/>
                  <a:pt x="730377" y="861855"/>
                  <a:pt x="730377" y="751307"/>
                </a:cubicBezTo>
                <a:cubicBezTo>
                  <a:pt x="730377" y="640759"/>
                  <a:pt x="640760" y="551141"/>
                  <a:pt x="530212" y="551141"/>
                </a:cubicBezTo>
                <a:close/>
                <a:moveTo>
                  <a:pt x="286245" y="353827"/>
                </a:moveTo>
                <a:cubicBezTo>
                  <a:pt x="438132" y="439406"/>
                  <a:pt x="623290" y="440561"/>
                  <a:pt x="776100" y="356932"/>
                </a:cubicBezTo>
                <a:cubicBezTo>
                  <a:pt x="941305" y="720175"/>
                  <a:pt x="898096" y="1115325"/>
                  <a:pt x="825241" y="1447764"/>
                </a:cubicBezTo>
                <a:lnTo>
                  <a:pt x="1060423" y="1673413"/>
                </a:lnTo>
                <a:lnTo>
                  <a:pt x="1021935" y="1978110"/>
                </a:lnTo>
                <a:lnTo>
                  <a:pt x="745125" y="1786699"/>
                </a:lnTo>
                <a:lnTo>
                  <a:pt x="734250" y="1834148"/>
                </a:lnTo>
                <a:lnTo>
                  <a:pt x="332991" y="1834148"/>
                </a:lnTo>
                <a:cubicBezTo>
                  <a:pt x="330005" y="1820736"/>
                  <a:pt x="326662" y="1807037"/>
                  <a:pt x="323192" y="1793020"/>
                </a:cubicBezTo>
                <a:lnTo>
                  <a:pt x="38489" y="1989888"/>
                </a:lnTo>
                <a:lnTo>
                  <a:pt x="0" y="1685191"/>
                </a:lnTo>
                <a:lnTo>
                  <a:pt x="237343" y="1457469"/>
                </a:lnTo>
                <a:lnTo>
                  <a:pt x="238009" y="1459571"/>
                </a:lnTo>
                <a:lnTo>
                  <a:pt x="242012" y="1446515"/>
                </a:lnTo>
                <a:cubicBezTo>
                  <a:pt x="171205" y="1115067"/>
                  <a:pt x="127758" y="714059"/>
                  <a:pt x="286245" y="353827"/>
                </a:cubicBezTo>
                <a:close/>
                <a:moveTo>
                  <a:pt x="527942" y="0"/>
                </a:moveTo>
                <a:cubicBezTo>
                  <a:pt x="622760" y="95693"/>
                  <a:pt x="695048" y="196745"/>
                  <a:pt x="748164" y="301374"/>
                </a:cubicBezTo>
                <a:cubicBezTo>
                  <a:pt x="612692" y="376844"/>
                  <a:pt x="447588" y="375495"/>
                  <a:pt x="312997" y="298024"/>
                </a:cubicBezTo>
                <a:cubicBezTo>
                  <a:pt x="364591" y="193505"/>
                  <a:pt x="435080" y="93397"/>
                  <a:pt x="527942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6" name="Round Same Side Corner Rectangle 36">
            <a:extLst>
              <a:ext uri="{FF2B5EF4-FFF2-40B4-BE49-F238E27FC236}">
                <a16:creationId xmlns:a16="http://schemas.microsoft.com/office/drawing/2014/main" id="{E0C4F70F-DCCD-48F1-A750-DF4F32AC8F75}"/>
              </a:ext>
            </a:extLst>
          </p:cNvPr>
          <p:cNvSpPr/>
          <p:nvPr/>
        </p:nvSpPr>
        <p:spPr>
          <a:xfrm>
            <a:off x="9209300" y="2626898"/>
            <a:ext cx="579306" cy="458009"/>
          </a:xfrm>
          <a:custGeom>
            <a:avLst/>
            <a:gdLst/>
            <a:ahLst/>
            <a:cxnLst/>
            <a:rect l="l" t="t" r="r" b="b"/>
            <a:pathLst>
              <a:path w="3219104" h="2545072">
                <a:moveTo>
                  <a:pt x="2779672" y="457200"/>
                </a:moveTo>
                <a:lnTo>
                  <a:pt x="2975888" y="457200"/>
                </a:lnTo>
                <a:cubicBezTo>
                  <a:pt x="3110212" y="457200"/>
                  <a:pt x="3219104" y="566092"/>
                  <a:pt x="3219104" y="700416"/>
                </a:cubicBezTo>
                <a:lnTo>
                  <a:pt x="3219104" y="2301856"/>
                </a:lnTo>
                <a:cubicBezTo>
                  <a:pt x="3219104" y="2436180"/>
                  <a:pt x="3110212" y="2545072"/>
                  <a:pt x="2975888" y="2545072"/>
                </a:cubicBezTo>
                <a:lnTo>
                  <a:pt x="2779672" y="2545072"/>
                </a:lnTo>
                <a:close/>
                <a:moveTo>
                  <a:pt x="243216" y="457200"/>
                </a:moveTo>
                <a:lnTo>
                  <a:pt x="439432" y="457200"/>
                </a:lnTo>
                <a:lnTo>
                  <a:pt x="439432" y="2545072"/>
                </a:lnTo>
                <a:lnTo>
                  <a:pt x="243216" y="2545072"/>
                </a:lnTo>
                <a:cubicBezTo>
                  <a:pt x="108892" y="2545072"/>
                  <a:pt x="0" y="2436180"/>
                  <a:pt x="0" y="2301856"/>
                </a:cubicBezTo>
                <a:lnTo>
                  <a:pt x="0" y="700416"/>
                </a:lnTo>
                <a:cubicBezTo>
                  <a:pt x="0" y="566092"/>
                  <a:pt x="108892" y="457200"/>
                  <a:pt x="243216" y="457200"/>
                </a:cubicBezTo>
                <a:close/>
                <a:moveTo>
                  <a:pt x="1428476" y="174246"/>
                </a:moveTo>
                <a:cubicBezTo>
                  <a:pt x="1372210" y="174246"/>
                  <a:pt x="1326598" y="219858"/>
                  <a:pt x="1326598" y="276124"/>
                </a:cubicBezTo>
                <a:lnTo>
                  <a:pt x="1326598" y="457200"/>
                </a:lnTo>
                <a:lnTo>
                  <a:pt x="1892506" y="457200"/>
                </a:lnTo>
                <a:lnTo>
                  <a:pt x="1892506" y="276124"/>
                </a:lnTo>
                <a:cubicBezTo>
                  <a:pt x="1892506" y="219858"/>
                  <a:pt x="1846894" y="174246"/>
                  <a:pt x="1790628" y="174246"/>
                </a:cubicBezTo>
                <a:close/>
                <a:moveTo>
                  <a:pt x="1285704" y="0"/>
                </a:moveTo>
                <a:lnTo>
                  <a:pt x="1933400" y="0"/>
                </a:lnTo>
                <a:cubicBezTo>
                  <a:pt x="2007048" y="0"/>
                  <a:pt x="2066752" y="59704"/>
                  <a:pt x="2066752" y="133352"/>
                </a:cubicBezTo>
                <a:lnTo>
                  <a:pt x="2066752" y="457200"/>
                </a:lnTo>
                <a:lnTo>
                  <a:pt x="2599672" y="457200"/>
                </a:lnTo>
                <a:lnTo>
                  <a:pt x="2599672" y="2545072"/>
                </a:lnTo>
                <a:lnTo>
                  <a:pt x="619432" y="2545072"/>
                </a:lnTo>
                <a:lnTo>
                  <a:pt x="619432" y="457200"/>
                </a:lnTo>
                <a:lnTo>
                  <a:pt x="1152352" y="457200"/>
                </a:lnTo>
                <a:lnTo>
                  <a:pt x="1152352" y="133352"/>
                </a:lnTo>
                <a:cubicBezTo>
                  <a:pt x="1152352" y="59704"/>
                  <a:pt x="1212056" y="0"/>
                  <a:pt x="1285704" y="0"/>
                </a:cubicBez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2700"/>
          </a:p>
        </p:txBody>
      </p:sp>
      <p:sp>
        <p:nvSpPr>
          <p:cNvPr id="97" name="Oval 21">
            <a:extLst>
              <a:ext uri="{FF2B5EF4-FFF2-40B4-BE49-F238E27FC236}">
                <a16:creationId xmlns:a16="http://schemas.microsoft.com/office/drawing/2014/main" id="{B92F2676-D90E-40BF-8AC5-C623D6EC5932}"/>
              </a:ext>
            </a:extLst>
          </p:cNvPr>
          <p:cNvSpPr>
            <a:spLocks noChangeAspect="1"/>
          </p:cNvSpPr>
          <p:nvPr/>
        </p:nvSpPr>
        <p:spPr>
          <a:xfrm>
            <a:off x="7052100" y="4713438"/>
            <a:ext cx="476931" cy="480914"/>
          </a:xfrm>
          <a:custGeom>
            <a:avLst/>
            <a:gdLst/>
            <a:ahLst/>
            <a:cxnLst/>
            <a:rect l="l" t="t" r="r" b="b"/>
            <a:pathLst>
              <a:path w="1652142" h="1665940">
                <a:moveTo>
                  <a:pt x="898689" y="548008"/>
                </a:moveTo>
                <a:cubicBezTo>
                  <a:pt x="737950" y="504938"/>
                  <a:pt x="572731" y="600328"/>
                  <a:pt x="529661" y="761066"/>
                </a:cubicBezTo>
                <a:cubicBezTo>
                  <a:pt x="486591" y="921805"/>
                  <a:pt x="581980" y="1087025"/>
                  <a:pt x="742719" y="1130094"/>
                </a:cubicBezTo>
                <a:cubicBezTo>
                  <a:pt x="903458" y="1173164"/>
                  <a:pt x="1068677" y="1077775"/>
                  <a:pt x="1111747" y="917036"/>
                </a:cubicBezTo>
                <a:cubicBezTo>
                  <a:pt x="1154817" y="756297"/>
                  <a:pt x="1059428" y="591077"/>
                  <a:pt x="898689" y="548008"/>
                </a:cubicBezTo>
                <a:close/>
                <a:moveTo>
                  <a:pt x="952303" y="347916"/>
                </a:moveTo>
                <a:cubicBezTo>
                  <a:pt x="1223549" y="420596"/>
                  <a:pt x="1384519" y="699404"/>
                  <a:pt x="1311839" y="970650"/>
                </a:cubicBezTo>
                <a:cubicBezTo>
                  <a:pt x="1239159" y="1241896"/>
                  <a:pt x="960351" y="1402866"/>
                  <a:pt x="689105" y="1330186"/>
                </a:cubicBezTo>
                <a:cubicBezTo>
                  <a:pt x="417859" y="1257506"/>
                  <a:pt x="256889" y="978698"/>
                  <a:pt x="329569" y="707451"/>
                </a:cubicBezTo>
                <a:cubicBezTo>
                  <a:pt x="402249" y="436205"/>
                  <a:pt x="681057" y="275235"/>
                  <a:pt x="952303" y="347916"/>
                </a:cubicBezTo>
                <a:close/>
                <a:moveTo>
                  <a:pt x="971799" y="275155"/>
                </a:moveTo>
                <a:cubicBezTo>
                  <a:pt x="660368" y="191707"/>
                  <a:pt x="340256" y="376524"/>
                  <a:pt x="256808" y="687955"/>
                </a:cubicBezTo>
                <a:cubicBezTo>
                  <a:pt x="173361" y="999387"/>
                  <a:pt x="358178" y="1319499"/>
                  <a:pt x="669609" y="1402947"/>
                </a:cubicBezTo>
                <a:cubicBezTo>
                  <a:pt x="981040" y="1486395"/>
                  <a:pt x="1301152" y="1301577"/>
                  <a:pt x="1384600" y="990146"/>
                </a:cubicBezTo>
                <a:cubicBezTo>
                  <a:pt x="1468047" y="678715"/>
                  <a:pt x="1283230" y="358603"/>
                  <a:pt x="971799" y="275155"/>
                </a:cubicBezTo>
                <a:close/>
                <a:moveTo>
                  <a:pt x="1652142" y="394531"/>
                </a:moveTo>
                <a:lnTo>
                  <a:pt x="1649662" y="403784"/>
                </a:lnTo>
                <a:lnTo>
                  <a:pt x="1647140" y="399895"/>
                </a:lnTo>
                <a:close/>
                <a:moveTo>
                  <a:pt x="1158157" y="65026"/>
                </a:moveTo>
                <a:lnTo>
                  <a:pt x="1154679" y="271718"/>
                </a:lnTo>
                <a:lnTo>
                  <a:pt x="1148331" y="270017"/>
                </a:lnTo>
                <a:cubicBezTo>
                  <a:pt x="1200055" y="299127"/>
                  <a:pt x="1246804" y="334821"/>
                  <a:pt x="1286346" y="377149"/>
                </a:cubicBezTo>
                <a:lnTo>
                  <a:pt x="1470353" y="331395"/>
                </a:lnTo>
                <a:lnTo>
                  <a:pt x="1588305" y="553229"/>
                </a:lnTo>
                <a:lnTo>
                  <a:pt x="1457194" y="671432"/>
                </a:lnTo>
                <a:cubicBezTo>
                  <a:pt x="1473630" y="731297"/>
                  <a:pt x="1481376" y="793983"/>
                  <a:pt x="1478595" y="857704"/>
                </a:cubicBezTo>
                <a:lnTo>
                  <a:pt x="1642362" y="948616"/>
                </a:lnTo>
                <a:lnTo>
                  <a:pt x="1577335" y="1191298"/>
                </a:lnTo>
                <a:lnTo>
                  <a:pt x="1378614" y="1187955"/>
                </a:lnTo>
                <a:cubicBezTo>
                  <a:pt x="1353489" y="1229936"/>
                  <a:pt x="1323048" y="1267799"/>
                  <a:pt x="1288939" y="1301599"/>
                </a:cubicBezTo>
                <a:lnTo>
                  <a:pt x="1354201" y="1471932"/>
                </a:lnTo>
                <a:lnTo>
                  <a:pt x="1148396" y="1616039"/>
                </a:lnTo>
                <a:lnTo>
                  <a:pt x="992294" y="1480516"/>
                </a:lnTo>
                <a:lnTo>
                  <a:pt x="1011291" y="1467215"/>
                </a:lnTo>
                <a:cubicBezTo>
                  <a:pt x="951500" y="1486565"/>
                  <a:pt x="888271" y="1495869"/>
                  <a:pt x="823805" y="1495510"/>
                </a:cubicBezTo>
                <a:lnTo>
                  <a:pt x="729193" y="1665940"/>
                </a:lnTo>
                <a:lnTo>
                  <a:pt x="486511" y="1600914"/>
                </a:lnTo>
                <a:lnTo>
                  <a:pt x="489790" y="1406012"/>
                </a:lnTo>
                <a:cubicBezTo>
                  <a:pt x="438364" y="1376702"/>
                  <a:pt x="391917" y="1340859"/>
                  <a:pt x="352658" y="1298452"/>
                </a:cubicBezTo>
                <a:lnTo>
                  <a:pt x="355803" y="1305197"/>
                </a:lnTo>
                <a:lnTo>
                  <a:pt x="152856" y="1344512"/>
                </a:lnTo>
                <a:lnTo>
                  <a:pt x="46675" y="1116809"/>
                </a:lnTo>
                <a:lnTo>
                  <a:pt x="183929" y="1005520"/>
                </a:lnTo>
                <a:cubicBezTo>
                  <a:pt x="169279" y="951824"/>
                  <a:pt x="161626" y="895865"/>
                  <a:pt x="161615" y="838915"/>
                </a:cubicBezTo>
                <a:lnTo>
                  <a:pt x="0" y="749197"/>
                </a:lnTo>
                <a:lnTo>
                  <a:pt x="65026" y="506515"/>
                </a:lnTo>
                <a:lnTo>
                  <a:pt x="250227" y="509630"/>
                </a:lnTo>
                <a:cubicBezTo>
                  <a:pt x="275353" y="465291"/>
                  <a:pt x="305693" y="424864"/>
                  <a:pt x="340015" y="388679"/>
                </a:cubicBezTo>
                <a:lnTo>
                  <a:pt x="277984" y="197357"/>
                </a:lnTo>
                <a:lnTo>
                  <a:pt x="491050" y="64219"/>
                </a:lnTo>
                <a:lnTo>
                  <a:pt x="639843" y="207726"/>
                </a:lnTo>
                <a:lnTo>
                  <a:pt x="638348" y="208660"/>
                </a:lnTo>
                <a:cubicBezTo>
                  <a:pt x="696840" y="190256"/>
                  <a:pt x="758594" y="181748"/>
                  <a:pt x="821488" y="182440"/>
                </a:cubicBezTo>
                <a:lnTo>
                  <a:pt x="815140" y="180739"/>
                </a:lnTo>
                <a:lnTo>
                  <a:pt x="915476" y="0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98" name="Oval 32">
            <a:extLst>
              <a:ext uri="{FF2B5EF4-FFF2-40B4-BE49-F238E27FC236}">
                <a16:creationId xmlns:a16="http://schemas.microsoft.com/office/drawing/2014/main" id="{06C7F06B-394E-4FE3-88AA-93210AFF9C00}"/>
              </a:ext>
            </a:extLst>
          </p:cNvPr>
          <p:cNvSpPr/>
          <p:nvPr/>
        </p:nvSpPr>
        <p:spPr>
          <a:xfrm>
            <a:off x="9307908" y="4680733"/>
            <a:ext cx="454128" cy="546324"/>
          </a:xfrm>
          <a:custGeom>
            <a:avLst/>
            <a:gdLst/>
            <a:ahLst/>
            <a:cxnLst/>
            <a:rect l="l" t="t" r="r" b="b"/>
            <a:pathLst>
              <a:path w="2671236" h="3213546">
                <a:moveTo>
                  <a:pt x="1336943" y="151152"/>
                </a:moveTo>
                <a:cubicBezTo>
                  <a:pt x="1223677" y="151152"/>
                  <a:pt x="1131857" y="242973"/>
                  <a:pt x="1131857" y="356239"/>
                </a:cubicBezTo>
                <a:cubicBezTo>
                  <a:pt x="1131857" y="469506"/>
                  <a:pt x="1223677" y="561326"/>
                  <a:pt x="1336943" y="561326"/>
                </a:cubicBezTo>
                <a:cubicBezTo>
                  <a:pt x="1450210" y="561326"/>
                  <a:pt x="1542030" y="469506"/>
                  <a:pt x="1542030" y="356239"/>
                </a:cubicBezTo>
                <a:cubicBezTo>
                  <a:pt x="1542030" y="242973"/>
                  <a:pt x="1450210" y="151152"/>
                  <a:pt x="1336943" y="151152"/>
                </a:cubicBezTo>
                <a:close/>
                <a:moveTo>
                  <a:pt x="1336943" y="0"/>
                </a:moveTo>
                <a:cubicBezTo>
                  <a:pt x="1533689" y="0"/>
                  <a:pt x="1693182" y="159493"/>
                  <a:pt x="1693182" y="356239"/>
                </a:cubicBezTo>
                <a:cubicBezTo>
                  <a:pt x="1693182" y="499348"/>
                  <a:pt x="1608797" y="622748"/>
                  <a:pt x="1486649" y="678491"/>
                </a:cubicBezTo>
                <a:lnTo>
                  <a:pt x="1504985" y="861628"/>
                </a:lnTo>
                <a:lnTo>
                  <a:pt x="2050955" y="861628"/>
                </a:lnTo>
                <a:cubicBezTo>
                  <a:pt x="2073924" y="808095"/>
                  <a:pt x="2127168" y="770742"/>
                  <a:pt x="2189136" y="770742"/>
                </a:cubicBezTo>
                <a:cubicBezTo>
                  <a:pt x="2272476" y="770742"/>
                  <a:pt x="2340037" y="838303"/>
                  <a:pt x="2340037" y="921643"/>
                </a:cubicBezTo>
                <a:cubicBezTo>
                  <a:pt x="2340037" y="1004983"/>
                  <a:pt x="2272476" y="1072544"/>
                  <a:pt x="2189136" y="1072544"/>
                </a:cubicBezTo>
                <a:cubicBezTo>
                  <a:pt x="2127168" y="1072544"/>
                  <a:pt x="2073924" y="1035191"/>
                  <a:pt x="2050955" y="981658"/>
                </a:cubicBezTo>
                <a:lnTo>
                  <a:pt x="1517002" y="981658"/>
                </a:lnTo>
                <a:lnTo>
                  <a:pt x="1678124" y="2590970"/>
                </a:lnTo>
                <a:cubicBezTo>
                  <a:pt x="2063444" y="2451708"/>
                  <a:pt x="2360829" y="2287813"/>
                  <a:pt x="2381761" y="1860600"/>
                </a:cubicBezTo>
                <a:cubicBezTo>
                  <a:pt x="2329006" y="1862811"/>
                  <a:pt x="2276981" y="1871755"/>
                  <a:pt x="2228094" y="1886075"/>
                </a:cubicBezTo>
                <a:cubicBezTo>
                  <a:pt x="2324645" y="1771974"/>
                  <a:pt x="2415523" y="1665436"/>
                  <a:pt x="2449665" y="1504055"/>
                </a:cubicBezTo>
                <a:cubicBezTo>
                  <a:pt x="2485699" y="1663545"/>
                  <a:pt x="2574685" y="1764408"/>
                  <a:pt x="2671236" y="1886075"/>
                </a:cubicBezTo>
                <a:cubicBezTo>
                  <a:pt x="2622475" y="1872164"/>
                  <a:pt x="2568855" y="1862858"/>
                  <a:pt x="2513341" y="1860541"/>
                </a:cubicBezTo>
                <a:cubicBezTo>
                  <a:pt x="2486075" y="2436981"/>
                  <a:pt x="2151724" y="2992040"/>
                  <a:pt x="1522375" y="3040581"/>
                </a:cubicBezTo>
                <a:cubicBezTo>
                  <a:pt x="1427529" y="3119259"/>
                  <a:pt x="1392747" y="3155891"/>
                  <a:pt x="1336943" y="3213546"/>
                </a:cubicBezTo>
                <a:cubicBezTo>
                  <a:pt x="1284048" y="3153728"/>
                  <a:pt x="1252174" y="3120936"/>
                  <a:pt x="1157234" y="3046101"/>
                </a:cubicBezTo>
                <a:cubicBezTo>
                  <a:pt x="592479" y="2980043"/>
                  <a:pt x="187829" y="2438320"/>
                  <a:pt x="160409" y="1860193"/>
                </a:cubicBezTo>
                <a:cubicBezTo>
                  <a:pt x="105366" y="1862056"/>
                  <a:pt x="50978" y="1871143"/>
                  <a:pt x="0" y="1886075"/>
                </a:cubicBezTo>
                <a:cubicBezTo>
                  <a:pt x="96552" y="1771974"/>
                  <a:pt x="187429" y="1665436"/>
                  <a:pt x="221571" y="1504055"/>
                </a:cubicBezTo>
                <a:cubicBezTo>
                  <a:pt x="257605" y="1663545"/>
                  <a:pt x="346591" y="1764408"/>
                  <a:pt x="443143" y="1886075"/>
                </a:cubicBezTo>
                <a:cubicBezTo>
                  <a:pt x="396276" y="1872705"/>
                  <a:pt x="344922" y="1863589"/>
                  <a:pt x="291687" y="1860996"/>
                </a:cubicBezTo>
                <a:cubicBezTo>
                  <a:pt x="313360" y="2289054"/>
                  <a:pt x="617325" y="2454996"/>
                  <a:pt x="1001768" y="2593980"/>
                </a:cubicBezTo>
                <a:lnTo>
                  <a:pt x="1157883" y="981658"/>
                </a:lnTo>
                <a:lnTo>
                  <a:pt x="666108" y="981658"/>
                </a:lnTo>
                <a:cubicBezTo>
                  <a:pt x="643139" y="1035191"/>
                  <a:pt x="589896" y="1072543"/>
                  <a:pt x="527928" y="1072543"/>
                </a:cubicBezTo>
                <a:cubicBezTo>
                  <a:pt x="444588" y="1072543"/>
                  <a:pt x="377027" y="1004982"/>
                  <a:pt x="377027" y="921642"/>
                </a:cubicBezTo>
                <a:cubicBezTo>
                  <a:pt x="377027" y="838302"/>
                  <a:pt x="444588" y="770741"/>
                  <a:pt x="527928" y="770741"/>
                </a:cubicBezTo>
                <a:cubicBezTo>
                  <a:pt x="589896" y="770741"/>
                  <a:pt x="643141" y="808095"/>
                  <a:pt x="666110" y="861628"/>
                </a:cubicBezTo>
                <a:lnTo>
                  <a:pt x="1169505" y="861628"/>
                </a:lnTo>
                <a:lnTo>
                  <a:pt x="1187237" y="678491"/>
                </a:lnTo>
                <a:cubicBezTo>
                  <a:pt x="1065090" y="622748"/>
                  <a:pt x="980704" y="499348"/>
                  <a:pt x="980704" y="356239"/>
                </a:cubicBezTo>
                <a:cubicBezTo>
                  <a:pt x="980704" y="159493"/>
                  <a:pt x="1140198" y="0"/>
                  <a:pt x="1336943" y="0"/>
                </a:cubicBez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ko-KR" altLang="en-US" sz="2700"/>
          </a:p>
        </p:txBody>
      </p:sp>
      <p:sp>
        <p:nvSpPr>
          <p:cNvPr id="48" name="Rounded Rectangle 2">
            <a:extLst>
              <a:ext uri="{FF2B5EF4-FFF2-40B4-BE49-F238E27FC236}">
                <a16:creationId xmlns:a16="http://schemas.microsoft.com/office/drawing/2014/main" id="{0355BA02-348E-4629-9DEE-CA74BC54E4CA}"/>
              </a:ext>
            </a:extLst>
          </p:cNvPr>
          <p:cNvSpPr/>
          <p:nvPr/>
        </p:nvSpPr>
        <p:spPr>
          <a:xfrm>
            <a:off x="354010" y="1131591"/>
            <a:ext cx="3560767" cy="5402561"/>
          </a:xfrm>
          <a:prstGeom prst="roundRect">
            <a:avLst>
              <a:gd name="adj" fmla="val 3968"/>
            </a:avLst>
          </a:prstGeom>
          <a:solidFill>
            <a:srgbClr val="34B7E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/>
          </a:p>
        </p:txBody>
      </p:sp>
      <p:sp>
        <p:nvSpPr>
          <p:cNvPr id="49" name="Rounded Rectangle 3">
            <a:extLst>
              <a:ext uri="{FF2B5EF4-FFF2-40B4-BE49-F238E27FC236}">
                <a16:creationId xmlns:a16="http://schemas.microsoft.com/office/drawing/2014/main" id="{96C96DF4-F1DF-4EA7-85A4-4ADCCE09C479}"/>
              </a:ext>
            </a:extLst>
          </p:cNvPr>
          <p:cNvSpPr/>
          <p:nvPr/>
        </p:nvSpPr>
        <p:spPr>
          <a:xfrm>
            <a:off x="531933" y="1347500"/>
            <a:ext cx="153868" cy="5015200"/>
          </a:xfrm>
          <a:prstGeom prst="roundRect">
            <a:avLst>
              <a:gd name="adj" fmla="val 50000"/>
            </a:avLst>
          </a:prstGeom>
          <a:solidFill>
            <a:schemeClr val="bg1">
              <a:alpha val="4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>
              <a:solidFill>
                <a:schemeClr val="bg1"/>
              </a:solidFill>
            </a:endParaRPr>
          </a:p>
        </p:txBody>
      </p:sp>
      <p:sp>
        <p:nvSpPr>
          <p:cNvPr id="50" name="Half Frame 4">
            <a:extLst>
              <a:ext uri="{FF2B5EF4-FFF2-40B4-BE49-F238E27FC236}">
                <a16:creationId xmlns:a16="http://schemas.microsoft.com/office/drawing/2014/main" id="{CFDCA933-0238-4F52-9D8B-44A2F157B5F9}"/>
              </a:ext>
            </a:extLst>
          </p:cNvPr>
          <p:cNvSpPr/>
          <p:nvPr/>
        </p:nvSpPr>
        <p:spPr>
          <a:xfrm rot="5400000">
            <a:off x="3057177" y="1276653"/>
            <a:ext cx="685849" cy="685148"/>
          </a:xfrm>
          <a:prstGeom prst="halfFrame">
            <a:avLst>
              <a:gd name="adj1" fmla="val 23728"/>
              <a:gd name="adj2" fmla="val 24642"/>
            </a:avLst>
          </a:prstGeom>
          <a:solidFill>
            <a:schemeClr val="bg1">
              <a:alpha val="2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ko-KR" altLang="en-US" sz="1351">
              <a:solidFill>
                <a:schemeClr val="tx1">
                  <a:lumMod val="85000"/>
                  <a:lumOff val="15000"/>
                </a:schemeClr>
              </a:solidFill>
            </a:endParaRPr>
          </a:p>
        </p:txBody>
      </p:sp>
      <p:sp>
        <p:nvSpPr>
          <p:cNvPr id="51" name="TextBox 57">
            <a:extLst>
              <a:ext uri="{FF2B5EF4-FFF2-40B4-BE49-F238E27FC236}">
                <a16:creationId xmlns:a16="http://schemas.microsoft.com/office/drawing/2014/main" id="{85E2EC42-583E-4FFD-BF4F-9211C96B90C2}"/>
              </a:ext>
            </a:extLst>
          </p:cNvPr>
          <p:cNvSpPr txBox="1"/>
          <p:nvPr/>
        </p:nvSpPr>
        <p:spPr>
          <a:xfrm>
            <a:off x="711704" y="1637214"/>
            <a:ext cx="2232248" cy="52322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You can Resize without losing quality</a:t>
            </a:r>
            <a:endParaRPr lang="ko-KR" altLang="en-US" sz="1400" b="1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52" name="TextBox 58">
            <a:extLst>
              <a:ext uri="{FF2B5EF4-FFF2-40B4-BE49-F238E27FC236}">
                <a16:creationId xmlns:a16="http://schemas.microsoft.com/office/drawing/2014/main" id="{4F9F10B4-839D-4BE7-A023-E0862B17A70B}"/>
              </a:ext>
            </a:extLst>
          </p:cNvPr>
          <p:cNvSpPr txBox="1"/>
          <p:nvPr/>
        </p:nvSpPr>
        <p:spPr>
          <a:xfrm>
            <a:off x="711704" y="2127463"/>
            <a:ext cx="2232248" cy="738664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You can Change Fill Color &amp;</a:t>
            </a:r>
          </a:p>
          <a:p>
            <a:r>
              <a:rPr lang="en-US" altLang="ko-KR" sz="1400" b="1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Line Color</a:t>
            </a:r>
            <a:endParaRPr lang="ko-KR" altLang="en-US" sz="1400" b="1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53" name="TextBox 59">
            <a:extLst>
              <a:ext uri="{FF2B5EF4-FFF2-40B4-BE49-F238E27FC236}">
                <a16:creationId xmlns:a16="http://schemas.microsoft.com/office/drawing/2014/main" id="{DA3C64E0-F8F8-4D6D-B546-2B1CAA544ACA}"/>
              </a:ext>
            </a:extLst>
          </p:cNvPr>
          <p:cNvSpPr txBox="1"/>
          <p:nvPr/>
        </p:nvSpPr>
        <p:spPr>
          <a:xfrm>
            <a:off x="721229" y="5808438"/>
            <a:ext cx="2232000" cy="307777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1400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www.freeppt7.com</a:t>
            </a:r>
            <a:endParaRPr lang="ko-KR" altLang="en-US" sz="1400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99" name="TextBox 60">
            <a:extLst>
              <a:ext uri="{FF2B5EF4-FFF2-40B4-BE49-F238E27FC236}">
                <a16:creationId xmlns:a16="http://schemas.microsoft.com/office/drawing/2014/main" id="{EFA633D0-752D-4C16-9E6C-DD3226C7F4E2}"/>
              </a:ext>
            </a:extLst>
          </p:cNvPr>
          <p:cNvSpPr txBox="1"/>
          <p:nvPr/>
        </p:nvSpPr>
        <p:spPr>
          <a:xfrm>
            <a:off x="721229" y="4450324"/>
            <a:ext cx="2717296" cy="1384995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US" altLang="ko-KR" sz="2800" b="1" dirty="0">
                <a:solidFill>
                  <a:schemeClr val="bg1"/>
                </a:solidFill>
                <a:latin typeface="+mn-lt"/>
                <a:ea typeface="+mn-ea"/>
                <a:cs typeface="Arial" pitchFamily="34" charset="0"/>
              </a:rPr>
              <a:t>FREE </a:t>
            </a:r>
          </a:p>
          <a:p>
            <a:r>
              <a:rPr lang="en-US" altLang="ko-KR" sz="2800" b="1" dirty="0">
                <a:solidFill>
                  <a:schemeClr val="bg1"/>
                </a:solidFill>
                <a:latin typeface="+mn-lt"/>
                <a:ea typeface="+mn-ea"/>
                <a:cs typeface="Arial" pitchFamily="34" charset="0"/>
              </a:rPr>
              <a:t>PPT TEMPLATES</a:t>
            </a:r>
          </a:p>
        </p:txBody>
      </p:sp>
    </p:spTree>
    <p:extLst>
      <p:ext uri="{BB962C8B-B14F-4D97-AF65-F5344CB8AC3E}">
        <p14:creationId xmlns:p14="http://schemas.microsoft.com/office/powerpoint/2010/main" val="486176497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" name="矩形 53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grpSp>
        <p:nvGrpSpPr>
          <p:cNvPr id="57" name="组合 56"/>
          <p:cNvGrpSpPr/>
          <p:nvPr/>
        </p:nvGrpSpPr>
        <p:grpSpPr>
          <a:xfrm>
            <a:off x="5322601" y="2081750"/>
            <a:ext cx="2349499" cy="1923314"/>
            <a:chOff x="3482595" y="939800"/>
            <a:chExt cx="2349499" cy="1923314"/>
          </a:xfrm>
        </p:grpSpPr>
        <p:grpSp>
          <p:nvGrpSpPr>
            <p:cNvPr id="58" name="组合 57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60" name="任意多边形 5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61" name="任意多边形 60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59" name="矩形 58"/>
            <p:cNvSpPr/>
            <p:nvPr/>
          </p:nvSpPr>
          <p:spPr>
            <a:xfrm rot="3269671">
              <a:off x="3904830" y="1549437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62" name="组合 61"/>
          <p:cNvGrpSpPr/>
          <p:nvPr/>
        </p:nvGrpSpPr>
        <p:grpSpPr>
          <a:xfrm>
            <a:off x="6478511" y="2081750"/>
            <a:ext cx="2349499" cy="1923314"/>
            <a:chOff x="4716310" y="939800"/>
            <a:chExt cx="2349499" cy="1923314"/>
          </a:xfrm>
        </p:grpSpPr>
        <p:grpSp>
          <p:nvGrpSpPr>
            <p:cNvPr id="63" name="组合 62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65" name="任意多边形 6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66" name="任意多边形 65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64" name="矩形 63"/>
            <p:cNvSpPr/>
            <p:nvPr/>
          </p:nvSpPr>
          <p:spPr>
            <a:xfrm rot="3257822">
              <a:off x="5183902" y="1612935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67" name="组合 66"/>
          <p:cNvGrpSpPr/>
          <p:nvPr/>
        </p:nvGrpSpPr>
        <p:grpSpPr>
          <a:xfrm>
            <a:off x="7634419" y="2081749"/>
            <a:ext cx="2349499" cy="1923314"/>
            <a:chOff x="6138710" y="939800"/>
            <a:chExt cx="2349499" cy="1923314"/>
          </a:xfrm>
        </p:grpSpPr>
        <p:grpSp>
          <p:nvGrpSpPr>
            <p:cNvPr id="68" name="组合 67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70" name="任意多边形 6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71" name="任意多边形 70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69" name="矩形 68"/>
            <p:cNvSpPr/>
            <p:nvPr/>
          </p:nvSpPr>
          <p:spPr>
            <a:xfrm rot="3279009">
              <a:off x="6560945" y="1574836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72" name="组合 71"/>
          <p:cNvGrpSpPr/>
          <p:nvPr/>
        </p:nvGrpSpPr>
        <p:grpSpPr>
          <a:xfrm>
            <a:off x="4166693" y="1972993"/>
            <a:ext cx="2349499" cy="2032071"/>
            <a:chOff x="3482595" y="831043"/>
            <a:chExt cx="2349499" cy="2032071"/>
          </a:xfrm>
        </p:grpSpPr>
        <p:grpSp>
          <p:nvGrpSpPr>
            <p:cNvPr id="73" name="组合 72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75" name="任意多边形 7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76" name="任意多边形 75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74" name="矩形 73"/>
            <p:cNvSpPr/>
            <p:nvPr/>
          </p:nvSpPr>
          <p:spPr>
            <a:xfrm rot="3273216">
              <a:off x="3674245" y="1574837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2417903" y="2940873"/>
            <a:ext cx="936104" cy="936104"/>
            <a:chOff x="971600" y="1635646"/>
            <a:chExt cx="936104" cy="936104"/>
          </a:xfrm>
        </p:grpSpPr>
        <p:sp>
          <p:nvSpPr>
            <p:cNvPr id="19" name="椭圆 18"/>
            <p:cNvSpPr/>
            <p:nvPr/>
          </p:nvSpPr>
          <p:spPr>
            <a:xfrm>
              <a:off x="971600" y="1635646"/>
              <a:ext cx="936104" cy="936104"/>
            </a:xfrm>
            <a:prstGeom prst="ellipse">
              <a:avLst/>
            </a:prstGeom>
            <a:noFill/>
            <a:ln w="19050">
              <a:solidFill>
                <a:schemeClr val="tx1">
                  <a:lumMod val="65000"/>
                  <a:lumOff val="3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bg1">
                    <a:lumMod val="50000"/>
                  </a:schemeClr>
                </a:solidFill>
              </a:endParaRP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1198917" y="1744378"/>
              <a:ext cx="473206" cy="76944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44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方正正中黑简体" pitchFamily="2" charset="-122"/>
                  <a:ea typeface="方正正中黑简体" pitchFamily="2" charset="-122"/>
                </a:rPr>
                <a:t>1</a:t>
              </a:r>
              <a:endParaRPr lang="zh-CN" altLang="en-US" sz="4400" dirty="0">
                <a:solidFill>
                  <a:schemeClr val="tx1">
                    <a:lumMod val="65000"/>
                    <a:lumOff val="35000"/>
                  </a:schemeClr>
                </a:solidFill>
                <a:latin typeface="方正正中黑简体" pitchFamily="2" charset="-122"/>
                <a:ea typeface="方正正中黑简体" pitchFamily="2" charset="-122"/>
              </a:endParaRPr>
            </a:p>
          </p:txBody>
        </p:sp>
      </p:grpSp>
      <p:grpSp>
        <p:nvGrpSpPr>
          <p:cNvPr id="77" name="组合 76"/>
          <p:cNvGrpSpPr/>
          <p:nvPr/>
        </p:nvGrpSpPr>
        <p:grpSpPr>
          <a:xfrm>
            <a:off x="4169833" y="2066547"/>
            <a:ext cx="2829559" cy="2617822"/>
            <a:chOff x="2171701" y="934519"/>
            <a:chExt cx="2829559" cy="2617822"/>
          </a:xfrm>
        </p:grpSpPr>
        <p:grpSp>
          <p:nvGrpSpPr>
            <p:cNvPr id="78" name="组合 77"/>
            <p:cNvGrpSpPr/>
            <p:nvPr/>
          </p:nvGrpSpPr>
          <p:grpSpPr>
            <a:xfrm>
              <a:off x="2171701" y="939799"/>
              <a:ext cx="2829559" cy="2612542"/>
              <a:chOff x="2171701" y="939799"/>
              <a:chExt cx="2829559" cy="2612542"/>
            </a:xfrm>
          </p:grpSpPr>
          <p:sp>
            <p:nvSpPr>
              <p:cNvPr id="80" name="任意多边形 7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  <a:gd name="connsiteX0" fmla="*/ 135732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35732 w 292894"/>
                  <a:gd name="connsiteY3" fmla="*/ 0 h 159545"/>
                  <a:gd name="connsiteX0" fmla="*/ 130969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30969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30969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30969" y="0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81" name="任意多边形 80"/>
              <p:cNvSpPr/>
              <p:nvPr/>
            </p:nvSpPr>
            <p:spPr>
              <a:xfrm>
                <a:off x="2298700" y="939799"/>
                <a:ext cx="2702560" cy="2612542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  <a:gd name="connsiteX0" fmla="*/ 0 w 3098800"/>
                  <a:gd name="connsiteY0" fmla="*/ 0 h 2298700"/>
                  <a:gd name="connsiteX1" fmla="*/ 1397000 w 3098800"/>
                  <a:gd name="connsiteY1" fmla="*/ 1397000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3098800"/>
                  <a:gd name="connsiteY0" fmla="*/ 0 h 2298700"/>
                  <a:gd name="connsiteX1" fmla="*/ 2311400 w 3098800"/>
                  <a:gd name="connsiteY1" fmla="*/ 2286000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3098800"/>
                  <a:gd name="connsiteY0" fmla="*/ 0 h 2305050"/>
                  <a:gd name="connsiteX1" fmla="*/ 235426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305050"/>
                  <a:gd name="connsiteX1" fmla="*/ 233140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305050"/>
                  <a:gd name="connsiteX1" fmla="*/ 228568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298700"/>
                  <a:gd name="connsiteX1" fmla="*/ 1889443 w 3098800"/>
                  <a:gd name="connsiteY1" fmla="*/ 1893388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2710180"/>
                  <a:gd name="connsiteY0" fmla="*/ 0 h 1920416"/>
                  <a:gd name="connsiteX1" fmla="*/ 1889443 w 2710180"/>
                  <a:gd name="connsiteY1" fmla="*/ 1893388 h 1920416"/>
                  <a:gd name="connsiteX2" fmla="*/ 2710180 w 2710180"/>
                  <a:gd name="connsiteY2" fmla="*/ 1920416 h 1920416"/>
                  <a:gd name="connsiteX3" fmla="*/ 825500 w 2710180"/>
                  <a:gd name="connsiteY3" fmla="*/ 0 h 1920416"/>
                  <a:gd name="connsiteX4" fmla="*/ 0 w 2710180"/>
                  <a:gd name="connsiteY4" fmla="*/ 0 h 1920416"/>
                  <a:gd name="connsiteX0" fmla="*/ 0 w 2702560"/>
                  <a:gd name="connsiteY0" fmla="*/ 0 h 1909290"/>
                  <a:gd name="connsiteX1" fmla="*/ 1889443 w 2702560"/>
                  <a:gd name="connsiteY1" fmla="*/ 1893388 h 1909290"/>
                  <a:gd name="connsiteX2" fmla="*/ 2702560 w 2702560"/>
                  <a:gd name="connsiteY2" fmla="*/ 1909290 h 1909290"/>
                  <a:gd name="connsiteX3" fmla="*/ 825500 w 2702560"/>
                  <a:gd name="connsiteY3" fmla="*/ 0 h 1909290"/>
                  <a:gd name="connsiteX4" fmla="*/ 0 w 2702560"/>
                  <a:gd name="connsiteY4" fmla="*/ 0 h 1909290"/>
                  <a:gd name="connsiteX0" fmla="*/ 0 w 2702560"/>
                  <a:gd name="connsiteY0" fmla="*/ 0 h 1909290"/>
                  <a:gd name="connsiteX1" fmla="*/ 1898968 w 2702560"/>
                  <a:gd name="connsiteY1" fmla="*/ 1907295 h 1909290"/>
                  <a:gd name="connsiteX2" fmla="*/ 2702560 w 2702560"/>
                  <a:gd name="connsiteY2" fmla="*/ 1909290 h 1909290"/>
                  <a:gd name="connsiteX3" fmla="*/ 825500 w 2702560"/>
                  <a:gd name="connsiteY3" fmla="*/ 0 h 1909290"/>
                  <a:gd name="connsiteX4" fmla="*/ 0 w 2702560"/>
                  <a:gd name="connsiteY4" fmla="*/ 0 h 1909290"/>
                  <a:gd name="connsiteX0" fmla="*/ 0 w 2702560"/>
                  <a:gd name="connsiteY0" fmla="*/ 0 h 1907295"/>
                  <a:gd name="connsiteX1" fmla="*/ 1898968 w 2702560"/>
                  <a:gd name="connsiteY1" fmla="*/ 1907295 h 1907295"/>
                  <a:gd name="connsiteX2" fmla="*/ 2702560 w 2702560"/>
                  <a:gd name="connsiteY2" fmla="*/ 1904654 h 1907295"/>
                  <a:gd name="connsiteX3" fmla="*/ 825500 w 2702560"/>
                  <a:gd name="connsiteY3" fmla="*/ 0 h 1907295"/>
                  <a:gd name="connsiteX4" fmla="*/ 0 w 2702560"/>
                  <a:gd name="connsiteY4" fmla="*/ 0 h 190729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702560" h="1907295">
                    <a:moveTo>
                      <a:pt x="0" y="0"/>
                    </a:moveTo>
                    <a:lnTo>
                      <a:pt x="1898968" y="1907295"/>
                    </a:lnTo>
                    <a:lnTo>
                      <a:pt x="2702560" y="1904654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79" name="矩形 78"/>
            <p:cNvSpPr/>
            <p:nvPr/>
          </p:nvSpPr>
          <p:spPr>
            <a:xfrm rot="3329058">
              <a:off x="2397049" y="1883497"/>
              <a:ext cx="2236510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a text title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6" dur="500"/>
                                        <p:tgtEl>
                                          <p:spTgt spid="7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" dur="500"/>
                                        <p:tgtEl>
                                          <p:spTgt spid="7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45" presetClass="entr" presetSubtype="0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1524000" y="588692"/>
            <a:ext cx="3026771" cy="449319"/>
            <a:chOff x="-1" y="588691"/>
            <a:chExt cx="3026771" cy="449319"/>
          </a:xfrm>
        </p:grpSpPr>
        <p:sp>
          <p:nvSpPr>
            <p:cNvPr id="3" name="矩形 1"/>
            <p:cNvSpPr/>
            <p:nvPr/>
          </p:nvSpPr>
          <p:spPr>
            <a:xfrm>
              <a:off x="-1" y="588691"/>
              <a:ext cx="3026771" cy="449319"/>
            </a:xfrm>
            <a:custGeom>
              <a:avLst/>
              <a:gdLst>
                <a:gd name="connsiteX0" fmla="*/ 0 w 2411760"/>
                <a:gd name="connsiteY0" fmla="*/ 0 h 484751"/>
                <a:gd name="connsiteX1" fmla="*/ 2411760 w 2411760"/>
                <a:gd name="connsiteY1" fmla="*/ 0 h 484751"/>
                <a:gd name="connsiteX2" fmla="*/ 2411760 w 2411760"/>
                <a:gd name="connsiteY2" fmla="*/ 484751 h 484751"/>
                <a:gd name="connsiteX3" fmla="*/ 0 w 2411760"/>
                <a:gd name="connsiteY3" fmla="*/ 484751 h 484751"/>
                <a:gd name="connsiteX4" fmla="*/ 0 w 2411760"/>
                <a:gd name="connsiteY4" fmla="*/ 0 h 484751"/>
                <a:gd name="connsiteX0" fmla="*/ 0 w 2849910"/>
                <a:gd name="connsiteY0" fmla="*/ 0 h 484751"/>
                <a:gd name="connsiteX1" fmla="*/ 2411760 w 2849910"/>
                <a:gd name="connsiteY1" fmla="*/ 0 h 484751"/>
                <a:gd name="connsiteX2" fmla="*/ 2849910 w 2849910"/>
                <a:gd name="connsiteY2" fmla="*/ 484751 h 484751"/>
                <a:gd name="connsiteX3" fmla="*/ 0 w 2849910"/>
                <a:gd name="connsiteY3" fmla="*/ 484751 h 484751"/>
                <a:gd name="connsiteX4" fmla="*/ 0 w 2849910"/>
                <a:gd name="connsiteY4" fmla="*/ 0 h 484751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849910" h="484751">
                  <a:moveTo>
                    <a:pt x="0" y="0"/>
                  </a:moveTo>
                  <a:lnTo>
                    <a:pt x="2411760" y="0"/>
                  </a:lnTo>
                  <a:lnTo>
                    <a:pt x="2849910" y="484751"/>
                  </a:lnTo>
                  <a:lnTo>
                    <a:pt x="0" y="48475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4" name="矩形 3"/>
            <p:cNvSpPr/>
            <p:nvPr/>
          </p:nvSpPr>
          <p:spPr>
            <a:xfrm>
              <a:off x="-1" y="676679"/>
              <a:ext cx="2236510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a text title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sp>
        <p:nvSpPr>
          <p:cNvPr id="5" name="矩形 2"/>
          <p:cNvSpPr/>
          <p:nvPr/>
        </p:nvSpPr>
        <p:spPr>
          <a:xfrm>
            <a:off x="2321689" y="3155487"/>
            <a:ext cx="7411452" cy="504056"/>
          </a:xfrm>
          <a:custGeom>
            <a:avLst/>
            <a:gdLst>
              <a:gd name="connsiteX0" fmla="*/ 0 w 7099546"/>
              <a:gd name="connsiteY0" fmla="*/ 0 h 504056"/>
              <a:gd name="connsiteX1" fmla="*/ 7099546 w 7099546"/>
              <a:gd name="connsiteY1" fmla="*/ 0 h 504056"/>
              <a:gd name="connsiteX2" fmla="*/ 7099546 w 7099546"/>
              <a:gd name="connsiteY2" fmla="*/ 504056 h 504056"/>
              <a:gd name="connsiteX3" fmla="*/ 0 w 7099546"/>
              <a:gd name="connsiteY3" fmla="*/ 504056 h 504056"/>
              <a:gd name="connsiteX4" fmla="*/ 0 w 7099546"/>
              <a:gd name="connsiteY4" fmla="*/ 0 h 504056"/>
              <a:gd name="connsiteX0" fmla="*/ 0 w 7099546"/>
              <a:gd name="connsiteY0" fmla="*/ 0 h 504056"/>
              <a:gd name="connsiteX1" fmla="*/ 7099546 w 7099546"/>
              <a:gd name="connsiteY1" fmla="*/ 0 h 504056"/>
              <a:gd name="connsiteX2" fmla="*/ 7091412 w 7099546"/>
              <a:gd name="connsiteY2" fmla="*/ 253938 h 504056"/>
              <a:gd name="connsiteX3" fmla="*/ 7099546 w 7099546"/>
              <a:gd name="connsiteY3" fmla="*/ 504056 h 504056"/>
              <a:gd name="connsiteX4" fmla="*/ 0 w 7099546"/>
              <a:gd name="connsiteY4" fmla="*/ 504056 h 504056"/>
              <a:gd name="connsiteX5" fmla="*/ 0 w 7099546"/>
              <a:gd name="connsiteY5" fmla="*/ 0 h 504056"/>
              <a:gd name="connsiteX0" fmla="*/ 0 w 7411452"/>
              <a:gd name="connsiteY0" fmla="*/ 0 h 504056"/>
              <a:gd name="connsiteX1" fmla="*/ 7099546 w 7411452"/>
              <a:gd name="connsiteY1" fmla="*/ 0 h 504056"/>
              <a:gd name="connsiteX2" fmla="*/ 7411452 w 7411452"/>
              <a:gd name="connsiteY2" fmla="*/ 246318 h 504056"/>
              <a:gd name="connsiteX3" fmla="*/ 7099546 w 7411452"/>
              <a:gd name="connsiteY3" fmla="*/ 504056 h 504056"/>
              <a:gd name="connsiteX4" fmla="*/ 0 w 7411452"/>
              <a:gd name="connsiteY4" fmla="*/ 504056 h 504056"/>
              <a:gd name="connsiteX5" fmla="*/ 0 w 7411452"/>
              <a:gd name="connsiteY5" fmla="*/ 0 h 5040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7411452" h="504056">
                <a:moveTo>
                  <a:pt x="0" y="0"/>
                </a:moveTo>
                <a:lnTo>
                  <a:pt x="7099546" y="0"/>
                </a:lnTo>
                <a:lnTo>
                  <a:pt x="7411452" y="246318"/>
                </a:lnTo>
                <a:lnTo>
                  <a:pt x="7099546" y="504056"/>
                </a:lnTo>
                <a:lnTo>
                  <a:pt x="0" y="504056"/>
                </a:lnTo>
                <a:lnTo>
                  <a:pt x="0" y="0"/>
                </a:lnTo>
                <a:close/>
              </a:path>
            </a:pathLst>
          </a:custGeom>
          <a:solidFill>
            <a:srgbClr val="9DB9B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6" name="组合 5"/>
          <p:cNvGrpSpPr/>
          <p:nvPr/>
        </p:nvGrpSpPr>
        <p:grpSpPr>
          <a:xfrm>
            <a:off x="3316113" y="2283290"/>
            <a:ext cx="1152128" cy="2335267"/>
            <a:chOff x="1792113" y="1593478"/>
            <a:chExt cx="1152128" cy="2335267"/>
          </a:xfrm>
        </p:grpSpPr>
        <p:sp>
          <p:nvSpPr>
            <p:cNvPr id="7" name="椭圆 6"/>
            <p:cNvSpPr/>
            <p:nvPr/>
          </p:nvSpPr>
          <p:spPr>
            <a:xfrm>
              <a:off x="1792113" y="2141640"/>
              <a:ext cx="1152128" cy="1152128"/>
            </a:xfrm>
            <a:prstGeom prst="ellipse">
              <a:avLst/>
            </a:prstGeom>
            <a:solidFill>
              <a:srgbClr val="9DB9B6"/>
            </a:solidFill>
            <a:ln w="762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sz="2800" dirty="0">
                  <a:latin typeface="方正超粗黑简体" pitchFamily="65" charset="-122"/>
                  <a:ea typeface="方正超粗黑简体" pitchFamily="65" charset="-122"/>
                </a:rPr>
                <a:t>1</a:t>
              </a:r>
              <a:endParaRPr lang="zh-CN" altLang="en-US" sz="2800" dirty="0">
                <a:latin typeface="方正超粗黑简体" pitchFamily="65" charset="-122"/>
                <a:ea typeface="方正超粗黑简体" pitchFamily="65" charset="-122"/>
              </a:endParaRPr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2009428" y="1593478"/>
              <a:ext cx="723275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>
                  <a:solidFill>
                    <a:schemeClr val="bg1">
                      <a:lumMod val="50000"/>
                    </a:schemeClr>
                  </a:solidFill>
                  <a:latin typeface="方正正中黑简体" pitchFamily="2" charset="-122"/>
                  <a:ea typeface="方正正中黑简体" pitchFamily="2" charset="-122"/>
                </a:rPr>
                <a:t>2016</a:t>
              </a:r>
              <a:endParaRPr lang="zh-CN" altLang="en-US" dirty="0">
                <a:solidFill>
                  <a:schemeClr val="bg1">
                    <a:lumMod val="50000"/>
                  </a:schemeClr>
                </a:solidFill>
                <a:latin typeface="方正正中黑简体" pitchFamily="2" charset="-122"/>
                <a:ea typeface="方正正中黑简体" pitchFamily="2" charset="-122"/>
              </a:endParaRPr>
            </a:p>
          </p:txBody>
        </p:sp>
        <p:grpSp>
          <p:nvGrpSpPr>
            <p:cNvPr id="9" name="组合 8"/>
            <p:cNvGrpSpPr/>
            <p:nvPr/>
          </p:nvGrpSpPr>
          <p:grpSpPr>
            <a:xfrm>
              <a:off x="1826685" y="3435846"/>
              <a:ext cx="1107996" cy="492899"/>
              <a:chOff x="1839385" y="3435846"/>
              <a:chExt cx="1107996" cy="492899"/>
            </a:xfrm>
          </p:grpSpPr>
          <p:sp>
            <p:nvSpPr>
              <p:cNvPr id="10" name="矩形 9"/>
              <p:cNvSpPr/>
              <p:nvPr/>
            </p:nvSpPr>
            <p:spPr>
              <a:xfrm>
                <a:off x="1839385" y="3435846"/>
                <a:ext cx="1107996" cy="276999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lang="zh-CN" altLang="en-US" sz="1200" kern="0" dirty="0">
                    <a:solidFill>
                      <a:schemeClr val="bg1">
                        <a:lumMod val="50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  <p:sp>
            <p:nvSpPr>
              <p:cNvPr id="11" name="矩形 10"/>
              <p:cNvSpPr/>
              <p:nvPr/>
            </p:nvSpPr>
            <p:spPr>
              <a:xfrm>
                <a:off x="1839385" y="3651746"/>
                <a:ext cx="1107996" cy="276999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lang="zh-CN" altLang="en-US" sz="1200" kern="0" dirty="0">
                    <a:solidFill>
                      <a:schemeClr val="bg1">
                        <a:lumMod val="50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</p:grpSp>
      </p:grpSp>
      <p:grpSp>
        <p:nvGrpSpPr>
          <p:cNvPr id="12" name="组合 11"/>
          <p:cNvGrpSpPr/>
          <p:nvPr/>
        </p:nvGrpSpPr>
        <p:grpSpPr>
          <a:xfrm>
            <a:off x="5374221" y="2283290"/>
            <a:ext cx="1154560" cy="2335267"/>
            <a:chOff x="3850221" y="1593478"/>
            <a:chExt cx="1154560" cy="2335267"/>
          </a:xfrm>
        </p:grpSpPr>
        <p:sp>
          <p:nvSpPr>
            <p:cNvPr id="13" name="椭圆 12"/>
            <p:cNvSpPr/>
            <p:nvPr/>
          </p:nvSpPr>
          <p:spPr>
            <a:xfrm>
              <a:off x="3850221" y="2141640"/>
              <a:ext cx="1152128" cy="1152128"/>
            </a:xfrm>
            <a:prstGeom prst="ellipse">
              <a:avLst/>
            </a:prstGeom>
            <a:solidFill>
              <a:srgbClr val="9DB9B6"/>
            </a:solidFill>
            <a:ln w="762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sz="2800" dirty="0">
                  <a:latin typeface="方正超粗黑简体" pitchFamily="65" charset="-122"/>
                  <a:ea typeface="方正超粗黑简体" pitchFamily="65" charset="-122"/>
                </a:rPr>
                <a:t>2</a:t>
              </a:r>
              <a:endParaRPr lang="zh-CN" altLang="en-US" sz="2800" dirty="0">
                <a:latin typeface="方正超粗黑简体" pitchFamily="65" charset="-122"/>
                <a:ea typeface="方正超粗黑简体" pitchFamily="65" charset="-122"/>
              </a:endParaRP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028728" y="1593478"/>
              <a:ext cx="723275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>
                  <a:solidFill>
                    <a:schemeClr val="bg1">
                      <a:lumMod val="50000"/>
                    </a:schemeClr>
                  </a:solidFill>
                  <a:latin typeface="方正正中黑简体" pitchFamily="2" charset="-122"/>
                  <a:ea typeface="方正正中黑简体" pitchFamily="2" charset="-122"/>
                </a:rPr>
                <a:t>2018</a:t>
              </a:r>
              <a:endParaRPr lang="zh-CN" altLang="en-US" dirty="0">
                <a:solidFill>
                  <a:schemeClr val="bg1">
                    <a:lumMod val="50000"/>
                  </a:schemeClr>
                </a:solidFill>
                <a:latin typeface="方正正中黑简体" pitchFamily="2" charset="-122"/>
                <a:ea typeface="方正正中黑简体" pitchFamily="2" charset="-122"/>
              </a:endParaRPr>
            </a:p>
          </p:txBody>
        </p:sp>
        <p:grpSp>
          <p:nvGrpSpPr>
            <p:cNvPr id="15" name="组合 14"/>
            <p:cNvGrpSpPr/>
            <p:nvPr/>
          </p:nvGrpSpPr>
          <p:grpSpPr>
            <a:xfrm>
              <a:off x="3896785" y="3435846"/>
              <a:ext cx="1107996" cy="492899"/>
              <a:chOff x="1839385" y="3435846"/>
              <a:chExt cx="1107996" cy="492899"/>
            </a:xfrm>
          </p:grpSpPr>
          <p:sp>
            <p:nvSpPr>
              <p:cNvPr id="16" name="矩形 15"/>
              <p:cNvSpPr/>
              <p:nvPr/>
            </p:nvSpPr>
            <p:spPr>
              <a:xfrm>
                <a:off x="1839385" y="3435846"/>
                <a:ext cx="1107996" cy="276999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lang="zh-CN" altLang="en-US" sz="1200" kern="0" dirty="0">
                    <a:solidFill>
                      <a:schemeClr val="bg1">
                        <a:lumMod val="50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  <p:sp>
            <p:nvSpPr>
              <p:cNvPr id="17" name="矩形 16"/>
              <p:cNvSpPr/>
              <p:nvPr/>
            </p:nvSpPr>
            <p:spPr>
              <a:xfrm>
                <a:off x="1839385" y="3651746"/>
                <a:ext cx="1107996" cy="276999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lang="zh-CN" altLang="en-US" sz="1200" kern="0" dirty="0">
                    <a:solidFill>
                      <a:schemeClr val="bg1">
                        <a:lumMod val="50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</p:grpSp>
      </p:grpSp>
      <p:grpSp>
        <p:nvGrpSpPr>
          <p:cNvPr id="18" name="组合 17"/>
          <p:cNvGrpSpPr/>
          <p:nvPr/>
        </p:nvGrpSpPr>
        <p:grpSpPr>
          <a:xfrm>
            <a:off x="7432329" y="2283290"/>
            <a:ext cx="1152128" cy="2335267"/>
            <a:chOff x="5908329" y="1593478"/>
            <a:chExt cx="1152128" cy="2335267"/>
          </a:xfrm>
        </p:grpSpPr>
        <p:sp>
          <p:nvSpPr>
            <p:cNvPr id="19" name="椭圆 18"/>
            <p:cNvSpPr/>
            <p:nvPr/>
          </p:nvSpPr>
          <p:spPr>
            <a:xfrm>
              <a:off x="5908329" y="2141640"/>
              <a:ext cx="1152128" cy="1152128"/>
            </a:xfrm>
            <a:prstGeom prst="ellipse">
              <a:avLst/>
            </a:prstGeom>
            <a:solidFill>
              <a:schemeClr val="accent5">
                <a:lumMod val="50000"/>
              </a:schemeClr>
            </a:solidFill>
            <a:ln w="762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altLang="zh-CN" sz="2800" dirty="0">
                  <a:solidFill>
                    <a:schemeClr val="bg1"/>
                  </a:solidFill>
                  <a:latin typeface="方正超粗黑简体" pitchFamily="65" charset="-122"/>
                  <a:ea typeface="方正超粗黑简体" pitchFamily="65" charset="-122"/>
                </a:rPr>
                <a:t>3</a:t>
              </a:r>
              <a:endParaRPr lang="zh-CN" altLang="en-US" sz="2800" dirty="0">
                <a:solidFill>
                  <a:schemeClr val="bg1"/>
                </a:solidFill>
                <a:latin typeface="方正超粗黑简体" pitchFamily="65" charset="-122"/>
                <a:ea typeface="方正超粗黑简体" pitchFamily="65" charset="-122"/>
              </a:endParaRP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6078790" y="1593478"/>
              <a:ext cx="723275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>
                  <a:latin typeface="方正正中黑简体" pitchFamily="2" charset="-122"/>
                  <a:ea typeface="方正正中黑简体" pitchFamily="2" charset="-122"/>
                </a:rPr>
                <a:t>2020</a:t>
              </a:r>
              <a:endParaRPr lang="zh-CN" altLang="en-US" dirty="0">
                <a:latin typeface="方正正中黑简体" pitchFamily="2" charset="-122"/>
                <a:ea typeface="方正正中黑简体" pitchFamily="2" charset="-122"/>
              </a:endParaRPr>
            </a:p>
          </p:txBody>
        </p:sp>
        <p:grpSp>
          <p:nvGrpSpPr>
            <p:cNvPr id="21" name="组合 20"/>
            <p:cNvGrpSpPr/>
            <p:nvPr/>
          </p:nvGrpSpPr>
          <p:grpSpPr>
            <a:xfrm>
              <a:off x="5916085" y="3435846"/>
              <a:ext cx="1107996" cy="492899"/>
              <a:chOff x="1839385" y="3435846"/>
              <a:chExt cx="1107996" cy="492899"/>
            </a:xfrm>
          </p:grpSpPr>
          <p:sp>
            <p:nvSpPr>
              <p:cNvPr id="22" name="矩形 21"/>
              <p:cNvSpPr/>
              <p:nvPr/>
            </p:nvSpPr>
            <p:spPr>
              <a:xfrm>
                <a:off x="1839385" y="3435846"/>
                <a:ext cx="1107996" cy="276999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lang="zh-CN" altLang="en-US" sz="1200" kern="0" dirty="0"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  <p:sp>
            <p:nvSpPr>
              <p:cNvPr id="23" name="矩形 22"/>
              <p:cNvSpPr/>
              <p:nvPr/>
            </p:nvSpPr>
            <p:spPr>
              <a:xfrm>
                <a:off x="1839385" y="3651746"/>
                <a:ext cx="1107996" cy="276999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lang="zh-CN" altLang="en-US" sz="1200" kern="0" dirty="0"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45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2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2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45" presetClass="entr" presetSubtype="0" fill="hold" nodeType="withEffect">
                                  <p:stCondLst>
                                    <p:cond delay="7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2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45" presetClass="entr" presetSubtype="0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4379775" y="1828704"/>
            <a:ext cx="5571232" cy="3218157"/>
            <a:chOff x="1669334" y="1124817"/>
            <a:chExt cx="5571232" cy="3218157"/>
          </a:xfrm>
        </p:grpSpPr>
        <p:grpSp>
          <p:nvGrpSpPr>
            <p:cNvPr id="3" name="组合 2"/>
            <p:cNvGrpSpPr/>
            <p:nvPr/>
          </p:nvGrpSpPr>
          <p:grpSpPr>
            <a:xfrm>
              <a:off x="5302326" y="1823492"/>
              <a:ext cx="1249908" cy="1249908"/>
              <a:chOff x="2279030" y="1747292"/>
              <a:chExt cx="1249908" cy="1249908"/>
            </a:xfrm>
          </p:grpSpPr>
          <p:sp>
            <p:nvSpPr>
              <p:cNvPr id="30" name="椭圆 29"/>
              <p:cNvSpPr/>
              <p:nvPr/>
            </p:nvSpPr>
            <p:spPr>
              <a:xfrm>
                <a:off x="2279030" y="1747292"/>
                <a:ext cx="1249908" cy="1249908"/>
              </a:xfrm>
              <a:prstGeom prst="ellipse">
                <a:avLst/>
              </a:prstGeom>
              <a:solidFill>
                <a:schemeClr val="bg1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1" name="矩形 30"/>
              <p:cNvSpPr/>
              <p:nvPr/>
            </p:nvSpPr>
            <p:spPr>
              <a:xfrm>
                <a:off x="2551953" y="2141414"/>
                <a:ext cx="704063" cy="46166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lang="zh-CN" altLang="en-US" sz="1200" kern="0" dirty="0">
                    <a:solidFill>
                      <a:schemeClr val="bg1"/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</p:grpSp>
        <p:grpSp>
          <p:nvGrpSpPr>
            <p:cNvPr id="4" name="组合 3"/>
            <p:cNvGrpSpPr/>
            <p:nvPr/>
          </p:nvGrpSpPr>
          <p:grpSpPr>
            <a:xfrm>
              <a:off x="3924175" y="1124817"/>
              <a:ext cx="897632" cy="897632"/>
              <a:chOff x="3979168" y="1034430"/>
              <a:chExt cx="897632" cy="897632"/>
            </a:xfrm>
          </p:grpSpPr>
          <p:sp>
            <p:nvSpPr>
              <p:cNvPr id="28" name="椭圆 27"/>
              <p:cNvSpPr/>
              <p:nvPr/>
            </p:nvSpPr>
            <p:spPr>
              <a:xfrm>
                <a:off x="3979168" y="1034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pic>
            <p:nvPicPr>
              <p:cNvPr id="29" name="Picture 3" descr="F:\工作夹\PPT设计\PPT模板\PPT模板2013\s1025\8.png"/>
              <p:cNvPicPr>
                <a:picLocks noChangeAspect="1" noChangeArrowheads="1"/>
              </p:cNvPicPr>
              <p:nvPr/>
            </p:nvPicPr>
            <p:blipFill>
              <a:blip r:embed="rId2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4216274" y="1244642"/>
                <a:ext cx="423420" cy="477208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grpSp>
          <p:nvGrpSpPr>
            <p:cNvPr id="5" name="组合 4"/>
            <p:cNvGrpSpPr/>
            <p:nvPr/>
          </p:nvGrpSpPr>
          <p:grpSpPr>
            <a:xfrm>
              <a:off x="2178126" y="1823492"/>
              <a:ext cx="1249908" cy="1249908"/>
              <a:chOff x="2279030" y="1747292"/>
              <a:chExt cx="1249908" cy="1249908"/>
            </a:xfrm>
          </p:grpSpPr>
          <p:sp>
            <p:nvSpPr>
              <p:cNvPr id="26" name="椭圆 25"/>
              <p:cNvSpPr/>
              <p:nvPr/>
            </p:nvSpPr>
            <p:spPr>
              <a:xfrm>
                <a:off x="2279030" y="1747292"/>
                <a:ext cx="1249908" cy="1249908"/>
              </a:xfrm>
              <a:prstGeom prst="ellipse">
                <a:avLst/>
              </a:prstGeom>
              <a:solidFill>
                <a:schemeClr val="bg1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27" name="矩形 26"/>
              <p:cNvSpPr/>
              <p:nvPr/>
            </p:nvSpPr>
            <p:spPr>
              <a:xfrm>
                <a:off x="2551953" y="2141414"/>
                <a:ext cx="704063" cy="46166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lang="zh-CN" altLang="en-US" sz="1200" kern="0" dirty="0">
                    <a:solidFill>
                      <a:schemeClr val="bg1"/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</p:grpSp>
        <p:grpSp>
          <p:nvGrpSpPr>
            <p:cNvPr id="6" name="组合 5"/>
            <p:cNvGrpSpPr/>
            <p:nvPr/>
          </p:nvGrpSpPr>
          <p:grpSpPr>
            <a:xfrm>
              <a:off x="1669334" y="3445342"/>
              <a:ext cx="897632" cy="897632"/>
              <a:chOff x="2455168" y="1923430"/>
              <a:chExt cx="897632" cy="897632"/>
            </a:xfrm>
          </p:grpSpPr>
          <p:sp>
            <p:nvSpPr>
              <p:cNvPr id="24" name="椭圆 23"/>
              <p:cNvSpPr/>
              <p:nvPr/>
            </p:nvSpPr>
            <p:spPr>
              <a:xfrm>
                <a:off x="2455168" y="1923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25" name="矩形 24"/>
              <p:cNvSpPr/>
              <p:nvPr/>
            </p:nvSpPr>
            <p:spPr>
              <a:xfrm>
                <a:off x="2551953" y="2141414"/>
                <a:ext cx="704063" cy="46166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lang="zh-CN" altLang="en-US" sz="1200" kern="0" dirty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</p:grpSp>
        <p:grpSp>
          <p:nvGrpSpPr>
            <p:cNvPr id="7" name="组合 6"/>
            <p:cNvGrpSpPr/>
            <p:nvPr/>
          </p:nvGrpSpPr>
          <p:grpSpPr>
            <a:xfrm>
              <a:off x="3227201" y="3445342"/>
              <a:ext cx="897632" cy="897632"/>
              <a:chOff x="2455168" y="1923430"/>
              <a:chExt cx="897632" cy="897632"/>
            </a:xfrm>
          </p:grpSpPr>
          <p:sp>
            <p:nvSpPr>
              <p:cNvPr id="22" name="椭圆 21"/>
              <p:cNvSpPr/>
              <p:nvPr/>
            </p:nvSpPr>
            <p:spPr>
              <a:xfrm>
                <a:off x="2455168" y="1923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23" name="矩形 22"/>
              <p:cNvSpPr/>
              <p:nvPr/>
            </p:nvSpPr>
            <p:spPr>
              <a:xfrm>
                <a:off x="2551953" y="2141414"/>
                <a:ext cx="704063" cy="46166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lang="zh-CN" altLang="en-US" sz="1200" kern="0" dirty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</p:grpSp>
        <p:grpSp>
          <p:nvGrpSpPr>
            <p:cNvPr id="8" name="组合 7"/>
            <p:cNvGrpSpPr/>
            <p:nvPr/>
          </p:nvGrpSpPr>
          <p:grpSpPr>
            <a:xfrm>
              <a:off x="4785068" y="3445342"/>
              <a:ext cx="897632" cy="897632"/>
              <a:chOff x="2455168" y="1923430"/>
              <a:chExt cx="897632" cy="897632"/>
            </a:xfrm>
          </p:grpSpPr>
          <p:sp>
            <p:nvSpPr>
              <p:cNvPr id="20" name="椭圆 19"/>
              <p:cNvSpPr/>
              <p:nvPr/>
            </p:nvSpPr>
            <p:spPr>
              <a:xfrm>
                <a:off x="2455168" y="1923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21" name="矩形 20"/>
              <p:cNvSpPr/>
              <p:nvPr/>
            </p:nvSpPr>
            <p:spPr>
              <a:xfrm>
                <a:off x="2551953" y="2141414"/>
                <a:ext cx="704063" cy="46166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lang="zh-CN" altLang="en-US" sz="1200" kern="0" dirty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</p:grpSp>
        <p:grpSp>
          <p:nvGrpSpPr>
            <p:cNvPr id="9" name="组合 8"/>
            <p:cNvGrpSpPr/>
            <p:nvPr/>
          </p:nvGrpSpPr>
          <p:grpSpPr>
            <a:xfrm>
              <a:off x="6342934" y="3445342"/>
              <a:ext cx="897632" cy="897632"/>
              <a:chOff x="2455168" y="1923430"/>
              <a:chExt cx="897632" cy="897632"/>
            </a:xfrm>
          </p:grpSpPr>
          <p:sp>
            <p:nvSpPr>
              <p:cNvPr id="18" name="椭圆 17"/>
              <p:cNvSpPr/>
              <p:nvPr/>
            </p:nvSpPr>
            <p:spPr>
              <a:xfrm>
                <a:off x="2455168" y="1923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19" name="矩形 18"/>
              <p:cNvSpPr/>
              <p:nvPr/>
            </p:nvSpPr>
            <p:spPr>
              <a:xfrm>
                <a:off x="2551953" y="2141414"/>
                <a:ext cx="704063" cy="461665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lang="zh-CN" altLang="en-US" sz="1200" kern="0" dirty="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typeface="微软雅黑" pitchFamily="34" charset="-122"/>
                    <a:ea typeface="微软雅黑" pitchFamily="34" charset="-122"/>
                  </a:rPr>
                  <a:t>Click to add text</a:t>
                </a:r>
              </a:p>
            </p:txBody>
          </p:sp>
        </p:grpSp>
        <p:sp>
          <p:nvSpPr>
            <p:cNvPr id="10" name="任意多边形 9"/>
            <p:cNvSpPr/>
            <p:nvPr/>
          </p:nvSpPr>
          <p:spPr>
            <a:xfrm>
              <a:off x="4813300" y="1595437"/>
              <a:ext cx="1104900" cy="477812"/>
            </a:xfrm>
            <a:custGeom>
              <a:avLst/>
              <a:gdLst>
                <a:gd name="connsiteX0" fmla="*/ 0 w 1104900"/>
                <a:gd name="connsiteY0" fmla="*/ 0 h 698500"/>
                <a:gd name="connsiteX1" fmla="*/ 1104900 w 1104900"/>
                <a:gd name="connsiteY1" fmla="*/ 0 h 698500"/>
                <a:gd name="connsiteX2" fmla="*/ 1104900 w 1104900"/>
                <a:gd name="connsiteY2" fmla="*/ 698500 h 6985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104900" h="698500">
                  <a:moveTo>
                    <a:pt x="0" y="0"/>
                  </a:moveTo>
                  <a:lnTo>
                    <a:pt x="1104900" y="0"/>
                  </a:lnTo>
                  <a:lnTo>
                    <a:pt x="1104900" y="698500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1" name="任意多边形 10"/>
            <p:cNvSpPr/>
            <p:nvPr/>
          </p:nvSpPr>
          <p:spPr>
            <a:xfrm flipH="1">
              <a:off x="2813050" y="1595437"/>
              <a:ext cx="1104900" cy="477812"/>
            </a:xfrm>
            <a:custGeom>
              <a:avLst/>
              <a:gdLst>
                <a:gd name="connsiteX0" fmla="*/ 0 w 1104900"/>
                <a:gd name="connsiteY0" fmla="*/ 0 h 698500"/>
                <a:gd name="connsiteX1" fmla="*/ 1104900 w 1104900"/>
                <a:gd name="connsiteY1" fmla="*/ 0 h 698500"/>
                <a:gd name="connsiteX2" fmla="*/ 1104900 w 1104900"/>
                <a:gd name="connsiteY2" fmla="*/ 698500 h 6985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1104900" h="698500">
                  <a:moveTo>
                    <a:pt x="0" y="0"/>
                  </a:moveTo>
                  <a:lnTo>
                    <a:pt x="1104900" y="0"/>
                  </a:lnTo>
                  <a:lnTo>
                    <a:pt x="1104900" y="698500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grpSp>
          <p:nvGrpSpPr>
            <p:cNvPr id="12" name="组合 11"/>
            <p:cNvGrpSpPr/>
            <p:nvPr/>
          </p:nvGrpSpPr>
          <p:grpSpPr>
            <a:xfrm>
              <a:off x="2078625" y="2973462"/>
              <a:ext cx="1590805" cy="485809"/>
              <a:chOff x="2129425" y="2821062"/>
              <a:chExt cx="1590805" cy="485809"/>
            </a:xfrm>
          </p:grpSpPr>
          <p:sp>
            <p:nvSpPr>
              <p:cNvPr id="16" name="任意多边形 15"/>
              <p:cNvSpPr/>
              <p:nvPr/>
            </p:nvSpPr>
            <p:spPr>
              <a:xfrm>
                <a:off x="2129425" y="3006247"/>
                <a:ext cx="1590805" cy="300624"/>
              </a:xfrm>
              <a:custGeom>
                <a:avLst/>
                <a:gdLst>
                  <a:gd name="connsiteX0" fmla="*/ 0 w 1590805"/>
                  <a:gd name="connsiteY0" fmla="*/ 275572 h 300624"/>
                  <a:gd name="connsiteX1" fmla="*/ 0 w 1590805"/>
                  <a:gd name="connsiteY1" fmla="*/ 0 h 300624"/>
                  <a:gd name="connsiteX2" fmla="*/ 1590805 w 1590805"/>
                  <a:gd name="connsiteY2" fmla="*/ 0 h 300624"/>
                  <a:gd name="connsiteX3" fmla="*/ 1590805 w 1590805"/>
                  <a:gd name="connsiteY3" fmla="*/ 300624 h 30062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590805" h="300624">
                    <a:moveTo>
                      <a:pt x="0" y="275572"/>
                    </a:moveTo>
                    <a:lnTo>
                      <a:pt x="0" y="0"/>
                    </a:lnTo>
                    <a:lnTo>
                      <a:pt x="1590805" y="0"/>
                    </a:lnTo>
                    <a:lnTo>
                      <a:pt x="1590805" y="300624"/>
                    </a:lnTo>
                  </a:path>
                </a:pathLst>
              </a:custGeom>
              <a:noFill/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cxnSp>
            <p:nvCxnSpPr>
              <p:cNvPr id="17" name="直接连接符 16"/>
              <p:cNvCxnSpPr/>
              <p:nvPr/>
            </p:nvCxnSpPr>
            <p:spPr>
              <a:xfrm flipV="1">
                <a:off x="2863850" y="2821062"/>
                <a:ext cx="0" cy="185185"/>
              </a:xfrm>
              <a:prstGeom prst="line">
                <a:avLst/>
              </a:prstGeom>
              <a:noFill/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</p:grpSp>
        <p:grpSp>
          <p:nvGrpSpPr>
            <p:cNvPr id="13" name="组合 12"/>
            <p:cNvGrpSpPr/>
            <p:nvPr/>
          </p:nvGrpSpPr>
          <p:grpSpPr>
            <a:xfrm>
              <a:off x="5197606" y="2973462"/>
              <a:ext cx="1590805" cy="485809"/>
              <a:chOff x="5248406" y="2821062"/>
              <a:chExt cx="1590805" cy="485809"/>
            </a:xfrm>
          </p:grpSpPr>
          <p:sp>
            <p:nvSpPr>
              <p:cNvPr id="14" name="任意多边形 13"/>
              <p:cNvSpPr/>
              <p:nvPr/>
            </p:nvSpPr>
            <p:spPr>
              <a:xfrm>
                <a:off x="5248406" y="3006247"/>
                <a:ext cx="1590805" cy="300624"/>
              </a:xfrm>
              <a:custGeom>
                <a:avLst/>
                <a:gdLst>
                  <a:gd name="connsiteX0" fmla="*/ 0 w 1590805"/>
                  <a:gd name="connsiteY0" fmla="*/ 275572 h 300624"/>
                  <a:gd name="connsiteX1" fmla="*/ 0 w 1590805"/>
                  <a:gd name="connsiteY1" fmla="*/ 0 h 300624"/>
                  <a:gd name="connsiteX2" fmla="*/ 1590805 w 1590805"/>
                  <a:gd name="connsiteY2" fmla="*/ 0 h 300624"/>
                  <a:gd name="connsiteX3" fmla="*/ 1590805 w 1590805"/>
                  <a:gd name="connsiteY3" fmla="*/ 300624 h 30062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1590805" h="300624">
                    <a:moveTo>
                      <a:pt x="0" y="275572"/>
                    </a:moveTo>
                    <a:lnTo>
                      <a:pt x="0" y="0"/>
                    </a:lnTo>
                    <a:lnTo>
                      <a:pt x="1590805" y="0"/>
                    </a:lnTo>
                    <a:lnTo>
                      <a:pt x="1590805" y="300624"/>
                    </a:lnTo>
                  </a:path>
                </a:pathLst>
              </a:custGeom>
              <a:noFill/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cxnSp>
            <p:nvCxnSpPr>
              <p:cNvPr id="15" name="直接连接符 14"/>
              <p:cNvCxnSpPr/>
              <p:nvPr/>
            </p:nvCxnSpPr>
            <p:spPr>
              <a:xfrm flipV="1">
                <a:off x="6018530" y="2821062"/>
                <a:ext cx="0" cy="185185"/>
              </a:xfrm>
              <a:prstGeom prst="line">
                <a:avLst/>
              </a:prstGeom>
              <a:noFill/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</p:grpSp>
      </p:grpSp>
      <p:grpSp>
        <p:nvGrpSpPr>
          <p:cNvPr id="32" name="组合 31"/>
          <p:cNvGrpSpPr/>
          <p:nvPr/>
        </p:nvGrpSpPr>
        <p:grpSpPr>
          <a:xfrm>
            <a:off x="2028541" y="3057891"/>
            <a:ext cx="1968938" cy="419436"/>
            <a:chOff x="263908" y="2319952"/>
            <a:chExt cx="1968938" cy="419436"/>
          </a:xfrm>
        </p:grpSpPr>
        <p:grpSp>
          <p:nvGrpSpPr>
            <p:cNvPr id="33" name="组合 32"/>
            <p:cNvGrpSpPr/>
            <p:nvPr/>
          </p:nvGrpSpPr>
          <p:grpSpPr>
            <a:xfrm>
              <a:off x="263908" y="2319952"/>
              <a:ext cx="1354088" cy="379706"/>
              <a:chOff x="263908" y="2319952"/>
              <a:chExt cx="1354088" cy="379706"/>
            </a:xfrm>
          </p:grpSpPr>
          <p:sp>
            <p:nvSpPr>
              <p:cNvPr id="35" name="矩形 34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pic>
            <p:nvPicPr>
              <p:cNvPr id="36" name="Picture 3" descr="F:\工作夹\PPT设计\PPT模板\PPT模板2013\s1025\8.png"/>
              <p:cNvPicPr>
                <a:picLocks noChangeAspect="1" noChangeArrowheads="1"/>
              </p:cNvPicPr>
              <p:nvPr/>
            </p:nvPicPr>
            <p:blipFill>
              <a:blip r:embed="rId2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263908" y="2319952"/>
                <a:ext cx="336908" cy="379706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sp>
          <p:nvSpPr>
            <p:cNvPr id="34" name="TextBox 33"/>
            <p:cNvSpPr txBox="1"/>
            <p:nvPr/>
          </p:nvSpPr>
          <p:spPr>
            <a:xfrm>
              <a:off x="1705137" y="2370056"/>
              <a:ext cx="527709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rPr>
                <a:t>80</a:t>
              </a:r>
              <a:r>
                <a:rPr lang="en-US" altLang="zh-CN" sz="105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rPr>
                <a:t>%</a:t>
              </a:r>
              <a:endParaRPr lang="zh-CN" altLang="en-US" dirty="0">
                <a:solidFill>
                  <a:schemeClr val="tx1">
                    <a:lumMod val="50000"/>
                    <a:lumOff val="50000"/>
                  </a:schemeClr>
                </a:solidFill>
                <a:latin typeface="Rockwell Extra Bold" pitchFamily="18" charset="0"/>
              </a:endParaRPr>
            </a:p>
          </p:txBody>
        </p:sp>
      </p:grpSp>
      <p:grpSp>
        <p:nvGrpSpPr>
          <p:cNvPr id="37" name="组合 36"/>
          <p:cNvGrpSpPr/>
          <p:nvPr/>
        </p:nvGrpSpPr>
        <p:grpSpPr>
          <a:xfrm>
            <a:off x="2046695" y="3630512"/>
            <a:ext cx="1950784" cy="423015"/>
            <a:chOff x="282062" y="3042883"/>
            <a:chExt cx="1950784" cy="423015"/>
          </a:xfrm>
        </p:grpSpPr>
        <p:grpSp>
          <p:nvGrpSpPr>
            <p:cNvPr id="38" name="组合 37"/>
            <p:cNvGrpSpPr/>
            <p:nvPr/>
          </p:nvGrpSpPr>
          <p:grpSpPr>
            <a:xfrm>
              <a:off x="282062" y="3042883"/>
              <a:ext cx="1335934" cy="379706"/>
              <a:chOff x="282062" y="2319952"/>
              <a:chExt cx="1335934" cy="379706"/>
            </a:xfrm>
          </p:grpSpPr>
          <p:sp>
            <p:nvSpPr>
              <p:cNvPr id="40" name="矩形 39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pic>
            <p:nvPicPr>
              <p:cNvPr id="41" name="Picture 3"/>
              <p:cNvPicPr>
                <a:picLocks noChangeAspect="1" noChangeArrowheads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282062" y="2319952"/>
                <a:ext cx="300600" cy="379706"/>
              </a:xfrm>
              <a:prstGeom prst="rect">
                <a:avLst/>
              </a:prstGeom>
              <a:solidFill>
                <a:srgbClr val="FFFFFF"/>
              </a:solidFill>
            </p:spPr>
          </p:pic>
        </p:grpSp>
        <p:sp>
          <p:nvSpPr>
            <p:cNvPr id="39" name="TextBox 38"/>
            <p:cNvSpPr txBox="1"/>
            <p:nvPr/>
          </p:nvSpPr>
          <p:spPr>
            <a:xfrm>
              <a:off x="1705137" y="3096566"/>
              <a:ext cx="527709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rPr>
                <a:t>30</a:t>
              </a:r>
              <a:r>
                <a:rPr lang="en-US" altLang="zh-CN" sz="1050" dirty="0">
                  <a:solidFill>
                    <a:schemeClr val="tx1">
                      <a:lumMod val="50000"/>
                      <a:lumOff val="50000"/>
                    </a:schemeClr>
                  </a:solidFill>
                  <a:latin typeface="Rockwell Extra Bold" pitchFamily="18" charset="0"/>
                </a:rPr>
                <a:t>%</a:t>
              </a:r>
              <a:endParaRPr lang="zh-CN" altLang="en-US" dirty="0">
                <a:solidFill>
                  <a:schemeClr val="tx1">
                    <a:lumMod val="50000"/>
                    <a:lumOff val="50000"/>
                  </a:schemeClr>
                </a:solidFill>
                <a:latin typeface="Rockwell Extra Bold" pitchFamily="18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" presetClass="entr" presetSubtype="8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" presetID="2" presetClass="entr" presetSubtype="8" fill="hold" nodeType="withEffect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2169277" y="2631389"/>
            <a:ext cx="2420438" cy="2074698"/>
            <a:chOff x="532008" y="1661633"/>
            <a:chExt cx="2420438" cy="2074698"/>
          </a:xfrm>
        </p:grpSpPr>
        <p:sp>
          <p:nvSpPr>
            <p:cNvPr id="3" name="矩形 2"/>
            <p:cNvSpPr/>
            <p:nvPr/>
          </p:nvSpPr>
          <p:spPr>
            <a:xfrm>
              <a:off x="532008" y="1661633"/>
              <a:ext cx="2420438" cy="2074698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pic>
          <p:nvPicPr>
            <p:cNvPr id="4" name="Picture 3"/>
            <p:cNvPicPr>
              <a:picLocks noChangeAspect="1" noChangeArrowheads="1"/>
            </p:cNvPicPr>
            <p:nvPr/>
          </p:nvPicPr>
          <p:blipFill>
            <a:blip r:embed="rId2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saturation sat="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 bwMode="auto">
            <a:xfrm>
              <a:off x="693412" y="1814160"/>
              <a:ext cx="2092660" cy="1313996"/>
            </a:xfrm>
            <a:prstGeom prst="rect">
              <a:avLst/>
            </a:prstGeom>
            <a:noFill/>
            <a:ln w="38100">
              <a:solidFill>
                <a:schemeClr val="bg1"/>
              </a:solidFill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" name="矩形 4"/>
            <p:cNvSpPr/>
            <p:nvPr/>
          </p:nvSpPr>
          <p:spPr>
            <a:xfrm>
              <a:off x="710505" y="3275345"/>
              <a:ext cx="1951175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en-US" altLang="zh-CN" sz="12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&gt;&gt;</a:t>
              </a:r>
              <a:r>
                <a:rPr lang="zh-CN" altLang="en-US" sz="12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  <p:grpSp>
        <p:nvGrpSpPr>
          <p:cNvPr id="6" name="组合 5"/>
          <p:cNvGrpSpPr/>
          <p:nvPr/>
        </p:nvGrpSpPr>
        <p:grpSpPr>
          <a:xfrm>
            <a:off x="4383732" y="1664779"/>
            <a:ext cx="1708882" cy="1708882"/>
            <a:chOff x="6257196" y="770525"/>
            <a:chExt cx="1708882" cy="1708882"/>
          </a:xfrm>
        </p:grpSpPr>
        <p:sp>
          <p:nvSpPr>
            <p:cNvPr id="7" name="任意多边形 6"/>
            <p:cNvSpPr/>
            <p:nvPr/>
          </p:nvSpPr>
          <p:spPr>
            <a:xfrm rot="20981648">
              <a:off x="6257196" y="770525"/>
              <a:ext cx="1708882" cy="1708882"/>
            </a:xfrm>
            <a:custGeom>
              <a:avLst/>
              <a:gdLst/>
              <a:ahLst/>
              <a:cxnLst/>
              <a:rect l="l" t="t" r="r" b="b"/>
              <a:pathLst>
                <a:path w="2037778" h="2037778">
                  <a:moveTo>
                    <a:pt x="1201140" y="16611"/>
                  </a:moveTo>
                  <a:cubicBezTo>
                    <a:pt x="1754683" y="117266"/>
                    <a:pt x="2121821" y="647597"/>
                    <a:pt x="2021167" y="1201140"/>
                  </a:cubicBezTo>
                  <a:cubicBezTo>
                    <a:pt x="1920512" y="1754683"/>
                    <a:pt x="1390181" y="2121821"/>
                    <a:pt x="836638" y="2021167"/>
                  </a:cubicBezTo>
                  <a:cubicBezTo>
                    <a:pt x="731525" y="2002054"/>
                    <a:pt x="633134" y="1967447"/>
                    <a:pt x="543476" y="1919969"/>
                  </a:cubicBezTo>
                  <a:cubicBezTo>
                    <a:pt x="379926" y="1975646"/>
                    <a:pt x="193523" y="1966561"/>
                    <a:pt x="19928" y="1946271"/>
                  </a:cubicBezTo>
                  <a:cubicBezTo>
                    <a:pt x="24161" y="1950504"/>
                    <a:pt x="185028" y="1909758"/>
                    <a:pt x="283453" y="1781171"/>
                  </a:cubicBezTo>
                  <a:cubicBezTo>
                    <a:pt x="292222" y="1769715"/>
                    <a:pt x="299966" y="1758368"/>
                    <a:pt x="306069" y="1746684"/>
                  </a:cubicBezTo>
                  <a:cubicBezTo>
                    <a:pt x="73055" y="1518178"/>
                    <a:pt x="-46174" y="1181924"/>
                    <a:pt x="16611" y="836638"/>
                  </a:cubicBezTo>
                  <a:cubicBezTo>
                    <a:pt x="117265" y="283095"/>
                    <a:pt x="647597" y="-84043"/>
                    <a:pt x="1201140" y="16611"/>
                  </a:cubicBezTo>
                  <a:close/>
                </a:path>
              </a:pathLst>
            </a:custGeom>
            <a:solidFill>
              <a:srgbClr val="9DB9B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8" name="矩形 7"/>
            <p:cNvSpPr>
              <a:spLocks noChangeArrowheads="1"/>
            </p:cNvSpPr>
            <p:nvPr/>
          </p:nvSpPr>
          <p:spPr bwMode="auto">
            <a:xfrm>
              <a:off x="6485488" y="1206780"/>
              <a:ext cx="1414786" cy="86177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>
                <a:lnSpc>
                  <a:spcPts val="2000"/>
                </a:lnSpc>
              </a:pPr>
              <a:r>
                <a:rPr lang="en-US" altLang="zh-CN" sz="1400" dirty="0"/>
                <a:t>RAPIDPPT, the leader of the professional of ...</a:t>
              </a:r>
            </a:p>
          </p:txBody>
        </p:sp>
      </p:grpSp>
      <p:grpSp>
        <p:nvGrpSpPr>
          <p:cNvPr id="9" name="组合 8"/>
          <p:cNvGrpSpPr/>
          <p:nvPr/>
        </p:nvGrpSpPr>
        <p:grpSpPr>
          <a:xfrm>
            <a:off x="6495477" y="2631389"/>
            <a:ext cx="2420438" cy="2074698"/>
            <a:chOff x="532008" y="1661633"/>
            <a:chExt cx="2420438" cy="2074698"/>
          </a:xfrm>
        </p:grpSpPr>
        <p:sp>
          <p:nvSpPr>
            <p:cNvPr id="10" name="矩形 9"/>
            <p:cNvSpPr/>
            <p:nvPr/>
          </p:nvSpPr>
          <p:spPr>
            <a:xfrm>
              <a:off x="532008" y="1661633"/>
              <a:ext cx="2420438" cy="2074698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pic>
          <p:nvPicPr>
            <p:cNvPr id="11" name="Picture 3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777167" y="1814160"/>
              <a:ext cx="1925150" cy="1313996"/>
            </a:xfrm>
            <a:prstGeom prst="rect">
              <a:avLst/>
            </a:prstGeom>
            <a:noFill/>
            <a:ln w="38100">
              <a:solidFill>
                <a:schemeClr val="bg1"/>
              </a:solidFill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2" name="矩形 11"/>
            <p:cNvSpPr/>
            <p:nvPr/>
          </p:nvSpPr>
          <p:spPr>
            <a:xfrm>
              <a:off x="710505" y="3275345"/>
              <a:ext cx="1951175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en-US" altLang="zh-CN" sz="12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&gt;&gt;</a:t>
              </a:r>
              <a:r>
                <a:rPr lang="zh-CN" altLang="en-US" sz="12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  <p:grpSp>
        <p:nvGrpSpPr>
          <p:cNvPr id="13" name="组合 12"/>
          <p:cNvGrpSpPr/>
          <p:nvPr/>
        </p:nvGrpSpPr>
        <p:grpSpPr>
          <a:xfrm>
            <a:off x="8694474" y="1708321"/>
            <a:ext cx="1708882" cy="1708882"/>
            <a:chOff x="6257196" y="770525"/>
            <a:chExt cx="1708882" cy="1708882"/>
          </a:xfrm>
        </p:grpSpPr>
        <p:sp>
          <p:nvSpPr>
            <p:cNvPr id="14" name="任意多边形 13"/>
            <p:cNvSpPr/>
            <p:nvPr/>
          </p:nvSpPr>
          <p:spPr>
            <a:xfrm rot="20981648">
              <a:off x="6257196" y="770525"/>
              <a:ext cx="1708882" cy="1708882"/>
            </a:xfrm>
            <a:custGeom>
              <a:avLst/>
              <a:gdLst/>
              <a:ahLst/>
              <a:cxnLst/>
              <a:rect l="l" t="t" r="r" b="b"/>
              <a:pathLst>
                <a:path w="2037778" h="2037778">
                  <a:moveTo>
                    <a:pt x="1201140" y="16611"/>
                  </a:moveTo>
                  <a:cubicBezTo>
                    <a:pt x="1754683" y="117266"/>
                    <a:pt x="2121821" y="647597"/>
                    <a:pt x="2021167" y="1201140"/>
                  </a:cubicBezTo>
                  <a:cubicBezTo>
                    <a:pt x="1920512" y="1754683"/>
                    <a:pt x="1390181" y="2121821"/>
                    <a:pt x="836638" y="2021167"/>
                  </a:cubicBezTo>
                  <a:cubicBezTo>
                    <a:pt x="731525" y="2002054"/>
                    <a:pt x="633134" y="1967447"/>
                    <a:pt x="543476" y="1919969"/>
                  </a:cubicBezTo>
                  <a:cubicBezTo>
                    <a:pt x="379926" y="1975646"/>
                    <a:pt x="193523" y="1966561"/>
                    <a:pt x="19928" y="1946271"/>
                  </a:cubicBezTo>
                  <a:cubicBezTo>
                    <a:pt x="24161" y="1950504"/>
                    <a:pt x="185028" y="1909758"/>
                    <a:pt x="283453" y="1781171"/>
                  </a:cubicBezTo>
                  <a:cubicBezTo>
                    <a:pt x="292222" y="1769715"/>
                    <a:pt x="299966" y="1758368"/>
                    <a:pt x="306069" y="1746684"/>
                  </a:cubicBezTo>
                  <a:cubicBezTo>
                    <a:pt x="73055" y="1518178"/>
                    <a:pt x="-46174" y="1181924"/>
                    <a:pt x="16611" y="836638"/>
                  </a:cubicBezTo>
                  <a:cubicBezTo>
                    <a:pt x="117265" y="283095"/>
                    <a:pt x="647597" y="-84043"/>
                    <a:pt x="1201140" y="16611"/>
                  </a:cubicBezTo>
                  <a:close/>
                </a:path>
              </a:pathLst>
            </a:custGeom>
            <a:solidFill>
              <a:srgbClr val="9DB9B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5" name="矩形 14"/>
            <p:cNvSpPr>
              <a:spLocks noChangeArrowheads="1"/>
            </p:cNvSpPr>
            <p:nvPr/>
          </p:nvSpPr>
          <p:spPr bwMode="auto">
            <a:xfrm>
              <a:off x="6485488" y="1206780"/>
              <a:ext cx="1414786" cy="86177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>
                <a:lnSpc>
                  <a:spcPts val="2000"/>
                </a:lnSpc>
              </a:pPr>
              <a:r>
                <a:rPr lang="en-US" altLang="zh-CN" sz="1400" dirty="0"/>
                <a:t>RAPIDPPT, the leader of the professional of ...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800" decel="100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800" decel="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800" decel="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800" decel="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2" presetClass="entr" presetSubtype="4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30" presetClass="entr" presetSubtype="0" fill="hold" nodeType="withEffect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800" decel="100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800" decel="100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800" decel="100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800" decel="100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4" presetID="22" presetClass="entr" presetSubtype="4" fill="hold" nodeType="withEffect">
                                  <p:stCondLst>
                                    <p:cond delay="250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矩形 30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grpSp>
        <p:nvGrpSpPr>
          <p:cNvPr id="18" name="组合 17"/>
          <p:cNvGrpSpPr/>
          <p:nvPr/>
        </p:nvGrpSpPr>
        <p:grpSpPr>
          <a:xfrm>
            <a:off x="2385819" y="2996146"/>
            <a:ext cx="936104" cy="936104"/>
            <a:chOff x="971600" y="1635646"/>
            <a:chExt cx="936104" cy="936104"/>
          </a:xfrm>
        </p:grpSpPr>
        <p:sp>
          <p:nvSpPr>
            <p:cNvPr id="19" name="椭圆 18"/>
            <p:cNvSpPr/>
            <p:nvPr/>
          </p:nvSpPr>
          <p:spPr>
            <a:xfrm>
              <a:off x="971600" y="1635646"/>
              <a:ext cx="936104" cy="936104"/>
            </a:xfrm>
            <a:prstGeom prst="ellipse">
              <a:avLst/>
            </a:prstGeom>
            <a:noFill/>
            <a:ln w="19050">
              <a:solidFill>
                <a:schemeClr val="tx1">
                  <a:lumMod val="65000"/>
                  <a:lumOff val="3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bg1">
                    <a:lumMod val="50000"/>
                  </a:schemeClr>
                </a:solidFill>
              </a:endParaRP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1135417" y="1744378"/>
              <a:ext cx="566181" cy="76944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z="4400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方正正中黑简体" pitchFamily="2" charset="-122"/>
                  <a:ea typeface="方正正中黑简体" pitchFamily="2" charset="-122"/>
                </a:rPr>
                <a:t>2</a:t>
              </a:r>
              <a:endParaRPr lang="zh-CN" altLang="en-US" sz="4400" dirty="0">
                <a:solidFill>
                  <a:schemeClr val="tx1">
                    <a:lumMod val="65000"/>
                    <a:lumOff val="35000"/>
                  </a:schemeClr>
                </a:solidFill>
                <a:latin typeface="方正正中黑简体" pitchFamily="2" charset="-122"/>
                <a:ea typeface="方正正中黑简体" pitchFamily="2" charset="-122"/>
              </a:endParaRPr>
            </a:p>
          </p:txBody>
        </p:sp>
      </p:grpSp>
      <p:grpSp>
        <p:nvGrpSpPr>
          <p:cNvPr id="32" name="组合 31"/>
          <p:cNvGrpSpPr/>
          <p:nvPr/>
        </p:nvGrpSpPr>
        <p:grpSpPr>
          <a:xfrm>
            <a:off x="5322601" y="1947593"/>
            <a:ext cx="2349499" cy="2057471"/>
            <a:chOff x="3482595" y="805643"/>
            <a:chExt cx="2349499" cy="2057471"/>
          </a:xfrm>
        </p:grpSpPr>
        <p:grpSp>
          <p:nvGrpSpPr>
            <p:cNvPr id="33" name="组合 32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35" name="任意多边形 3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36" name="任意多边形 35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34" name="矩形 33"/>
            <p:cNvSpPr/>
            <p:nvPr/>
          </p:nvSpPr>
          <p:spPr>
            <a:xfrm rot="3269671">
              <a:off x="3699646" y="1549437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37" name="组合 36"/>
          <p:cNvGrpSpPr/>
          <p:nvPr/>
        </p:nvGrpSpPr>
        <p:grpSpPr>
          <a:xfrm>
            <a:off x="6478511" y="2011091"/>
            <a:ext cx="2349499" cy="1993973"/>
            <a:chOff x="4716310" y="869141"/>
            <a:chExt cx="2349499" cy="1993973"/>
          </a:xfrm>
        </p:grpSpPr>
        <p:grpSp>
          <p:nvGrpSpPr>
            <p:cNvPr id="38" name="组合 37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40" name="任意多边形 3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41" name="任意多边形 40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39" name="矩形 38"/>
            <p:cNvSpPr/>
            <p:nvPr/>
          </p:nvSpPr>
          <p:spPr>
            <a:xfrm rot="3257822">
              <a:off x="4978718" y="1612935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42" name="组合 41"/>
          <p:cNvGrpSpPr/>
          <p:nvPr/>
        </p:nvGrpSpPr>
        <p:grpSpPr>
          <a:xfrm>
            <a:off x="7634419" y="1972991"/>
            <a:ext cx="2349499" cy="2032072"/>
            <a:chOff x="6138710" y="831042"/>
            <a:chExt cx="2349499" cy="2032072"/>
          </a:xfrm>
        </p:grpSpPr>
        <p:grpSp>
          <p:nvGrpSpPr>
            <p:cNvPr id="43" name="组合 42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45" name="任意多边形 4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  <p:sp>
            <p:nvSpPr>
              <p:cNvPr id="46" name="任意多边形 45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4" name="矩形 43"/>
            <p:cNvSpPr/>
            <p:nvPr/>
          </p:nvSpPr>
          <p:spPr>
            <a:xfrm rot="3279009">
              <a:off x="6355761" y="1574836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47" name="组合 46"/>
          <p:cNvGrpSpPr/>
          <p:nvPr/>
        </p:nvGrpSpPr>
        <p:grpSpPr>
          <a:xfrm>
            <a:off x="4166693" y="1972993"/>
            <a:ext cx="2349499" cy="2032071"/>
            <a:chOff x="3482595" y="831043"/>
            <a:chExt cx="2349499" cy="2032071"/>
          </a:xfrm>
        </p:grpSpPr>
        <p:grpSp>
          <p:nvGrpSpPr>
            <p:cNvPr id="48" name="组合 47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50" name="任意多边形 4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51" name="任意多边形 50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222500" h="13970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49" name="矩形 48"/>
            <p:cNvSpPr/>
            <p:nvPr/>
          </p:nvSpPr>
          <p:spPr>
            <a:xfrm rot="3273216">
              <a:off x="3674245" y="1574837"/>
              <a:ext cx="1826141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  <p:grpSp>
        <p:nvGrpSpPr>
          <p:cNvPr id="52" name="组合 51"/>
          <p:cNvGrpSpPr/>
          <p:nvPr/>
        </p:nvGrpSpPr>
        <p:grpSpPr>
          <a:xfrm>
            <a:off x="5318881" y="2066547"/>
            <a:ext cx="2829559" cy="2617822"/>
            <a:chOff x="2171701" y="934519"/>
            <a:chExt cx="2829559" cy="2617822"/>
          </a:xfrm>
        </p:grpSpPr>
        <p:grpSp>
          <p:nvGrpSpPr>
            <p:cNvPr id="53" name="组合 52"/>
            <p:cNvGrpSpPr/>
            <p:nvPr/>
          </p:nvGrpSpPr>
          <p:grpSpPr>
            <a:xfrm>
              <a:off x="2171701" y="939799"/>
              <a:ext cx="2829559" cy="2612542"/>
              <a:chOff x="2171701" y="939799"/>
              <a:chExt cx="2829559" cy="2612542"/>
            </a:xfrm>
          </p:grpSpPr>
          <p:sp>
            <p:nvSpPr>
              <p:cNvPr id="55" name="任意多边形 5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avLst/>
                <a:gdLst>
                  <a:gd name="connsiteX0" fmla="*/ 119063 w 290513"/>
                  <a:gd name="connsiteY0" fmla="*/ 0 h 161925"/>
                  <a:gd name="connsiteX1" fmla="*/ 0 w 290513"/>
                  <a:gd name="connsiteY1" fmla="*/ 161925 h 161925"/>
                  <a:gd name="connsiteX2" fmla="*/ 290513 w 290513"/>
                  <a:gd name="connsiteY2" fmla="*/ 161925 h 161925"/>
                  <a:gd name="connsiteX3" fmla="*/ 119063 w 290513"/>
                  <a:gd name="connsiteY3" fmla="*/ 0 h 161925"/>
                  <a:gd name="connsiteX0" fmla="*/ 126207 w 290513"/>
                  <a:gd name="connsiteY0" fmla="*/ 0 h 159544"/>
                  <a:gd name="connsiteX1" fmla="*/ 0 w 290513"/>
                  <a:gd name="connsiteY1" fmla="*/ 159544 h 159544"/>
                  <a:gd name="connsiteX2" fmla="*/ 290513 w 290513"/>
                  <a:gd name="connsiteY2" fmla="*/ 159544 h 159544"/>
                  <a:gd name="connsiteX3" fmla="*/ 126207 w 290513"/>
                  <a:gd name="connsiteY3" fmla="*/ 0 h 159544"/>
                  <a:gd name="connsiteX0" fmla="*/ 126207 w 280988"/>
                  <a:gd name="connsiteY0" fmla="*/ 0 h 161926"/>
                  <a:gd name="connsiteX1" fmla="*/ 0 w 280988"/>
                  <a:gd name="connsiteY1" fmla="*/ 159544 h 161926"/>
                  <a:gd name="connsiteX2" fmla="*/ 280988 w 280988"/>
                  <a:gd name="connsiteY2" fmla="*/ 161926 h 161926"/>
                  <a:gd name="connsiteX3" fmla="*/ 126207 w 280988"/>
                  <a:gd name="connsiteY3" fmla="*/ 0 h 161926"/>
                  <a:gd name="connsiteX0" fmla="*/ 126207 w 283369"/>
                  <a:gd name="connsiteY0" fmla="*/ 0 h 159545"/>
                  <a:gd name="connsiteX1" fmla="*/ 0 w 283369"/>
                  <a:gd name="connsiteY1" fmla="*/ 159544 h 159545"/>
                  <a:gd name="connsiteX2" fmla="*/ 283369 w 283369"/>
                  <a:gd name="connsiteY2" fmla="*/ 159545 h 159545"/>
                  <a:gd name="connsiteX3" fmla="*/ 126207 w 283369"/>
                  <a:gd name="connsiteY3" fmla="*/ 0 h 159545"/>
                  <a:gd name="connsiteX0" fmla="*/ 126207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26207 w 292894"/>
                  <a:gd name="connsiteY3" fmla="*/ 0 h 159545"/>
                  <a:gd name="connsiteX0" fmla="*/ 135732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35732 w 292894"/>
                  <a:gd name="connsiteY3" fmla="*/ 0 h 159545"/>
                  <a:gd name="connsiteX0" fmla="*/ 130969 w 292894"/>
                  <a:gd name="connsiteY0" fmla="*/ 0 h 159545"/>
                  <a:gd name="connsiteX1" fmla="*/ 0 w 292894"/>
                  <a:gd name="connsiteY1" fmla="*/ 159544 h 159545"/>
                  <a:gd name="connsiteX2" fmla="*/ 292894 w 292894"/>
                  <a:gd name="connsiteY2" fmla="*/ 159545 h 159545"/>
                  <a:gd name="connsiteX3" fmla="*/ 130969 w 292894"/>
                  <a:gd name="connsiteY3" fmla="*/ 0 h 15954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l="l" t="t" r="r" b="b"/>
                <a:pathLst>
                  <a:path w="292894" h="159545">
                    <a:moveTo>
                      <a:pt x="130969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30969" y="0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56" name="任意多边形 55"/>
              <p:cNvSpPr/>
              <p:nvPr/>
            </p:nvSpPr>
            <p:spPr>
              <a:xfrm>
                <a:off x="2298700" y="939799"/>
                <a:ext cx="2702560" cy="2612542"/>
              </a:xfrm>
              <a:custGeom>
                <a:avLst/>
                <a:gdLst>
                  <a:gd name="connsiteX0" fmla="*/ 0 w 2387600"/>
                  <a:gd name="connsiteY0" fmla="*/ 152400 h 1397000"/>
                  <a:gd name="connsiteX1" fmla="*/ 165100 w 2387600"/>
                  <a:gd name="connsiteY1" fmla="*/ 0 h 1397000"/>
                  <a:gd name="connsiteX2" fmla="*/ 1562100 w 2387600"/>
                  <a:gd name="connsiteY2" fmla="*/ 1397000 h 1397000"/>
                  <a:gd name="connsiteX3" fmla="*/ 2387600 w 2387600"/>
                  <a:gd name="connsiteY3" fmla="*/ 1397000 h 1397000"/>
                  <a:gd name="connsiteX4" fmla="*/ 990600 w 2387600"/>
                  <a:gd name="connsiteY4" fmla="*/ 0 h 1397000"/>
                  <a:gd name="connsiteX5" fmla="*/ 165100 w 2387600"/>
                  <a:gd name="connsiteY5" fmla="*/ 0 h 1397000"/>
                  <a:gd name="connsiteX0" fmla="*/ 0 w 2222500"/>
                  <a:gd name="connsiteY0" fmla="*/ 0 h 1397000"/>
                  <a:gd name="connsiteX1" fmla="*/ 1397000 w 2222500"/>
                  <a:gd name="connsiteY1" fmla="*/ 1397000 h 1397000"/>
                  <a:gd name="connsiteX2" fmla="*/ 2222500 w 2222500"/>
                  <a:gd name="connsiteY2" fmla="*/ 1397000 h 1397000"/>
                  <a:gd name="connsiteX3" fmla="*/ 825500 w 2222500"/>
                  <a:gd name="connsiteY3" fmla="*/ 0 h 1397000"/>
                  <a:gd name="connsiteX4" fmla="*/ 0 w 2222500"/>
                  <a:gd name="connsiteY4" fmla="*/ 0 h 1397000"/>
                  <a:gd name="connsiteX0" fmla="*/ 0 w 3098800"/>
                  <a:gd name="connsiteY0" fmla="*/ 0 h 2298700"/>
                  <a:gd name="connsiteX1" fmla="*/ 1397000 w 3098800"/>
                  <a:gd name="connsiteY1" fmla="*/ 1397000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3098800"/>
                  <a:gd name="connsiteY0" fmla="*/ 0 h 2298700"/>
                  <a:gd name="connsiteX1" fmla="*/ 2311400 w 3098800"/>
                  <a:gd name="connsiteY1" fmla="*/ 2286000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3098800"/>
                  <a:gd name="connsiteY0" fmla="*/ 0 h 2305050"/>
                  <a:gd name="connsiteX1" fmla="*/ 235426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305050"/>
                  <a:gd name="connsiteX1" fmla="*/ 233140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305050"/>
                  <a:gd name="connsiteX1" fmla="*/ 2285683 w 3098800"/>
                  <a:gd name="connsiteY1" fmla="*/ 2305050 h 2305050"/>
                  <a:gd name="connsiteX2" fmla="*/ 3098800 w 3098800"/>
                  <a:gd name="connsiteY2" fmla="*/ 2298700 h 2305050"/>
                  <a:gd name="connsiteX3" fmla="*/ 825500 w 3098800"/>
                  <a:gd name="connsiteY3" fmla="*/ 0 h 2305050"/>
                  <a:gd name="connsiteX4" fmla="*/ 0 w 3098800"/>
                  <a:gd name="connsiteY4" fmla="*/ 0 h 2305050"/>
                  <a:gd name="connsiteX0" fmla="*/ 0 w 3098800"/>
                  <a:gd name="connsiteY0" fmla="*/ 0 h 2298700"/>
                  <a:gd name="connsiteX1" fmla="*/ 1889443 w 3098800"/>
                  <a:gd name="connsiteY1" fmla="*/ 1893388 h 2298700"/>
                  <a:gd name="connsiteX2" fmla="*/ 3098800 w 3098800"/>
                  <a:gd name="connsiteY2" fmla="*/ 2298700 h 2298700"/>
                  <a:gd name="connsiteX3" fmla="*/ 825500 w 3098800"/>
                  <a:gd name="connsiteY3" fmla="*/ 0 h 2298700"/>
                  <a:gd name="connsiteX4" fmla="*/ 0 w 3098800"/>
                  <a:gd name="connsiteY4" fmla="*/ 0 h 2298700"/>
                  <a:gd name="connsiteX0" fmla="*/ 0 w 2710180"/>
                  <a:gd name="connsiteY0" fmla="*/ 0 h 1920416"/>
                  <a:gd name="connsiteX1" fmla="*/ 1889443 w 2710180"/>
                  <a:gd name="connsiteY1" fmla="*/ 1893388 h 1920416"/>
                  <a:gd name="connsiteX2" fmla="*/ 2710180 w 2710180"/>
                  <a:gd name="connsiteY2" fmla="*/ 1920416 h 1920416"/>
                  <a:gd name="connsiteX3" fmla="*/ 825500 w 2710180"/>
                  <a:gd name="connsiteY3" fmla="*/ 0 h 1920416"/>
                  <a:gd name="connsiteX4" fmla="*/ 0 w 2710180"/>
                  <a:gd name="connsiteY4" fmla="*/ 0 h 1920416"/>
                  <a:gd name="connsiteX0" fmla="*/ 0 w 2702560"/>
                  <a:gd name="connsiteY0" fmla="*/ 0 h 1909290"/>
                  <a:gd name="connsiteX1" fmla="*/ 1889443 w 2702560"/>
                  <a:gd name="connsiteY1" fmla="*/ 1893388 h 1909290"/>
                  <a:gd name="connsiteX2" fmla="*/ 2702560 w 2702560"/>
                  <a:gd name="connsiteY2" fmla="*/ 1909290 h 1909290"/>
                  <a:gd name="connsiteX3" fmla="*/ 825500 w 2702560"/>
                  <a:gd name="connsiteY3" fmla="*/ 0 h 1909290"/>
                  <a:gd name="connsiteX4" fmla="*/ 0 w 2702560"/>
                  <a:gd name="connsiteY4" fmla="*/ 0 h 1909290"/>
                  <a:gd name="connsiteX0" fmla="*/ 0 w 2702560"/>
                  <a:gd name="connsiteY0" fmla="*/ 0 h 1909290"/>
                  <a:gd name="connsiteX1" fmla="*/ 1898968 w 2702560"/>
                  <a:gd name="connsiteY1" fmla="*/ 1907295 h 1909290"/>
                  <a:gd name="connsiteX2" fmla="*/ 2702560 w 2702560"/>
                  <a:gd name="connsiteY2" fmla="*/ 1909290 h 1909290"/>
                  <a:gd name="connsiteX3" fmla="*/ 825500 w 2702560"/>
                  <a:gd name="connsiteY3" fmla="*/ 0 h 1909290"/>
                  <a:gd name="connsiteX4" fmla="*/ 0 w 2702560"/>
                  <a:gd name="connsiteY4" fmla="*/ 0 h 1909290"/>
                  <a:gd name="connsiteX0" fmla="*/ 0 w 2702560"/>
                  <a:gd name="connsiteY0" fmla="*/ 0 h 1907295"/>
                  <a:gd name="connsiteX1" fmla="*/ 1898968 w 2702560"/>
                  <a:gd name="connsiteY1" fmla="*/ 1907295 h 1907295"/>
                  <a:gd name="connsiteX2" fmla="*/ 2702560 w 2702560"/>
                  <a:gd name="connsiteY2" fmla="*/ 1904654 h 1907295"/>
                  <a:gd name="connsiteX3" fmla="*/ 825500 w 2702560"/>
                  <a:gd name="connsiteY3" fmla="*/ 0 h 1907295"/>
                  <a:gd name="connsiteX4" fmla="*/ 0 w 2702560"/>
                  <a:gd name="connsiteY4" fmla="*/ 0 h 1907295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l="l" t="t" r="r" b="b"/>
                <a:pathLst>
                  <a:path w="2702560" h="1907295">
                    <a:moveTo>
                      <a:pt x="0" y="0"/>
                    </a:moveTo>
                    <a:lnTo>
                      <a:pt x="1898968" y="1907295"/>
                    </a:lnTo>
                    <a:lnTo>
                      <a:pt x="2702560" y="1904654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</p:grpSp>
        <p:sp>
          <p:nvSpPr>
            <p:cNvPr id="54" name="矩形 53"/>
            <p:cNvSpPr/>
            <p:nvPr/>
          </p:nvSpPr>
          <p:spPr>
            <a:xfrm rot="3329058">
              <a:off x="2397049" y="1883497"/>
              <a:ext cx="2236510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a text title</a:t>
              </a:r>
              <a:endParaRPr lang="zh-CN" altLang="en-US" sz="1600" dirty="0">
                <a:solidFill>
                  <a:schemeClr val="bg1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" presetClass="exit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id="15" dur="500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/>
          <p:cNvGrpSpPr/>
          <p:nvPr/>
        </p:nvGrpSpPr>
        <p:grpSpPr>
          <a:xfrm>
            <a:off x="4782033" y="2468236"/>
            <a:ext cx="5113168" cy="2141950"/>
            <a:chOff x="2972083" y="1979113"/>
            <a:chExt cx="5113168" cy="2141950"/>
          </a:xfrm>
        </p:grpSpPr>
        <p:sp>
          <p:nvSpPr>
            <p:cNvPr id="3" name="矩形 2"/>
            <p:cNvSpPr/>
            <p:nvPr/>
          </p:nvSpPr>
          <p:spPr>
            <a:xfrm>
              <a:off x="2972083" y="1979113"/>
              <a:ext cx="5113168" cy="214195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solidFill>
                  <a:schemeClr val="bg1"/>
                </a:solidFill>
              </a:endParaRPr>
            </a:p>
          </p:txBody>
        </p:sp>
        <p:sp>
          <p:nvSpPr>
            <p:cNvPr id="4" name="矩形 3"/>
            <p:cNvSpPr>
              <a:spLocks noChangeArrowheads="1"/>
            </p:cNvSpPr>
            <p:nvPr/>
          </p:nvSpPr>
          <p:spPr bwMode="auto">
            <a:xfrm>
              <a:off x="3116099" y="2213309"/>
              <a:ext cx="4969152" cy="163121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>
                <a:lnSpc>
                  <a:spcPts val="2000"/>
                </a:lnSpc>
              </a:pPr>
              <a:r>
                <a:rPr lang="en-US" altLang="zh-CN" sz="1200" dirty="0">
                  <a:solidFill>
                    <a:schemeClr val="bg1"/>
                  </a:solidFill>
                  <a:latin typeface="Arial" charset="0"/>
                </a:rPr>
                <a:t>RAPIDPPT, the leader of professional PPT designer in China. </a:t>
              </a:r>
            </a:p>
            <a:p>
              <a:pPr>
                <a:lnSpc>
                  <a:spcPts val="2000"/>
                </a:lnSpc>
              </a:pPr>
              <a:r>
                <a:rPr lang="en-US" altLang="zh-CN" sz="1200" dirty="0">
                  <a:solidFill>
                    <a:schemeClr val="bg1"/>
                  </a:solidFill>
                  <a:latin typeface="Arial" charset="0"/>
                </a:rPr>
                <a:t>5years of making professional PPT,</a:t>
              </a:r>
            </a:p>
            <a:p>
              <a:pPr>
                <a:lnSpc>
                  <a:spcPts val="2000"/>
                </a:lnSpc>
              </a:pPr>
              <a:r>
                <a:rPr lang="en-US" altLang="zh-CN" sz="1200" dirty="0">
                  <a:solidFill>
                    <a:schemeClr val="bg1"/>
                  </a:solidFill>
                  <a:latin typeface="Arial" charset="0"/>
                </a:rPr>
                <a:t>Classical PPT, </a:t>
              </a:r>
            </a:p>
            <a:p>
              <a:pPr>
                <a:lnSpc>
                  <a:spcPts val="2000"/>
                </a:lnSpc>
              </a:pPr>
              <a:r>
                <a:rPr lang="en-US" altLang="zh-CN" sz="1200" dirty="0">
                  <a:solidFill>
                    <a:schemeClr val="bg1"/>
                  </a:solidFill>
                  <a:latin typeface="Arial" charset="0"/>
                </a:rPr>
                <a:t>Make sure you will be sy'n ed. ...... RAPIDPPT </a:t>
              </a:r>
            </a:p>
            <a:p>
              <a:pPr>
                <a:lnSpc>
                  <a:spcPts val="2000"/>
                </a:lnSpc>
              </a:pPr>
              <a:r>
                <a:rPr lang="en-US" altLang="zh-CN" sz="1200" dirty="0">
                  <a:solidFill>
                    <a:schemeClr val="bg1"/>
                  </a:solidFill>
                  <a:latin typeface="Arial" charset="0"/>
                </a:rPr>
                <a:t>The sys from the the old production model, and create a new PPT experience.</a:t>
              </a:r>
            </a:p>
          </p:txBody>
        </p:sp>
      </p:grpSp>
      <p:grpSp>
        <p:nvGrpSpPr>
          <p:cNvPr id="5" name="组合 4"/>
          <p:cNvGrpSpPr/>
          <p:nvPr/>
        </p:nvGrpSpPr>
        <p:grpSpPr>
          <a:xfrm>
            <a:off x="2138873" y="2465557"/>
            <a:ext cx="2471242" cy="313932"/>
            <a:chOff x="438410" y="1824281"/>
            <a:chExt cx="2471242" cy="313932"/>
          </a:xfrm>
        </p:grpSpPr>
        <p:sp>
          <p:nvSpPr>
            <p:cNvPr id="6" name="矩形 5"/>
            <p:cNvSpPr/>
            <p:nvPr/>
          </p:nvSpPr>
          <p:spPr>
            <a:xfrm>
              <a:off x="438410" y="1826551"/>
              <a:ext cx="2471242" cy="296826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7" name="矩形 6"/>
            <p:cNvSpPr/>
            <p:nvPr/>
          </p:nvSpPr>
          <p:spPr>
            <a:xfrm>
              <a:off x="673460" y="1824281"/>
              <a:ext cx="1723549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  <p:grpSp>
        <p:nvGrpSpPr>
          <p:cNvPr id="8" name="组合 7"/>
          <p:cNvGrpSpPr/>
          <p:nvPr/>
        </p:nvGrpSpPr>
        <p:grpSpPr>
          <a:xfrm>
            <a:off x="2138873" y="2894293"/>
            <a:ext cx="2471242" cy="324188"/>
            <a:chOff x="438410" y="2239910"/>
            <a:chExt cx="2471242" cy="324188"/>
          </a:xfrm>
        </p:grpSpPr>
        <p:sp>
          <p:nvSpPr>
            <p:cNvPr id="9" name="矩形 8"/>
            <p:cNvSpPr/>
            <p:nvPr/>
          </p:nvSpPr>
          <p:spPr>
            <a:xfrm>
              <a:off x="438410" y="2239910"/>
              <a:ext cx="2471242" cy="296826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0" name="矩形 9"/>
            <p:cNvSpPr/>
            <p:nvPr/>
          </p:nvSpPr>
          <p:spPr>
            <a:xfrm>
              <a:off x="673460" y="2250166"/>
              <a:ext cx="1723549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  <p:grpSp>
        <p:nvGrpSpPr>
          <p:cNvPr id="11" name="组合 10"/>
          <p:cNvGrpSpPr/>
          <p:nvPr/>
        </p:nvGrpSpPr>
        <p:grpSpPr>
          <a:xfrm>
            <a:off x="2138873" y="3342790"/>
            <a:ext cx="2471242" cy="313932"/>
            <a:chOff x="438410" y="2701103"/>
            <a:chExt cx="2471242" cy="313932"/>
          </a:xfrm>
        </p:grpSpPr>
        <p:sp>
          <p:nvSpPr>
            <p:cNvPr id="12" name="矩形 11"/>
            <p:cNvSpPr/>
            <p:nvPr/>
          </p:nvSpPr>
          <p:spPr>
            <a:xfrm>
              <a:off x="438410" y="2703373"/>
              <a:ext cx="2471242" cy="296826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3" name="矩形 12"/>
            <p:cNvSpPr/>
            <p:nvPr/>
          </p:nvSpPr>
          <p:spPr>
            <a:xfrm>
              <a:off x="673460" y="2701103"/>
              <a:ext cx="1723549" cy="3139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lang="zh-CN" altLang="en-US" sz="12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here to add text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4030663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250">
        <p:fade/>
      </p:transition>
    </mc:Choice>
    <mc:Fallback xmlns="" xmlns:a14="http://schemas.microsoft.com/office/drawing/2010/main">
      <p:transition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75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75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7" presetClass="entr" presetSubtype="0" fill="hold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75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75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75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7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7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75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2" presetClass="entr" presetSubtype="8" fill="hold" nodeType="withEffect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https://www.freeppt7.com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213</TotalTime>
  <Words>1010</Words>
  <Application>Microsoft Office PowerPoint</Application>
  <PresentationFormat>宽屏</PresentationFormat>
  <Paragraphs>255</Paragraphs>
  <Slides>33</Slides>
  <Notes>0</Notes>
  <HiddenSlides>0</HiddenSlides>
  <MMClips>0</MMClips>
  <ScaleCrop>false</ScaleCrop>
  <HeadingPairs>
    <vt:vector size="6" baseType="variant">
      <vt:variant>
        <vt:lpstr>已用的字体</vt:lpstr>
      </vt:variant>
      <vt:variant>
        <vt:i4>13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33</vt:i4>
      </vt:variant>
    </vt:vector>
  </HeadingPairs>
  <TitlesOfParts>
    <vt:vector size="47" baseType="lpstr">
      <vt:lpstr>Adobe 明體 Std L</vt:lpstr>
      <vt:lpstr>MStiffHeiHK-UltraBold</vt:lpstr>
      <vt:lpstr>方正超粗黑简体</vt:lpstr>
      <vt:lpstr>方正粗宋简体</vt:lpstr>
      <vt:lpstr>方正正粗黑简体</vt:lpstr>
      <vt:lpstr>方正正中黑简体</vt:lpstr>
      <vt:lpstr>微软雅黑</vt:lpstr>
      <vt:lpstr>Arial</vt:lpstr>
      <vt:lpstr>Arial Black</vt:lpstr>
      <vt:lpstr>Calibri</vt:lpstr>
      <vt:lpstr>Edwardian Script ITC</vt:lpstr>
      <vt:lpstr>Franklin Gothic Book</vt:lpstr>
      <vt:lpstr>Rockwell Extra Bold</vt:lpstr>
      <vt:lpstr>https://www.freeppt7.com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Company>www.freeppt7.com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templates</dc:title>
  <dc:creator>www.freeppt7.com</dc:creator>
  <cp:keywords>https:/www.freeppt7.com</cp:keywords>
  <dc:description>https://www.freeppt7.com</dc:description>
  <cp:lastModifiedBy>宇 之灵</cp:lastModifiedBy>
  <cp:revision>91</cp:revision>
  <dcterms:created xsi:type="dcterms:W3CDTF">2013-07-22T14:16:44Z</dcterms:created>
  <dcterms:modified xsi:type="dcterms:W3CDTF">2020-06-27T00:33:53Z</dcterms:modified>
</cp:coreProperties>
</file>